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9200" windowHeight="11610"/>
  </bookViews>
  <sheets>
    <sheet name="目次" sheetId="90" r:id="rId1"/>
    <sheet name="年齢別・性別人口(01総曲輪)" sheetId="1" r:id="rId2"/>
    <sheet name="年齢別・性別人口(02愛宕)" sheetId="2" r:id="rId3"/>
    <sheet name="年齢別・性別人口(03安野屋)" sheetId="3" r:id="rId4"/>
    <sheet name="年齢別・性別人口(04八人町)" sheetId="4" r:id="rId5"/>
    <sheet name="年齢別・性別人口(05五番町)" sheetId="5" r:id="rId6"/>
    <sheet name="年齢別・性別人口(06柳町)" sheetId="6" r:id="rId7"/>
    <sheet name="年齢別・性別人口(07清水町)" sheetId="7" r:id="rId8"/>
    <sheet name="年齢別・性別人口(08星井町)" sheetId="8" r:id="rId9"/>
    <sheet name="年齢別・性別人口(09西田地方)" sheetId="9" r:id="rId10"/>
    <sheet name="年齢別・性別人口(10堀川)" sheetId="10" r:id="rId11"/>
    <sheet name="年齢別・性別人口(11堀川南)" sheetId="11" r:id="rId12"/>
    <sheet name="年齢別・性別人口(12東部)" sheetId="12" r:id="rId13"/>
    <sheet name="年齢別・性別人口(13奥田)" sheetId="13" r:id="rId14"/>
    <sheet name="年齢別・性別人口(14奥田北)" sheetId="14" r:id="rId15"/>
    <sheet name="年齢別・性別人口(15桜谷)" sheetId="15" r:id="rId16"/>
    <sheet name="年齢別・性別人口(16五福)" sheetId="16" r:id="rId17"/>
    <sheet name="年齢別・性別人口(17神明)" sheetId="17" r:id="rId18"/>
    <sheet name="年齢別・性別人口(18岩瀬)" sheetId="18" r:id="rId19"/>
    <sheet name="年齢別・性別人口(19萩浦)" sheetId="19" r:id="rId20"/>
    <sheet name="年齢別・性別人口(20大広田)" sheetId="20" r:id="rId21"/>
    <sheet name="年齢別・性別人口(21浜黒崎)" sheetId="21" r:id="rId22"/>
    <sheet name="年齢別・性別人口(22針原)" sheetId="22" r:id="rId23"/>
    <sheet name="年齢別・性別人口(23豊田)" sheetId="23" r:id="rId24"/>
    <sheet name="年齢別・性別人口(24広田)" sheetId="24" r:id="rId25"/>
    <sheet name="年齢別・性別人口(25新庄)" sheetId="25" r:id="rId26"/>
    <sheet name="年齢別・性別人口(26藤ノ木)" sheetId="26" r:id="rId27"/>
    <sheet name="年齢別・性別人口(27山室)" sheetId="27" r:id="rId28"/>
    <sheet name="年齢別・性別人口(28山室中部)" sheetId="28" r:id="rId29"/>
    <sheet name="年齢別・性別人口(29太田)" sheetId="29" r:id="rId30"/>
    <sheet name="年齢別・性別人口(30蜷川)" sheetId="30" r:id="rId31"/>
    <sheet name="年齢別・性別人口(31新保)" sheetId="31" r:id="rId32"/>
    <sheet name="年齢別・性別人口(32熊野)" sheetId="32" r:id="rId33"/>
    <sheet name="年齢別・性別人口(33月岡)" sheetId="33" r:id="rId34"/>
    <sheet name="年齢別・性別人口(34四方)" sheetId="34" r:id="rId35"/>
    <sheet name="年齢別・性別人口(35八幡)" sheetId="35" r:id="rId36"/>
    <sheet name="年齢別・性別人口(36草島)" sheetId="36" r:id="rId37"/>
    <sheet name="年齢別・性別人口(37倉垣)" sheetId="37" r:id="rId38"/>
    <sheet name="年齢別・性別人口(38呉羽)" sheetId="38" r:id="rId39"/>
    <sheet name="年齢別・性別人口(39長岡)" sheetId="39" r:id="rId40"/>
    <sheet name="年齢別・性別人口(40寒江)" sheetId="40" r:id="rId41"/>
    <sheet name="年齢別・性別人口(41古沢)" sheetId="41" r:id="rId42"/>
    <sheet name="年齢別・性別人口(42老田)" sheetId="42" r:id="rId43"/>
    <sheet name="年齢別・性別人口(43池多)" sheetId="43" r:id="rId44"/>
    <sheet name="年齢別・性別人口(44水橋中部)" sheetId="44" r:id="rId45"/>
    <sheet name="年齢別・性別人口(45水橋西部)" sheetId="45" r:id="rId46"/>
    <sheet name="年齢別・性別人口(46水橋東部)" sheetId="46" r:id="rId47"/>
    <sheet name="年齢別・性別人口(47三郷)" sheetId="47" r:id="rId48"/>
    <sheet name="年齢別・性別人口(48上条)" sheetId="48" r:id="rId49"/>
    <sheet name="年齢別・性別人口(49光陽)" sheetId="49" r:id="rId50"/>
    <sheet name="年齢別・性別人口(50新庄北）" sheetId="50" r:id="rId51"/>
    <sheet name="年齢別・性別人口(0099富山地域)" sheetId="51" r:id="rId52"/>
    <sheet name="年齢別・性別人口0101下タ)" sheetId="52" r:id="rId53"/>
    <sheet name="年齢別・性別人口(0102小羽)" sheetId="53" r:id="rId54"/>
    <sheet name="年齢別・性別人口(0103船峅)" sheetId="54" r:id="rId55"/>
    <sheet name="年齢別・性別人口(0104大沢野)" sheetId="55" r:id="rId56"/>
    <sheet name="年齢別・性別人口(0105大久保)" sheetId="56" r:id="rId57"/>
    <sheet name="年齢別・性別人口(0199大沢野地域)" sheetId="57" r:id="rId58"/>
    <sheet name="年齢別・性別人口(0201上滝)" sheetId="58" r:id="rId59"/>
    <sheet name="年齢別・性別人口(0202大山)" sheetId="59" r:id="rId60"/>
    <sheet name="年齢別・性別人口(0203大庄)" sheetId="60" r:id="rId61"/>
    <sheet name="年齢別・性別人口(0204福沢)" sheetId="61" r:id="rId62"/>
    <sheet name="年齢別・性別人口(0299大山地域)" sheetId="62" r:id="rId63"/>
    <sheet name="年齢別・性別人口(0301八尾)" sheetId="63" r:id="rId64"/>
    <sheet name="年齢別・性別人口(0302保内)" sheetId="64" r:id="rId65"/>
    <sheet name="年齢別・性別人口(0303杉原)" sheetId="65" r:id="rId66"/>
    <sheet name="年齢別・性別人口(0304卯花)" sheetId="66" r:id="rId67"/>
    <sheet name="年齢別・性別人口(0305室牧)" sheetId="67" r:id="rId68"/>
    <sheet name="年齢別・性別人口(0306黒瀬谷)" sheetId="68" r:id="rId69"/>
    <sheet name="年齢別・性別人口(0307野積)" sheetId="69" r:id="rId70"/>
    <sheet name="年齢別・性別人口(0308仁歩)" sheetId="70" r:id="rId71"/>
    <sheet name="年齢別・性別人口(0309大長谷)" sheetId="71" r:id="rId72"/>
    <sheet name="年齢別・性別人口(0399八尾地域)" sheetId="72" r:id="rId73"/>
    <sheet name="年齢別・性別人口(0401速星)" sheetId="73" r:id="rId74"/>
    <sheet name="年齢別・性別人口(0402鵜坂)" sheetId="74" r:id="rId75"/>
    <sheet name="年齢別・性別人口(0403朝日)" sheetId="75" r:id="rId76"/>
    <sheet name="年齢別・性別人口(0404宮川)" sheetId="76" r:id="rId77"/>
    <sheet name="年齢別・性別人口(0405婦中熊野)" sheetId="77" r:id="rId78"/>
    <sheet name="年齢別・性別人口(0406古里)" sheetId="78" r:id="rId79"/>
    <sheet name="年齢別・性別人口(0407音川)" sheetId="79" r:id="rId80"/>
    <sheet name="年齢別・性別人口(0408神保)" sheetId="80" r:id="rId81"/>
    <sheet name="年齢別・性別人口(0499婦中地域)" sheetId="81" r:id="rId82"/>
    <sheet name="年齢別・性別人口(0501山田南部)" sheetId="82" r:id="rId83"/>
    <sheet name="年齢別・性別人口(0502山田中部)" sheetId="83" r:id="rId84"/>
    <sheet name="年齢別・性別人口(0503山田西部)" sheetId="84" r:id="rId85"/>
    <sheet name="年齢別・性別人口(0504山田東部)" sheetId="85" r:id="rId86"/>
    <sheet name="年齢別・性別人口(0599山田地域)" sheetId="86" r:id="rId87"/>
    <sheet name="年齢別・性別人口(0601細入北部)" sheetId="87" r:id="rId88"/>
    <sheet name="年齢別・性別人口(0602細入南部)" sheetId="88" r:id="rId89"/>
    <sheet name="年齢別・性別人口(0699細入地域)" sheetId="89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686" uniqueCount="485">
  <si>
    <t>【合計】</t>
    <rPh sb="1" eb="3">
      <t>ゴウケイ</t>
    </rPh>
    <phoneticPr fontId="2"/>
  </si>
  <si>
    <t>【65～】</t>
    <phoneticPr fontId="2"/>
  </si>
  <si>
    <t>《100～》</t>
    <phoneticPr fontId="2"/>
  </si>
  <si>
    <t>101～</t>
    <phoneticPr fontId="2"/>
  </si>
  <si>
    <t>《95～99》</t>
    <phoneticPr fontId="2"/>
  </si>
  <si>
    <t>《90～94》</t>
    <phoneticPr fontId="2"/>
  </si>
  <si>
    <t>《85～89》</t>
    <phoneticPr fontId="2"/>
  </si>
  <si>
    <t>《80～84》</t>
    <phoneticPr fontId="2"/>
  </si>
  <si>
    <t>《75～79》</t>
    <phoneticPr fontId="2"/>
  </si>
  <si>
    <t>《70～74》</t>
    <phoneticPr fontId="2"/>
  </si>
  <si>
    <t>《65～69》</t>
    <phoneticPr fontId="2"/>
  </si>
  <si>
    <t>【15～64】</t>
    <phoneticPr fontId="2"/>
  </si>
  <si>
    <t>《60～64》</t>
    <phoneticPr fontId="2"/>
  </si>
  <si>
    <t>《55～59》</t>
    <phoneticPr fontId="2"/>
  </si>
  <si>
    <t>《50～54》</t>
    <phoneticPr fontId="2"/>
  </si>
  <si>
    <t>《45～49》</t>
    <phoneticPr fontId="2"/>
  </si>
  <si>
    <t>《40～44》</t>
    <phoneticPr fontId="2"/>
  </si>
  <si>
    <t>《35～39》</t>
    <phoneticPr fontId="2"/>
  </si>
  <si>
    <t>《30～34》</t>
    <phoneticPr fontId="2"/>
  </si>
  <si>
    <t>《25～29》</t>
    <phoneticPr fontId="2"/>
  </si>
  <si>
    <t>《20～24》</t>
    <phoneticPr fontId="2"/>
  </si>
  <si>
    <t>《15～19》</t>
    <phoneticPr fontId="2"/>
  </si>
  <si>
    <t>【0～14】</t>
    <phoneticPr fontId="2"/>
  </si>
  <si>
    <t>《10～14》</t>
    <phoneticPr fontId="2"/>
  </si>
  <si>
    <t>《5～9》</t>
    <phoneticPr fontId="2"/>
  </si>
  <si>
    <t>《0～4》</t>
    <phoneticPr fontId="2"/>
  </si>
  <si>
    <t>計</t>
    <rPh sb="0" eb="1">
      <t>ケイ</t>
    </rPh>
    <phoneticPr fontId="2"/>
  </si>
  <si>
    <t>女</t>
    <rPh sb="0" eb="1">
      <t>オンナ</t>
    </rPh>
    <phoneticPr fontId="2"/>
  </si>
  <si>
    <t>男</t>
    <rPh sb="0" eb="1">
      <t>オトコ</t>
    </rPh>
    <phoneticPr fontId="2"/>
  </si>
  <si>
    <t>年齢</t>
    <rPh sb="0" eb="2">
      <t>ネンレイ</t>
    </rPh>
    <phoneticPr fontId="2"/>
  </si>
  <si>
    <t>令和5年3月末</t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2"/>
  </si>
  <si>
    <t>《35～39》</t>
    <phoneticPr fontId="2"/>
  </si>
  <si>
    <t>《20～24》</t>
    <phoneticPr fontId="2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2"/>
  </si>
  <si>
    <t>【65～】</t>
    <phoneticPr fontId="2"/>
  </si>
  <si>
    <t>《100～》</t>
    <phoneticPr fontId="2"/>
  </si>
  <si>
    <t>101～</t>
    <phoneticPr fontId="2"/>
  </si>
  <si>
    <t>《85～89》</t>
    <phoneticPr fontId="2"/>
  </si>
  <si>
    <t>《80～84》</t>
    <phoneticPr fontId="2"/>
  </si>
  <si>
    <t>《75～79》</t>
    <phoneticPr fontId="2"/>
  </si>
  <si>
    <t>《70～74》</t>
    <phoneticPr fontId="2"/>
  </si>
  <si>
    <t>《65～69》</t>
    <phoneticPr fontId="2"/>
  </si>
  <si>
    <t>【15～64】</t>
    <phoneticPr fontId="2"/>
  </si>
  <si>
    <t>《60～64》</t>
    <phoneticPr fontId="2"/>
  </si>
  <si>
    <t>《45～49》</t>
    <phoneticPr fontId="2"/>
  </si>
  <si>
    <t>《40～44》</t>
    <phoneticPr fontId="2"/>
  </si>
  <si>
    <t>《20～24》</t>
    <phoneticPr fontId="2"/>
  </si>
  <si>
    <t>《15～19》</t>
    <phoneticPr fontId="2"/>
  </si>
  <si>
    <t>《10～14》</t>
    <phoneticPr fontId="2"/>
  </si>
  <si>
    <t>《5～9》</t>
    <phoneticPr fontId="2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2"/>
  </si>
  <si>
    <t>【65～】</t>
    <phoneticPr fontId="2"/>
  </si>
  <si>
    <t>《95～99》</t>
    <phoneticPr fontId="2"/>
  </si>
  <si>
    <t>《90～94》</t>
    <phoneticPr fontId="2"/>
  </si>
  <si>
    <t>《75～79》</t>
    <phoneticPr fontId="2"/>
  </si>
  <si>
    <t>《70～74》</t>
    <phoneticPr fontId="2"/>
  </si>
  <si>
    <t>《55～59》</t>
    <phoneticPr fontId="2"/>
  </si>
  <si>
    <t>《50～54》</t>
    <phoneticPr fontId="2"/>
  </si>
  <si>
    <t>《45～49》</t>
    <phoneticPr fontId="2"/>
  </si>
  <si>
    <t>《35～39》</t>
    <phoneticPr fontId="2"/>
  </si>
  <si>
    <t>《30～34》</t>
    <phoneticPr fontId="2"/>
  </si>
  <si>
    <t>《25～29》</t>
    <phoneticPr fontId="2"/>
  </si>
  <si>
    <t>《20～24》</t>
    <phoneticPr fontId="2"/>
  </si>
  <si>
    <t>《15～19》</t>
    <phoneticPr fontId="2"/>
  </si>
  <si>
    <t>【0～14】</t>
    <phoneticPr fontId="2"/>
  </si>
  <si>
    <t>《0～4》</t>
    <phoneticPr fontId="2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2"/>
  </si>
  <si>
    <t>《95～99》</t>
    <phoneticPr fontId="2"/>
  </si>
  <si>
    <t>《90～94》</t>
    <phoneticPr fontId="2"/>
  </si>
  <si>
    <t>《75～79》</t>
    <phoneticPr fontId="2"/>
  </si>
  <si>
    <t>《55～59》</t>
    <phoneticPr fontId="2"/>
  </si>
  <si>
    <t>《35～39》</t>
    <phoneticPr fontId="2"/>
  </si>
  <si>
    <t>《25～29》</t>
    <phoneticPr fontId="2"/>
  </si>
  <si>
    <t>《20～24》</t>
    <phoneticPr fontId="2"/>
  </si>
  <si>
    <t>《10～14》</t>
    <phoneticPr fontId="2"/>
  </si>
  <si>
    <t>《0～4》</t>
    <phoneticPr fontId="2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2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2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2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2"/>
  </si>
  <si>
    <t>《40～44》</t>
    <phoneticPr fontId="2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2"/>
  </si>
  <si>
    <t>【15～64】</t>
    <phoneticPr fontId="2"/>
  </si>
  <si>
    <t>《55～59》</t>
    <phoneticPr fontId="2"/>
  </si>
  <si>
    <t>《30～34》</t>
    <phoneticPr fontId="2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2"/>
  </si>
  <si>
    <t>《85～89》</t>
    <phoneticPr fontId="2"/>
  </si>
  <si>
    <t>《50～54》</t>
    <phoneticPr fontId="2"/>
  </si>
  <si>
    <t>《35～39》</t>
    <phoneticPr fontId="2"/>
  </si>
  <si>
    <t>《15～19》</t>
    <phoneticPr fontId="2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2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2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2"/>
  </si>
  <si>
    <t>【65～】</t>
    <phoneticPr fontId="2"/>
  </si>
  <si>
    <t>《100～》</t>
    <phoneticPr fontId="2"/>
  </si>
  <si>
    <t>《90～94》</t>
    <phoneticPr fontId="2"/>
  </si>
  <si>
    <t>《85～89》</t>
    <phoneticPr fontId="2"/>
  </si>
  <si>
    <t>《80～84》</t>
    <phoneticPr fontId="2"/>
  </si>
  <si>
    <t>《65～69》</t>
    <phoneticPr fontId="2"/>
  </si>
  <si>
    <t>【15～64】</t>
    <phoneticPr fontId="2"/>
  </si>
  <si>
    <t>《60～64》</t>
    <phoneticPr fontId="2"/>
  </si>
  <si>
    <t>《55～59》</t>
    <phoneticPr fontId="2"/>
  </si>
  <si>
    <t>《45～49》</t>
    <phoneticPr fontId="2"/>
  </si>
  <si>
    <t>【0～14】</t>
    <phoneticPr fontId="2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2"/>
  </si>
  <si>
    <t>《5～9》</t>
    <phoneticPr fontId="2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2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2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2"/>
  </si>
  <si>
    <t>《100～》</t>
    <phoneticPr fontId="2"/>
  </si>
  <si>
    <t>《55～59》</t>
    <phoneticPr fontId="2"/>
  </si>
  <si>
    <t>《30～34》</t>
    <phoneticPr fontId="2"/>
  </si>
  <si>
    <t>《15～19》</t>
    <phoneticPr fontId="2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2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2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2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2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2"/>
  </si>
  <si>
    <t>【65～】</t>
    <phoneticPr fontId="2"/>
  </si>
  <si>
    <t>《100～》</t>
    <phoneticPr fontId="2"/>
  </si>
  <si>
    <t>《95～99》</t>
    <phoneticPr fontId="2"/>
  </si>
  <si>
    <t>《85～89》</t>
    <phoneticPr fontId="2"/>
  </si>
  <si>
    <t>《80～84》</t>
    <phoneticPr fontId="2"/>
  </si>
  <si>
    <t>《75～79》</t>
    <phoneticPr fontId="2"/>
  </si>
  <si>
    <t>《65～69》</t>
    <phoneticPr fontId="2"/>
  </si>
  <si>
    <t>《55～59》</t>
    <phoneticPr fontId="2"/>
  </si>
  <si>
    <t>《45～49》</t>
    <phoneticPr fontId="2"/>
  </si>
  <si>
    <t>《40～44》</t>
    <phoneticPr fontId="2"/>
  </si>
  <si>
    <t>《30～34》</t>
    <phoneticPr fontId="2"/>
  </si>
  <si>
    <t>《25～29》</t>
    <phoneticPr fontId="2"/>
  </si>
  <si>
    <t>《15～19》</t>
    <phoneticPr fontId="2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2"/>
  </si>
  <si>
    <t>《10～14》</t>
    <phoneticPr fontId="2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2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2"/>
  </si>
  <si>
    <t>101～</t>
    <phoneticPr fontId="2"/>
  </si>
  <si>
    <t>《80～84》</t>
    <phoneticPr fontId="2"/>
  </si>
  <si>
    <t>《40～44》</t>
    <phoneticPr fontId="2"/>
  </si>
  <si>
    <t>《35～39》</t>
    <phoneticPr fontId="2"/>
  </si>
  <si>
    <t>《30～34》</t>
    <phoneticPr fontId="2"/>
  </si>
  <si>
    <t>《20～24》</t>
    <phoneticPr fontId="2"/>
  </si>
  <si>
    <t>《0～4》</t>
    <phoneticPr fontId="2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2"/>
  </si>
  <si>
    <t>《95～99》</t>
    <phoneticPr fontId="2"/>
  </si>
  <si>
    <t>《90～94》</t>
    <phoneticPr fontId="2"/>
  </si>
  <si>
    <t>《85～89》</t>
    <phoneticPr fontId="2"/>
  </si>
  <si>
    <t>《70～74》</t>
    <phoneticPr fontId="2"/>
  </si>
  <si>
    <t>【15～64】</t>
    <phoneticPr fontId="2"/>
  </si>
  <si>
    <t>《50～54》</t>
    <phoneticPr fontId="2"/>
  </si>
  <si>
    <t>【0～14】</t>
    <phoneticPr fontId="2"/>
  </si>
  <si>
    <t>《5～9》</t>
    <phoneticPr fontId="2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2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2"/>
  </si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2"/>
  </si>
  <si>
    <t>101～</t>
    <phoneticPr fontId="2"/>
  </si>
  <si>
    <t>《30～34》</t>
    <phoneticPr fontId="2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2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2"/>
  </si>
  <si>
    <t>101～</t>
    <phoneticPr fontId="2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2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2"/>
  </si>
  <si>
    <t>《50～54》</t>
    <phoneticPr fontId="2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2"/>
  </si>
  <si>
    <t>《30～34》</t>
    <phoneticPr fontId="2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2"/>
  </si>
  <si>
    <t>《100～》</t>
    <phoneticPr fontId="2"/>
  </si>
  <si>
    <t>《90～94》</t>
    <phoneticPr fontId="2"/>
  </si>
  <si>
    <t>【15～64】</t>
    <phoneticPr fontId="2"/>
  </si>
  <si>
    <t>《50～54》</t>
    <phoneticPr fontId="2"/>
  </si>
  <si>
    <t>《45～49》</t>
    <phoneticPr fontId="2"/>
  </si>
  <si>
    <t>《25～29》</t>
    <phoneticPr fontId="2"/>
  </si>
  <si>
    <t>《0～4》</t>
    <phoneticPr fontId="2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2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2"/>
  </si>
  <si>
    <t>《100～》</t>
    <phoneticPr fontId="2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2"/>
  </si>
  <si>
    <t>《100～》</t>
    <phoneticPr fontId="2"/>
  </si>
  <si>
    <t>《55～59》</t>
    <phoneticPr fontId="2"/>
  </si>
  <si>
    <t>《50～54》</t>
    <phoneticPr fontId="2"/>
  </si>
  <si>
    <t>《15～19》</t>
    <phoneticPr fontId="2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2"/>
  </si>
  <si>
    <t>101～</t>
    <phoneticPr fontId="2"/>
  </si>
  <si>
    <t>《90～94》</t>
    <phoneticPr fontId="2"/>
  </si>
  <si>
    <t>《60～64》</t>
    <phoneticPr fontId="2"/>
  </si>
  <si>
    <t>《50～54》</t>
    <phoneticPr fontId="2"/>
  </si>
  <si>
    <t>《40～44》</t>
    <phoneticPr fontId="2"/>
  </si>
  <si>
    <t>【0～14】</t>
    <phoneticPr fontId="2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2"/>
  </si>
  <si>
    <t>《60～64》</t>
    <phoneticPr fontId="2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2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2"/>
  </si>
  <si>
    <t>《70～74》</t>
    <phoneticPr fontId="2"/>
  </si>
  <si>
    <t>《65～69》</t>
    <phoneticPr fontId="2"/>
  </si>
  <si>
    <t>《60～64》</t>
    <phoneticPr fontId="2"/>
  </si>
  <si>
    <t>《55～59》</t>
    <phoneticPr fontId="2"/>
  </si>
  <si>
    <t>《15～19》</t>
    <phoneticPr fontId="2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2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2"/>
  </si>
  <si>
    <t>《35～39》</t>
    <phoneticPr fontId="2"/>
  </si>
  <si>
    <t>《15～19》</t>
    <phoneticPr fontId="2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2"/>
  </si>
  <si>
    <t>《100～》</t>
    <phoneticPr fontId="2"/>
  </si>
  <si>
    <t>101～</t>
    <phoneticPr fontId="2"/>
  </si>
  <si>
    <t>《70～74》</t>
    <phoneticPr fontId="2"/>
  </si>
  <si>
    <t>《65～69》</t>
    <phoneticPr fontId="2"/>
  </si>
  <si>
    <t>《55～59》</t>
    <phoneticPr fontId="2"/>
  </si>
  <si>
    <t>《20～24》</t>
    <phoneticPr fontId="2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2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2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2"/>
  </si>
  <si>
    <t>【65～】</t>
    <phoneticPr fontId="2"/>
  </si>
  <si>
    <t>《95～99》</t>
    <phoneticPr fontId="2"/>
  </si>
  <si>
    <t>《85～89》</t>
    <phoneticPr fontId="2"/>
  </si>
  <si>
    <t>《75～79》</t>
    <phoneticPr fontId="2"/>
  </si>
  <si>
    <t>《70～74》</t>
    <phoneticPr fontId="2"/>
  </si>
  <si>
    <t>《35～39》</t>
    <phoneticPr fontId="2"/>
  </si>
  <si>
    <t>《30～34》</t>
    <phoneticPr fontId="2"/>
  </si>
  <si>
    <t>《20～24》</t>
    <phoneticPr fontId="2"/>
  </si>
  <si>
    <t>【0～14】</t>
    <phoneticPr fontId="2"/>
  </si>
  <si>
    <t>《10～14》</t>
    <phoneticPr fontId="2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2"/>
  </si>
  <si>
    <t>【65～】</t>
    <phoneticPr fontId="2"/>
  </si>
  <si>
    <t>101～</t>
    <phoneticPr fontId="2"/>
  </si>
  <si>
    <t>《90～94》</t>
    <phoneticPr fontId="2"/>
  </si>
  <si>
    <t>《85～89》</t>
    <phoneticPr fontId="2"/>
  </si>
  <si>
    <t>《65～69》</t>
    <phoneticPr fontId="2"/>
  </si>
  <si>
    <t>【15～64】</t>
    <phoneticPr fontId="2"/>
  </si>
  <si>
    <t>《25～29》</t>
    <phoneticPr fontId="2"/>
  </si>
  <si>
    <t>《15～19》</t>
    <phoneticPr fontId="2"/>
  </si>
  <si>
    <t>《0～4》</t>
    <phoneticPr fontId="2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2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2"/>
  </si>
  <si>
    <t>《95～99》</t>
    <phoneticPr fontId="2"/>
  </si>
  <si>
    <t>《5～9》</t>
    <phoneticPr fontId="2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【65～】</t>
    <phoneticPr fontId="2"/>
  </si>
  <si>
    <t>《100～》</t>
    <phoneticPr fontId="2"/>
  </si>
  <si>
    <t>101～</t>
    <phoneticPr fontId="2"/>
  </si>
  <si>
    <t>《95～99》</t>
    <phoneticPr fontId="2"/>
  </si>
  <si>
    <t>《90～94》</t>
    <phoneticPr fontId="2"/>
  </si>
  <si>
    <t>《85～89》</t>
    <phoneticPr fontId="2"/>
  </si>
  <si>
    <t>《80～84》</t>
    <phoneticPr fontId="2"/>
  </si>
  <si>
    <t>《75～79》</t>
    <phoneticPr fontId="2"/>
  </si>
  <si>
    <t>《70～74》</t>
    <phoneticPr fontId="2"/>
  </si>
  <si>
    <t>《65～69》</t>
    <phoneticPr fontId="2"/>
  </si>
  <si>
    <t>《60～64》</t>
    <phoneticPr fontId="2"/>
  </si>
  <si>
    <t>《55～59》</t>
    <phoneticPr fontId="2"/>
  </si>
  <si>
    <t>《50～54》</t>
    <phoneticPr fontId="2"/>
  </si>
  <si>
    <t>《45～49》</t>
    <phoneticPr fontId="2"/>
  </si>
  <si>
    <t>《40～44》</t>
    <phoneticPr fontId="2"/>
  </si>
  <si>
    <t>《35～39》</t>
    <phoneticPr fontId="2"/>
  </si>
  <si>
    <t>《30～34》</t>
    <phoneticPr fontId="2"/>
  </si>
  <si>
    <t>《25～29》</t>
    <phoneticPr fontId="2"/>
  </si>
  <si>
    <t>《15～19》</t>
    <phoneticPr fontId="2"/>
  </si>
  <si>
    <t>《10～14》</t>
    <phoneticPr fontId="2"/>
  </si>
  <si>
    <t>《0～4》</t>
    <phoneticPr fontId="2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2"/>
  </si>
  <si>
    <t>《5～9》</t>
    <phoneticPr fontId="2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2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2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2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2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2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2"/>
  </si>
  <si>
    <t>《100～》</t>
    <phoneticPr fontId="2"/>
  </si>
  <si>
    <t>101～</t>
    <phoneticPr fontId="2"/>
  </si>
  <si>
    <t>《90～94》</t>
    <phoneticPr fontId="2"/>
  </si>
  <si>
    <t>《85～89》</t>
    <phoneticPr fontId="2"/>
  </si>
  <si>
    <t>《30～34》</t>
    <phoneticPr fontId="2"/>
  </si>
  <si>
    <t>《20～24》</t>
    <phoneticPr fontId="2"/>
  </si>
  <si>
    <t>【0～14】</t>
    <phoneticPr fontId="2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2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2"/>
  </si>
  <si>
    <t>《90～94》</t>
    <phoneticPr fontId="2"/>
  </si>
  <si>
    <t>《80～84》</t>
    <phoneticPr fontId="2"/>
  </si>
  <si>
    <t>《70～74》</t>
    <phoneticPr fontId="2"/>
  </si>
  <si>
    <t>《65～69》</t>
    <phoneticPr fontId="2"/>
  </si>
  <si>
    <t>《60～64》</t>
    <phoneticPr fontId="2"/>
  </si>
  <si>
    <t>《40～44》</t>
    <phoneticPr fontId="2"/>
  </si>
  <si>
    <t>《20～24》</t>
    <phoneticPr fontId="2"/>
  </si>
  <si>
    <t>《10～14》</t>
    <phoneticPr fontId="2"/>
  </si>
  <si>
    <t>《0～4》</t>
    <phoneticPr fontId="2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2"/>
  </si>
  <si>
    <t>101～</t>
    <phoneticPr fontId="2"/>
  </si>
  <si>
    <t>《75～79》</t>
    <phoneticPr fontId="2"/>
  </si>
  <si>
    <t>《60～64》</t>
    <phoneticPr fontId="2"/>
  </si>
  <si>
    <t>《45～49》</t>
    <phoneticPr fontId="2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2"/>
  </si>
  <si>
    <t>【65～】</t>
    <phoneticPr fontId="2"/>
  </si>
  <si>
    <t>《100～》</t>
    <phoneticPr fontId="2"/>
  </si>
  <si>
    <t>101～</t>
    <phoneticPr fontId="2"/>
  </si>
  <si>
    <t>《60～64》</t>
    <phoneticPr fontId="2"/>
  </si>
  <si>
    <t>《25～29》</t>
    <phoneticPr fontId="2"/>
  </si>
  <si>
    <t>【0～14】</t>
    <phoneticPr fontId="2"/>
  </si>
  <si>
    <t>《10～14》</t>
    <phoneticPr fontId="2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2"/>
  </si>
  <si>
    <t>《90～94》</t>
    <phoneticPr fontId="2"/>
  </si>
  <si>
    <t>《35～39》</t>
    <phoneticPr fontId="2"/>
  </si>
  <si>
    <t>《0～4》</t>
    <phoneticPr fontId="2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2"/>
  </si>
  <si>
    <t>【65～】</t>
    <phoneticPr fontId="2"/>
  </si>
  <si>
    <t>《90～94》</t>
    <phoneticPr fontId="2"/>
  </si>
  <si>
    <t>《85～89》</t>
    <phoneticPr fontId="2"/>
  </si>
  <si>
    <t>《70～74》</t>
    <phoneticPr fontId="2"/>
  </si>
  <si>
    <t>《65～69》</t>
    <phoneticPr fontId="2"/>
  </si>
  <si>
    <t>【15～64】</t>
    <phoneticPr fontId="2"/>
  </si>
  <si>
    <t>《60～64》</t>
    <phoneticPr fontId="2"/>
  </si>
  <si>
    <t>《55～59》</t>
    <phoneticPr fontId="2"/>
  </si>
  <si>
    <t>《45～49》</t>
    <phoneticPr fontId="2"/>
  </si>
  <si>
    <t>《40～44》</t>
    <phoneticPr fontId="2"/>
  </si>
  <si>
    <t>《35～39》</t>
    <phoneticPr fontId="2"/>
  </si>
  <si>
    <t>《30～34》</t>
    <phoneticPr fontId="2"/>
  </si>
  <si>
    <t>《20～24》</t>
    <phoneticPr fontId="2"/>
  </si>
  <si>
    <t>【0～14】</t>
    <phoneticPr fontId="2"/>
  </si>
  <si>
    <t>《10～14》</t>
    <phoneticPr fontId="2"/>
  </si>
  <si>
    <t>《5～9》</t>
    <phoneticPr fontId="2"/>
  </si>
  <si>
    <t>《0～4》</t>
    <phoneticPr fontId="2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2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2"/>
  </si>
  <si>
    <t>《75～79》</t>
    <phoneticPr fontId="2"/>
  </si>
  <si>
    <t>《25～29》</t>
    <phoneticPr fontId="2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2"/>
  </si>
  <si>
    <t>【65～】</t>
    <phoneticPr fontId="2"/>
  </si>
  <si>
    <t>《100～》</t>
    <phoneticPr fontId="2"/>
  </si>
  <si>
    <t>《60～64》</t>
    <phoneticPr fontId="2"/>
  </si>
  <si>
    <t>《55～59》</t>
    <phoneticPr fontId="2"/>
  </si>
  <si>
    <t>《45～49》</t>
    <phoneticPr fontId="2"/>
  </si>
  <si>
    <t>《35～39》</t>
    <phoneticPr fontId="2"/>
  </si>
  <si>
    <t>《30～34》</t>
    <phoneticPr fontId="2"/>
  </si>
  <si>
    <t>【0～14】</t>
    <phoneticPr fontId="2"/>
  </si>
  <si>
    <t>《10～14》</t>
    <phoneticPr fontId="2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2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2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2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2"/>
  </si>
  <si>
    <t>101～</t>
    <phoneticPr fontId="2"/>
  </si>
  <si>
    <t>《80～84》</t>
    <phoneticPr fontId="2"/>
  </si>
  <si>
    <t>《70～74》</t>
    <phoneticPr fontId="2"/>
  </si>
  <si>
    <t>《15～19》</t>
    <phoneticPr fontId="2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2"/>
  </si>
  <si>
    <t>《90～94》</t>
    <phoneticPr fontId="2"/>
  </si>
  <si>
    <t>《75～79》</t>
    <phoneticPr fontId="2"/>
  </si>
  <si>
    <t>《65～69》</t>
    <phoneticPr fontId="2"/>
  </si>
  <si>
    <t>【15～64】</t>
    <phoneticPr fontId="2"/>
  </si>
  <si>
    <t>《50～54》</t>
    <phoneticPr fontId="2"/>
  </si>
  <si>
    <t>《45～49》</t>
    <phoneticPr fontId="2"/>
  </si>
  <si>
    <t>《40～44》</t>
    <phoneticPr fontId="2"/>
  </si>
  <si>
    <t>《20～24》</t>
    <phoneticPr fontId="2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2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2"/>
  </si>
  <si>
    <t>《40～44》</t>
    <phoneticPr fontId="2"/>
  </si>
  <si>
    <t>《5～9》</t>
    <phoneticPr fontId="2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2"/>
  </si>
  <si>
    <t>《20～24》</t>
    <phoneticPr fontId="2"/>
  </si>
  <si>
    <t>《10～14》</t>
    <phoneticPr fontId="2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2"/>
  </si>
  <si>
    <t>【65～】</t>
    <phoneticPr fontId="2"/>
  </si>
  <si>
    <t>《60～64》</t>
    <phoneticPr fontId="2"/>
  </si>
  <si>
    <t>《40～44》</t>
    <phoneticPr fontId="2"/>
  </si>
  <si>
    <t>《0～4》</t>
    <phoneticPr fontId="2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2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2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2"/>
  </si>
  <si>
    <t>【0～14】</t>
    <phoneticPr fontId="2"/>
  </si>
  <si>
    <t>《10～14》</t>
    <phoneticPr fontId="2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2"/>
  </si>
  <si>
    <t>《65～69》</t>
    <phoneticPr fontId="2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2"/>
  </si>
  <si>
    <t>《85～89》</t>
    <phoneticPr fontId="2"/>
  </si>
  <si>
    <t>《80～84》</t>
    <phoneticPr fontId="2"/>
  </si>
  <si>
    <t>《10～14》</t>
    <phoneticPr fontId="2"/>
  </si>
  <si>
    <t>《5～9》</t>
    <phoneticPr fontId="2"/>
  </si>
  <si>
    <t>《0～4》</t>
    <phoneticPr fontId="2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2"/>
  </si>
  <si>
    <t>《95～99》</t>
    <phoneticPr fontId="2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2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2"/>
  </si>
  <si>
    <t>《95～99》</t>
    <phoneticPr fontId="2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2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2"/>
  </si>
  <si>
    <t>《10～14》</t>
    <phoneticPr fontId="2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2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2"/>
  </si>
  <si>
    <t>年齢別・性別人口（地区別）</t>
    <rPh sb="0" eb="3">
      <t>ネンレイベツ</t>
    </rPh>
    <rPh sb="4" eb="6">
      <t>セイベツ</t>
    </rPh>
    <rPh sb="6" eb="8">
      <t>ジンコウ</t>
    </rPh>
    <rPh sb="9" eb="12">
      <t>チクベツ</t>
    </rPh>
    <phoneticPr fontId="2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2"/>
  </si>
  <si>
    <t>富山地域</t>
    <rPh sb="0" eb="2">
      <t>トヤマ</t>
    </rPh>
    <rPh sb="2" eb="4">
      <t>チイキ</t>
    </rPh>
    <phoneticPr fontId="2"/>
  </si>
  <si>
    <t>大沢野地域</t>
    <rPh sb="0" eb="3">
      <t>オオサワノ</t>
    </rPh>
    <rPh sb="3" eb="5">
      <t>チイキ</t>
    </rPh>
    <phoneticPr fontId="2"/>
  </si>
  <si>
    <t>総曲輪</t>
    <rPh sb="0" eb="3">
      <t>ソウガワ</t>
    </rPh>
    <phoneticPr fontId="2"/>
  </si>
  <si>
    <t>下タ</t>
    <rPh sb="0" eb="1">
      <t>シタ</t>
    </rPh>
    <phoneticPr fontId="2"/>
  </si>
  <si>
    <t>愛宕</t>
    <rPh sb="0" eb="2">
      <t>アタゴ</t>
    </rPh>
    <phoneticPr fontId="2"/>
  </si>
  <si>
    <t>小羽</t>
    <rPh sb="0" eb="1">
      <t>チイ</t>
    </rPh>
    <rPh sb="1" eb="2">
      <t>ハネ</t>
    </rPh>
    <phoneticPr fontId="2"/>
  </si>
  <si>
    <t>安野屋</t>
    <rPh sb="0" eb="3">
      <t>ヤスノヤ</t>
    </rPh>
    <phoneticPr fontId="2"/>
  </si>
  <si>
    <t>船峅</t>
    <rPh sb="0" eb="2">
      <t>フナクラ</t>
    </rPh>
    <phoneticPr fontId="2"/>
  </si>
  <si>
    <t>八人町</t>
    <rPh sb="0" eb="3">
      <t>ハチニンマチ</t>
    </rPh>
    <phoneticPr fontId="2"/>
  </si>
  <si>
    <t>大沢野</t>
    <rPh sb="0" eb="3">
      <t>オオサワノ</t>
    </rPh>
    <phoneticPr fontId="2"/>
  </si>
  <si>
    <t>五番町</t>
    <rPh sb="0" eb="3">
      <t>ゴバンマチ</t>
    </rPh>
    <phoneticPr fontId="2"/>
  </si>
  <si>
    <t>大久保</t>
    <rPh sb="0" eb="3">
      <t>オオクボ</t>
    </rPh>
    <phoneticPr fontId="2"/>
  </si>
  <si>
    <t>柳町</t>
    <rPh sb="0" eb="2">
      <t>ヤナギマチ</t>
    </rPh>
    <phoneticPr fontId="2"/>
  </si>
  <si>
    <t>大沢野地域（合計）</t>
    <rPh sb="0" eb="3">
      <t>オオサワノ</t>
    </rPh>
    <rPh sb="3" eb="5">
      <t>チイキ</t>
    </rPh>
    <rPh sb="6" eb="8">
      <t>ゴウケイ</t>
    </rPh>
    <phoneticPr fontId="2"/>
  </si>
  <si>
    <t>清水町</t>
    <rPh sb="0" eb="3">
      <t>シミズマチ</t>
    </rPh>
    <phoneticPr fontId="2"/>
  </si>
  <si>
    <t>星井町</t>
    <rPh sb="0" eb="3">
      <t>ホシイマチ</t>
    </rPh>
    <phoneticPr fontId="2"/>
  </si>
  <si>
    <t>大山地域</t>
    <rPh sb="0" eb="2">
      <t>オオヤマ</t>
    </rPh>
    <rPh sb="2" eb="4">
      <t>チイキ</t>
    </rPh>
    <phoneticPr fontId="2"/>
  </si>
  <si>
    <t>西田地方</t>
    <rPh sb="0" eb="4">
      <t>ニシデンジガタ</t>
    </rPh>
    <phoneticPr fontId="2"/>
  </si>
  <si>
    <t>上滝</t>
    <rPh sb="0" eb="2">
      <t>カミダキ</t>
    </rPh>
    <phoneticPr fontId="2"/>
  </si>
  <si>
    <t>堀川</t>
    <rPh sb="0" eb="2">
      <t>ホリカワ</t>
    </rPh>
    <phoneticPr fontId="2"/>
  </si>
  <si>
    <t>大山</t>
    <rPh sb="0" eb="2">
      <t>オオヤマ</t>
    </rPh>
    <phoneticPr fontId="2"/>
  </si>
  <si>
    <t>堀川南</t>
    <rPh sb="0" eb="2">
      <t>ホリカワ</t>
    </rPh>
    <rPh sb="2" eb="3">
      <t>ミナミ</t>
    </rPh>
    <phoneticPr fontId="2"/>
  </si>
  <si>
    <t>大庄</t>
    <rPh sb="0" eb="2">
      <t>ダイショウ</t>
    </rPh>
    <phoneticPr fontId="2"/>
  </si>
  <si>
    <t>東部</t>
    <rPh sb="0" eb="2">
      <t>トウブ</t>
    </rPh>
    <phoneticPr fontId="2"/>
  </si>
  <si>
    <t>福沢</t>
    <rPh sb="0" eb="2">
      <t>フクサワ</t>
    </rPh>
    <phoneticPr fontId="2"/>
  </si>
  <si>
    <t>奥田</t>
    <rPh sb="0" eb="2">
      <t>オクダ</t>
    </rPh>
    <phoneticPr fontId="2"/>
  </si>
  <si>
    <t>大山地域（合計）</t>
    <rPh sb="0" eb="2">
      <t>オオヤマ</t>
    </rPh>
    <rPh sb="2" eb="4">
      <t>チイキ</t>
    </rPh>
    <rPh sb="5" eb="7">
      <t>ゴウケイ</t>
    </rPh>
    <phoneticPr fontId="2"/>
  </si>
  <si>
    <t>奥田北</t>
    <rPh sb="0" eb="3">
      <t>オクダキタ</t>
    </rPh>
    <phoneticPr fontId="2"/>
  </si>
  <si>
    <t>桜谷</t>
    <rPh sb="0" eb="2">
      <t>サクラタニ</t>
    </rPh>
    <phoneticPr fontId="2"/>
  </si>
  <si>
    <t>八尾地域</t>
    <rPh sb="0" eb="4">
      <t>ヤツオチイキ</t>
    </rPh>
    <phoneticPr fontId="2"/>
  </si>
  <si>
    <t>五福</t>
    <rPh sb="0" eb="2">
      <t>ゴフク</t>
    </rPh>
    <phoneticPr fontId="2"/>
  </si>
  <si>
    <t>八尾</t>
    <rPh sb="0" eb="2">
      <t>ヤツオ</t>
    </rPh>
    <phoneticPr fontId="2"/>
  </si>
  <si>
    <t>神明</t>
    <rPh sb="0" eb="2">
      <t>シンメイ</t>
    </rPh>
    <phoneticPr fontId="2"/>
  </si>
  <si>
    <t>保内</t>
    <rPh sb="0" eb="2">
      <t>ヤスウチ</t>
    </rPh>
    <phoneticPr fontId="2"/>
  </si>
  <si>
    <t>岩瀬</t>
    <rPh sb="0" eb="2">
      <t>イワセ</t>
    </rPh>
    <phoneticPr fontId="2"/>
  </si>
  <si>
    <t>杉原</t>
    <rPh sb="0" eb="2">
      <t>スギハラ</t>
    </rPh>
    <phoneticPr fontId="2"/>
  </si>
  <si>
    <t>萩浦</t>
    <rPh sb="0" eb="1">
      <t>ハギ</t>
    </rPh>
    <rPh sb="1" eb="2">
      <t>ウラ</t>
    </rPh>
    <phoneticPr fontId="2"/>
  </si>
  <si>
    <t>卯花</t>
    <rPh sb="0" eb="2">
      <t>ウノハナ</t>
    </rPh>
    <phoneticPr fontId="2"/>
  </si>
  <si>
    <t>大広田</t>
    <rPh sb="0" eb="3">
      <t>オオヒロタ</t>
    </rPh>
    <phoneticPr fontId="2"/>
  </si>
  <si>
    <t>室牧</t>
    <rPh sb="0" eb="2">
      <t>ムロマキ</t>
    </rPh>
    <phoneticPr fontId="2"/>
  </si>
  <si>
    <t>浜黒崎</t>
    <rPh sb="0" eb="3">
      <t>ハマクロサキ</t>
    </rPh>
    <phoneticPr fontId="2"/>
  </si>
  <si>
    <t>黒瀬谷</t>
    <rPh sb="0" eb="3">
      <t>クロセタニ</t>
    </rPh>
    <phoneticPr fontId="2"/>
  </si>
  <si>
    <t>針原</t>
    <rPh sb="0" eb="2">
      <t>ハリハラ</t>
    </rPh>
    <phoneticPr fontId="2"/>
  </si>
  <si>
    <t>野積</t>
    <rPh sb="0" eb="2">
      <t>ノヅ</t>
    </rPh>
    <phoneticPr fontId="2"/>
  </si>
  <si>
    <t>豊田</t>
    <rPh sb="0" eb="2">
      <t>トヨタ</t>
    </rPh>
    <phoneticPr fontId="2"/>
  </si>
  <si>
    <t>仁歩</t>
    <rPh sb="0" eb="1">
      <t>ニ</t>
    </rPh>
    <rPh sb="1" eb="2">
      <t>アル</t>
    </rPh>
    <phoneticPr fontId="2"/>
  </si>
  <si>
    <t>広田</t>
    <rPh sb="0" eb="2">
      <t>ヒロタ</t>
    </rPh>
    <phoneticPr fontId="2"/>
  </si>
  <si>
    <t>大長谷</t>
    <rPh sb="0" eb="3">
      <t>オオナガタニ</t>
    </rPh>
    <phoneticPr fontId="2"/>
  </si>
  <si>
    <t>新庄</t>
    <rPh sb="0" eb="2">
      <t>シンジョウ</t>
    </rPh>
    <phoneticPr fontId="2"/>
  </si>
  <si>
    <t>八尾地域（合計）</t>
    <rPh sb="0" eb="4">
      <t>ヤツオチイキ</t>
    </rPh>
    <rPh sb="5" eb="7">
      <t>ゴウケイ</t>
    </rPh>
    <phoneticPr fontId="2"/>
  </si>
  <si>
    <t>藤ノ木</t>
    <rPh sb="0" eb="1">
      <t>フジ</t>
    </rPh>
    <rPh sb="2" eb="3">
      <t>キ</t>
    </rPh>
    <phoneticPr fontId="2"/>
  </si>
  <si>
    <t>山室</t>
    <rPh sb="0" eb="2">
      <t>ヤマムロ</t>
    </rPh>
    <phoneticPr fontId="2"/>
  </si>
  <si>
    <t>婦中地域</t>
    <rPh sb="0" eb="2">
      <t>フチュウ</t>
    </rPh>
    <rPh sb="2" eb="4">
      <t>チイキ</t>
    </rPh>
    <phoneticPr fontId="2"/>
  </si>
  <si>
    <t>山室中部</t>
    <rPh sb="0" eb="4">
      <t>ヤマムロチュウブ</t>
    </rPh>
    <phoneticPr fontId="2"/>
  </si>
  <si>
    <t>速星</t>
    <rPh sb="0" eb="2">
      <t>ハヤホシ</t>
    </rPh>
    <phoneticPr fontId="2"/>
  </si>
  <si>
    <t>太田</t>
    <rPh sb="0" eb="2">
      <t>オオタ</t>
    </rPh>
    <phoneticPr fontId="2"/>
  </si>
  <si>
    <t>鵜坂</t>
    <rPh sb="0" eb="2">
      <t>ウサカ</t>
    </rPh>
    <phoneticPr fontId="2"/>
  </si>
  <si>
    <t>蜷川</t>
    <rPh sb="0" eb="2">
      <t>ニナガワ</t>
    </rPh>
    <phoneticPr fontId="2"/>
  </si>
  <si>
    <t>朝日</t>
    <rPh sb="0" eb="2">
      <t>アサヒ</t>
    </rPh>
    <phoneticPr fontId="2"/>
  </si>
  <si>
    <t>新保</t>
    <rPh sb="0" eb="2">
      <t>シンボ</t>
    </rPh>
    <phoneticPr fontId="2"/>
  </si>
  <si>
    <t>宮川</t>
    <rPh sb="0" eb="2">
      <t>ミヤガワ</t>
    </rPh>
    <phoneticPr fontId="2"/>
  </si>
  <si>
    <t>熊野</t>
    <rPh sb="0" eb="2">
      <t>クマノ</t>
    </rPh>
    <phoneticPr fontId="2"/>
  </si>
  <si>
    <t>婦中熊野</t>
    <rPh sb="0" eb="2">
      <t>フチュウ</t>
    </rPh>
    <rPh sb="2" eb="4">
      <t>クマノ</t>
    </rPh>
    <phoneticPr fontId="2"/>
  </si>
  <si>
    <t>月岡</t>
    <rPh sb="0" eb="2">
      <t>ツキオカ</t>
    </rPh>
    <phoneticPr fontId="2"/>
  </si>
  <si>
    <t>古里</t>
    <rPh sb="0" eb="2">
      <t>フルサト</t>
    </rPh>
    <phoneticPr fontId="2"/>
  </si>
  <si>
    <t>四方</t>
    <rPh sb="0" eb="2">
      <t>ヨカタ</t>
    </rPh>
    <phoneticPr fontId="2"/>
  </si>
  <si>
    <t>音川</t>
    <rPh sb="0" eb="2">
      <t>オトガワ</t>
    </rPh>
    <phoneticPr fontId="2"/>
  </si>
  <si>
    <t>八幡</t>
    <rPh sb="0" eb="2">
      <t>ハチマン</t>
    </rPh>
    <phoneticPr fontId="2"/>
  </si>
  <si>
    <t>神保</t>
    <rPh sb="0" eb="2">
      <t>シンボ</t>
    </rPh>
    <phoneticPr fontId="2"/>
  </si>
  <si>
    <t>草島</t>
    <rPh sb="0" eb="2">
      <t>クサジマ</t>
    </rPh>
    <phoneticPr fontId="2"/>
  </si>
  <si>
    <t>婦中地域（合計）</t>
    <rPh sb="0" eb="2">
      <t>フチュウ</t>
    </rPh>
    <rPh sb="2" eb="4">
      <t>チイキ</t>
    </rPh>
    <rPh sb="5" eb="7">
      <t>ゴウケイ</t>
    </rPh>
    <phoneticPr fontId="2"/>
  </si>
  <si>
    <t>倉垣</t>
    <rPh sb="0" eb="2">
      <t>クラガキ</t>
    </rPh>
    <phoneticPr fontId="2"/>
  </si>
  <si>
    <t>呉羽</t>
    <rPh sb="0" eb="2">
      <t>クレハ</t>
    </rPh>
    <phoneticPr fontId="2"/>
  </si>
  <si>
    <t>山田地域</t>
    <rPh sb="0" eb="4">
      <t>ヤマダチイキ</t>
    </rPh>
    <phoneticPr fontId="2"/>
  </si>
  <si>
    <t>長岡</t>
    <rPh sb="0" eb="2">
      <t>ナガオカ</t>
    </rPh>
    <phoneticPr fontId="2"/>
  </si>
  <si>
    <t>山田南部</t>
    <rPh sb="0" eb="2">
      <t>ヤマダ</t>
    </rPh>
    <rPh sb="2" eb="4">
      <t>ナンブ</t>
    </rPh>
    <phoneticPr fontId="2"/>
  </si>
  <si>
    <t>寒江</t>
    <rPh sb="0" eb="1">
      <t>サム</t>
    </rPh>
    <rPh sb="1" eb="2">
      <t>エ</t>
    </rPh>
    <phoneticPr fontId="2"/>
  </si>
  <si>
    <t>山田中部</t>
    <rPh sb="0" eb="2">
      <t>ヤマダ</t>
    </rPh>
    <rPh sb="2" eb="4">
      <t>チュウブ</t>
    </rPh>
    <phoneticPr fontId="2"/>
  </si>
  <si>
    <t>古沢</t>
    <rPh sb="0" eb="2">
      <t>フルサワ</t>
    </rPh>
    <phoneticPr fontId="2"/>
  </si>
  <si>
    <t>山田西部</t>
    <rPh sb="0" eb="2">
      <t>ヤマダ</t>
    </rPh>
    <rPh sb="2" eb="4">
      <t>セイブ</t>
    </rPh>
    <phoneticPr fontId="2"/>
  </si>
  <si>
    <t>老田</t>
    <rPh sb="0" eb="2">
      <t>オイダ</t>
    </rPh>
    <phoneticPr fontId="2"/>
  </si>
  <si>
    <t>山田東部</t>
    <rPh sb="0" eb="4">
      <t>ヤマダトウブ</t>
    </rPh>
    <phoneticPr fontId="2"/>
  </si>
  <si>
    <t>池多</t>
    <rPh sb="0" eb="2">
      <t>イケダ</t>
    </rPh>
    <phoneticPr fontId="2"/>
  </si>
  <si>
    <t>山田地域（合計）</t>
    <rPh sb="0" eb="4">
      <t>ヤマダチイキ</t>
    </rPh>
    <rPh sb="5" eb="7">
      <t>ゴウケイ</t>
    </rPh>
    <phoneticPr fontId="2"/>
  </si>
  <si>
    <t>水橋中部</t>
    <rPh sb="0" eb="2">
      <t>ミズハシ</t>
    </rPh>
    <rPh sb="2" eb="4">
      <t>チュウブ</t>
    </rPh>
    <phoneticPr fontId="2"/>
  </si>
  <si>
    <t>水橋西部</t>
    <rPh sb="0" eb="2">
      <t>ミズハシ</t>
    </rPh>
    <rPh sb="2" eb="4">
      <t>セイブ</t>
    </rPh>
    <phoneticPr fontId="2"/>
  </si>
  <si>
    <t>細入地域</t>
    <rPh sb="0" eb="2">
      <t>ホソイリ</t>
    </rPh>
    <rPh sb="2" eb="4">
      <t>チイキ</t>
    </rPh>
    <phoneticPr fontId="2"/>
  </si>
  <si>
    <t>水橋東部</t>
    <rPh sb="0" eb="2">
      <t>ミズハシ</t>
    </rPh>
    <rPh sb="2" eb="4">
      <t>トウブ</t>
    </rPh>
    <phoneticPr fontId="2"/>
  </si>
  <si>
    <t>細入北部</t>
    <rPh sb="0" eb="2">
      <t>ホソイリ</t>
    </rPh>
    <rPh sb="2" eb="4">
      <t>ホクブ</t>
    </rPh>
    <phoneticPr fontId="2"/>
  </si>
  <si>
    <t>三郷</t>
    <rPh sb="0" eb="2">
      <t>サンゴウ</t>
    </rPh>
    <phoneticPr fontId="2"/>
  </si>
  <si>
    <t>細入南部</t>
    <rPh sb="0" eb="2">
      <t>ホソイリ</t>
    </rPh>
    <rPh sb="2" eb="4">
      <t>ナンブ</t>
    </rPh>
    <phoneticPr fontId="2"/>
  </si>
  <si>
    <t>上条</t>
    <rPh sb="0" eb="1">
      <t>ウエ</t>
    </rPh>
    <rPh sb="1" eb="2">
      <t>ジョウ</t>
    </rPh>
    <phoneticPr fontId="2"/>
  </si>
  <si>
    <t>細入地域（合計）</t>
    <rPh sb="0" eb="2">
      <t>ホソイリ</t>
    </rPh>
    <rPh sb="2" eb="4">
      <t>チイキ</t>
    </rPh>
    <rPh sb="5" eb="7">
      <t>ゴウケイ</t>
    </rPh>
    <phoneticPr fontId="2"/>
  </si>
  <si>
    <t>光陽</t>
    <rPh sb="0" eb="2">
      <t>コウヨウ</t>
    </rPh>
    <phoneticPr fontId="2"/>
  </si>
  <si>
    <t>新庄北</t>
    <rPh sb="0" eb="3">
      <t>シンジョウキタ</t>
    </rPh>
    <phoneticPr fontId="2"/>
  </si>
  <si>
    <t>富山地域（合計）</t>
    <rPh sb="0" eb="4">
      <t>トヤマチイキ</t>
    </rPh>
    <rPh sb="5" eb="7">
      <t>ゴウケイ</t>
    </rPh>
    <phoneticPr fontId="2"/>
  </si>
  <si>
    <t>令和5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x</t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b/>
      <sz val="14"/>
      <name val="ＭＳ 明朝"/>
      <family val="1"/>
      <charset val="128"/>
    </font>
    <font>
      <b/>
      <sz val="11"/>
      <name val="ＭＳ 明朝"/>
      <family val="1"/>
      <charset val="128"/>
    </font>
    <font>
      <u/>
      <sz val="11"/>
      <color theme="10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34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7" fillId="0" borderId="0" applyNumberFormat="0" applyFill="0" applyBorder="0" applyAlignment="0" applyProtection="0"/>
  </cellStyleXfs>
  <cellXfs count="71">
    <xf numFmtId="0" fontId="0" fillId="0" borderId="0" xfId="0"/>
    <xf numFmtId="38" fontId="0" fillId="0" borderId="1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1" fillId="0" borderId="4" xfId="1" applyFont="1" applyBorder="1" applyAlignment="1">
      <alignment horizontal="distributed" vertical="center"/>
    </xf>
    <xf numFmtId="38" fontId="0" fillId="0" borderId="5" xfId="0" applyNumberFormat="1" applyBorder="1" applyAlignment="1">
      <alignment vertical="center"/>
    </xf>
    <xf numFmtId="38" fontId="0" fillId="0" borderId="6" xfId="0" applyNumberFormat="1" applyBorder="1" applyAlignment="1">
      <alignment vertical="center"/>
    </xf>
    <xf numFmtId="38" fontId="0" fillId="0" borderId="7" xfId="0" applyNumberFormat="1" applyBorder="1" applyAlignment="1">
      <alignment vertical="center"/>
    </xf>
    <xf numFmtId="38" fontId="1" fillId="0" borderId="8" xfId="1" applyFont="1" applyBorder="1" applyAlignment="1">
      <alignment horizontal="distributed" vertical="center"/>
    </xf>
    <xf numFmtId="38" fontId="1" fillId="0" borderId="5" xfId="1" applyBorder="1" applyAlignment="1">
      <alignment vertical="center"/>
    </xf>
    <xf numFmtId="38" fontId="1" fillId="0" borderId="6" xfId="1" applyBorder="1" applyAlignment="1">
      <alignment vertical="center"/>
    </xf>
    <xf numFmtId="38" fontId="1" fillId="0" borderId="7" xfId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horizontal="center" vertical="center"/>
    </xf>
    <xf numFmtId="38" fontId="1" fillId="0" borderId="8" xfId="1" applyBorder="1" applyAlignment="1">
      <alignment horizontal="distributed"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horizontal="distributed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38" fontId="0" fillId="0" borderId="17" xfId="0" applyNumberFormat="1" applyBorder="1" applyAlignment="1">
      <alignment vertical="center"/>
    </xf>
    <xf numFmtId="38" fontId="0" fillId="0" borderId="18" xfId="0" applyNumberFormat="1" applyBorder="1" applyAlignment="1">
      <alignment vertical="center"/>
    </xf>
    <xf numFmtId="38" fontId="1" fillId="0" borderId="18" xfId="1" applyBorder="1" applyAlignment="1">
      <alignment vertical="center"/>
    </xf>
    <xf numFmtId="38" fontId="1" fillId="0" borderId="19" xfId="1" applyBorder="1" applyAlignment="1">
      <alignment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38" fontId="1" fillId="0" borderId="1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1" fillId="0" borderId="25" xfId="1" applyFont="1" applyBorder="1" applyAlignment="1">
      <alignment vertical="center"/>
    </xf>
    <xf numFmtId="38" fontId="1" fillId="0" borderId="26" xfId="1" applyFont="1" applyBorder="1" applyAlignment="1">
      <alignment vertical="center"/>
    </xf>
    <xf numFmtId="38" fontId="1" fillId="0" borderId="13" xfId="1" applyFont="1" applyBorder="1" applyAlignment="1">
      <alignment vertical="center"/>
    </xf>
    <xf numFmtId="38" fontId="1" fillId="0" borderId="14" xfId="1" applyFont="1" applyBorder="1" applyAlignment="1">
      <alignment vertical="center"/>
    </xf>
    <xf numFmtId="38" fontId="1" fillId="0" borderId="27" xfId="1" applyFont="1" applyBorder="1" applyAlignment="1">
      <alignment vertical="center"/>
    </xf>
    <xf numFmtId="0" fontId="0" fillId="0" borderId="0" xfId="0" applyFont="1" applyAlignment="1">
      <alignment horizontal="right"/>
    </xf>
    <xf numFmtId="0" fontId="0" fillId="0" borderId="0" xfId="0" applyFont="1"/>
    <xf numFmtId="0" fontId="6" fillId="0" borderId="0" xfId="0" applyFont="1"/>
    <xf numFmtId="0" fontId="0" fillId="0" borderId="30" xfId="0" applyFont="1" applyBorder="1"/>
    <xf numFmtId="0" fontId="7" fillId="0" borderId="31" xfId="2" applyFont="1" applyBorder="1"/>
    <xf numFmtId="0" fontId="0" fillId="0" borderId="32" xfId="0" applyFont="1" applyBorder="1"/>
    <xf numFmtId="0" fontId="7" fillId="0" borderId="33" xfId="2" applyFont="1" applyBorder="1"/>
    <xf numFmtId="0" fontId="0" fillId="2" borderId="28" xfId="0" applyFont="1" applyFill="1" applyBorder="1" applyAlignment="1">
      <alignment horizontal="center"/>
    </xf>
    <xf numFmtId="0" fontId="0" fillId="2" borderId="29" xfId="0" applyFont="1" applyFill="1" applyBorder="1" applyAlignment="1">
      <alignment horizontal="center"/>
    </xf>
    <xf numFmtId="0" fontId="5" fillId="0" borderId="0" xfId="0" applyFont="1" applyAlignment="1">
      <alignment horizont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0" fillId="0" borderId="0" xfId="0" applyAlignment="1"/>
    <xf numFmtId="0" fontId="3" fillId="0" borderId="0" xfId="0" applyFont="1" applyAlignment="1" applyProtection="1">
      <alignment horizontal="right" vertical="center"/>
      <protection locked="0"/>
    </xf>
    <xf numFmtId="38" fontId="1" fillId="0" borderId="27" xfId="1" applyFont="1" applyBorder="1" applyAlignment="1">
      <alignment horizontal="right" vertical="center"/>
    </xf>
    <xf numFmtId="38" fontId="1" fillId="0" borderId="14" xfId="1" applyFont="1" applyBorder="1" applyAlignment="1">
      <alignment horizontal="right" vertical="center"/>
    </xf>
    <xf numFmtId="38" fontId="1" fillId="0" borderId="13" xfId="1" applyFont="1" applyBorder="1" applyAlignment="1">
      <alignment horizontal="right" vertical="center"/>
    </xf>
    <xf numFmtId="38" fontId="1" fillId="0" borderId="23" xfId="1" applyFont="1" applyBorder="1" applyAlignment="1">
      <alignment horizontal="right" vertical="center"/>
    </xf>
    <xf numFmtId="38" fontId="1" fillId="0" borderId="6" xfId="1" applyFont="1" applyBorder="1" applyAlignment="1">
      <alignment horizontal="right" vertical="center"/>
    </xf>
    <xf numFmtId="38" fontId="1" fillId="0" borderId="5" xfId="1" applyFont="1" applyBorder="1" applyAlignment="1">
      <alignment horizontal="right" vertical="center"/>
    </xf>
    <xf numFmtId="38" fontId="1" fillId="0" borderId="26" xfId="1" applyFont="1" applyBorder="1" applyAlignment="1">
      <alignment horizontal="right" vertical="center"/>
    </xf>
    <xf numFmtId="38" fontId="1" fillId="0" borderId="25" xfId="1" applyFont="1" applyBorder="1" applyAlignment="1">
      <alignment horizontal="right" vertical="center"/>
    </xf>
    <xf numFmtId="38" fontId="1" fillId="0" borderId="24" xfId="1" applyFont="1" applyBorder="1" applyAlignment="1">
      <alignment horizontal="right" vertical="center"/>
    </xf>
    <xf numFmtId="38" fontId="1" fillId="0" borderId="18" xfId="1" applyFont="1" applyBorder="1" applyAlignment="1">
      <alignment horizontal="right" vertical="center"/>
    </xf>
    <xf numFmtId="0" fontId="8" fillId="0" borderId="0" xfId="0" applyFont="1" applyAlignment="1">
      <alignment horizontal="left" vertical="center" wrapText="1"/>
    </xf>
  </cellXfs>
  <cellStyles count="3">
    <cellStyle name="ハイパーリンク" xfId="2" builtinId="8"/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H59"/>
  <sheetViews>
    <sheetView tabSelected="1" workbookViewId="0">
      <selection activeCell="B1" sqref="B1:E1"/>
    </sheetView>
  </sheetViews>
  <sheetFormatPr defaultColWidth="8.875" defaultRowHeight="13.5" x14ac:dyDescent="0.15"/>
  <cols>
    <col min="1" max="1" width="1.5" style="47" customWidth="1"/>
    <col min="2" max="2" width="4.625" style="47" customWidth="1"/>
    <col min="3" max="3" width="20.5" style="47" customWidth="1"/>
    <col min="4" max="4" width="8.875" style="47"/>
    <col min="5" max="5" width="4.625" style="47" customWidth="1"/>
    <col min="6" max="6" width="20.5" style="47" bestFit="1" customWidth="1"/>
    <col min="7" max="16384" width="8.875" style="47"/>
  </cols>
  <sheetData>
    <row r="1" spans="2:6" ht="23.45" customHeight="1" x14ac:dyDescent="0.2">
      <c r="B1" s="55" t="s">
        <v>384</v>
      </c>
      <c r="C1" s="55"/>
      <c r="D1" s="55"/>
      <c r="E1" s="55"/>
      <c r="F1" s="46" t="s">
        <v>482</v>
      </c>
    </row>
    <row r="2" spans="2:6" ht="14.25" thickBot="1" x14ac:dyDescent="0.2">
      <c r="B2" s="48"/>
      <c r="C2" s="47" t="s">
        <v>385</v>
      </c>
    </row>
    <row r="3" spans="2:6" x14ac:dyDescent="0.15">
      <c r="B3" s="53" t="s">
        <v>386</v>
      </c>
      <c r="C3" s="54"/>
      <c r="E3" s="53" t="s">
        <v>387</v>
      </c>
      <c r="F3" s="54"/>
    </row>
    <row r="4" spans="2:6" x14ac:dyDescent="0.15">
      <c r="B4" s="49">
        <v>1</v>
      </c>
      <c r="C4" s="50" t="s">
        <v>388</v>
      </c>
      <c r="E4" s="49">
        <v>101</v>
      </c>
      <c r="F4" s="50" t="s">
        <v>389</v>
      </c>
    </row>
    <row r="5" spans="2:6" x14ac:dyDescent="0.15">
      <c r="B5" s="49">
        <v>2</v>
      </c>
      <c r="C5" s="50" t="s">
        <v>390</v>
      </c>
      <c r="E5" s="49">
        <v>102</v>
      </c>
      <c r="F5" s="50" t="s">
        <v>391</v>
      </c>
    </row>
    <row r="6" spans="2:6" x14ac:dyDescent="0.15">
      <c r="B6" s="49">
        <v>3</v>
      </c>
      <c r="C6" s="50" t="s">
        <v>392</v>
      </c>
      <c r="E6" s="49">
        <v>103</v>
      </c>
      <c r="F6" s="50" t="s">
        <v>393</v>
      </c>
    </row>
    <row r="7" spans="2:6" x14ac:dyDescent="0.15">
      <c r="B7" s="49">
        <v>4</v>
      </c>
      <c r="C7" s="50" t="s">
        <v>394</v>
      </c>
      <c r="E7" s="49">
        <v>104</v>
      </c>
      <c r="F7" s="50" t="s">
        <v>395</v>
      </c>
    </row>
    <row r="8" spans="2:6" x14ac:dyDescent="0.15">
      <c r="B8" s="49">
        <v>5</v>
      </c>
      <c r="C8" s="50" t="s">
        <v>396</v>
      </c>
      <c r="E8" s="49">
        <v>105</v>
      </c>
      <c r="F8" s="50" t="s">
        <v>397</v>
      </c>
    </row>
    <row r="9" spans="2:6" ht="14.25" thickBot="1" x14ac:dyDescent="0.2">
      <c r="B9" s="49">
        <v>6</v>
      </c>
      <c r="C9" s="50" t="s">
        <v>398</v>
      </c>
      <c r="E9" s="51">
        <v>199</v>
      </c>
      <c r="F9" s="52" t="s">
        <v>399</v>
      </c>
    </row>
    <row r="10" spans="2:6" ht="14.25" thickBot="1" x14ac:dyDescent="0.2">
      <c r="B10" s="49">
        <v>7</v>
      </c>
      <c r="C10" s="50" t="s">
        <v>400</v>
      </c>
    </row>
    <row r="11" spans="2:6" x14ac:dyDescent="0.15">
      <c r="B11" s="49">
        <v>8</v>
      </c>
      <c r="C11" s="50" t="s">
        <v>401</v>
      </c>
      <c r="E11" s="53" t="s">
        <v>402</v>
      </c>
      <c r="F11" s="54"/>
    </row>
    <row r="12" spans="2:6" x14ac:dyDescent="0.15">
      <c r="B12" s="49">
        <v>9</v>
      </c>
      <c r="C12" s="50" t="s">
        <v>403</v>
      </c>
      <c r="E12" s="49">
        <v>201</v>
      </c>
      <c r="F12" s="50" t="s">
        <v>404</v>
      </c>
    </row>
    <row r="13" spans="2:6" x14ac:dyDescent="0.15">
      <c r="B13" s="49">
        <v>10</v>
      </c>
      <c r="C13" s="50" t="s">
        <v>405</v>
      </c>
      <c r="E13" s="49">
        <v>202</v>
      </c>
      <c r="F13" s="50" t="s">
        <v>406</v>
      </c>
    </row>
    <row r="14" spans="2:6" x14ac:dyDescent="0.15">
      <c r="B14" s="49">
        <v>11</v>
      </c>
      <c r="C14" s="50" t="s">
        <v>407</v>
      </c>
      <c r="E14" s="49">
        <v>203</v>
      </c>
      <c r="F14" s="50" t="s">
        <v>408</v>
      </c>
    </row>
    <row r="15" spans="2:6" x14ac:dyDescent="0.15">
      <c r="B15" s="49">
        <v>12</v>
      </c>
      <c r="C15" s="50" t="s">
        <v>409</v>
      </c>
      <c r="E15" s="49">
        <v>204</v>
      </c>
      <c r="F15" s="50" t="s">
        <v>410</v>
      </c>
    </row>
    <row r="16" spans="2:6" ht="14.25" thickBot="1" x14ac:dyDescent="0.2">
      <c r="B16" s="49">
        <v>13</v>
      </c>
      <c r="C16" s="50" t="s">
        <v>411</v>
      </c>
      <c r="E16" s="51">
        <v>299</v>
      </c>
      <c r="F16" s="52" t="s">
        <v>412</v>
      </c>
    </row>
    <row r="17" spans="2:6" ht="14.25" thickBot="1" x14ac:dyDescent="0.2">
      <c r="B17" s="49">
        <v>14</v>
      </c>
      <c r="C17" s="50" t="s">
        <v>413</v>
      </c>
    </row>
    <row r="18" spans="2:6" x14ac:dyDescent="0.15">
      <c r="B18" s="49">
        <v>15</v>
      </c>
      <c r="C18" s="50" t="s">
        <v>414</v>
      </c>
      <c r="E18" s="53" t="s">
        <v>415</v>
      </c>
      <c r="F18" s="54"/>
    </row>
    <row r="19" spans="2:6" x14ac:dyDescent="0.15">
      <c r="B19" s="49">
        <v>16</v>
      </c>
      <c r="C19" s="50" t="s">
        <v>416</v>
      </c>
      <c r="E19" s="49">
        <v>301</v>
      </c>
      <c r="F19" s="50" t="s">
        <v>417</v>
      </c>
    </row>
    <row r="20" spans="2:6" x14ac:dyDescent="0.15">
      <c r="B20" s="49">
        <v>17</v>
      </c>
      <c r="C20" s="50" t="s">
        <v>418</v>
      </c>
      <c r="E20" s="49">
        <v>302</v>
      </c>
      <c r="F20" s="50" t="s">
        <v>419</v>
      </c>
    </row>
    <row r="21" spans="2:6" x14ac:dyDescent="0.15">
      <c r="B21" s="49">
        <v>18</v>
      </c>
      <c r="C21" s="50" t="s">
        <v>420</v>
      </c>
      <c r="E21" s="49">
        <v>303</v>
      </c>
      <c r="F21" s="50" t="s">
        <v>421</v>
      </c>
    </row>
    <row r="22" spans="2:6" x14ac:dyDescent="0.15">
      <c r="B22" s="49">
        <v>19</v>
      </c>
      <c r="C22" s="50" t="s">
        <v>422</v>
      </c>
      <c r="E22" s="49">
        <v>304</v>
      </c>
      <c r="F22" s="50" t="s">
        <v>423</v>
      </c>
    </row>
    <row r="23" spans="2:6" x14ac:dyDescent="0.15">
      <c r="B23" s="49">
        <v>20</v>
      </c>
      <c r="C23" s="50" t="s">
        <v>424</v>
      </c>
      <c r="E23" s="49">
        <v>305</v>
      </c>
      <c r="F23" s="50" t="s">
        <v>425</v>
      </c>
    </row>
    <row r="24" spans="2:6" x14ac:dyDescent="0.15">
      <c r="B24" s="49">
        <v>21</v>
      </c>
      <c r="C24" s="50" t="s">
        <v>426</v>
      </c>
      <c r="E24" s="49">
        <v>306</v>
      </c>
      <c r="F24" s="50" t="s">
        <v>427</v>
      </c>
    </row>
    <row r="25" spans="2:6" x14ac:dyDescent="0.15">
      <c r="B25" s="49">
        <v>22</v>
      </c>
      <c r="C25" s="50" t="s">
        <v>428</v>
      </c>
      <c r="E25" s="49">
        <v>307</v>
      </c>
      <c r="F25" s="50" t="s">
        <v>429</v>
      </c>
    </row>
    <row r="26" spans="2:6" x14ac:dyDescent="0.15">
      <c r="B26" s="49">
        <v>23</v>
      </c>
      <c r="C26" s="50" t="s">
        <v>430</v>
      </c>
      <c r="E26" s="49">
        <v>308</v>
      </c>
      <c r="F26" s="50" t="s">
        <v>431</v>
      </c>
    </row>
    <row r="27" spans="2:6" x14ac:dyDescent="0.15">
      <c r="B27" s="49">
        <v>24</v>
      </c>
      <c r="C27" s="50" t="s">
        <v>432</v>
      </c>
      <c r="E27" s="49">
        <v>309</v>
      </c>
      <c r="F27" s="50" t="s">
        <v>433</v>
      </c>
    </row>
    <row r="28" spans="2:6" ht="14.25" thickBot="1" x14ac:dyDescent="0.2">
      <c r="B28" s="49">
        <v>25</v>
      </c>
      <c r="C28" s="50" t="s">
        <v>434</v>
      </c>
      <c r="E28" s="51">
        <v>399</v>
      </c>
      <c r="F28" s="52" t="s">
        <v>435</v>
      </c>
    </row>
    <row r="29" spans="2:6" ht="14.25" thickBot="1" x14ac:dyDescent="0.2">
      <c r="B29" s="49">
        <v>26</v>
      </c>
      <c r="C29" s="50" t="s">
        <v>436</v>
      </c>
    </row>
    <row r="30" spans="2:6" x14ac:dyDescent="0.15">
      <c r="B30" s="49">
        <v>27</v>
      </c>
      <c r="C30" s="50" t="s">
        <v>437</v>
      </c>
      <c r="E30" s="53" t="s">
        <v>438</v>
      </c>
      <c r="F30" s="54"/>
    </row>
    <row r="31" spans="2:6" x14ac:dyDescent="0.15">
      <c r="B31" s="49">
        <v>28</v>
      </c>
      <c r="C31" s="50" t="s">
        <v>439</v>
      </c>
      <c r="E31" s="49">
        <v>401</v>
      </c>
      <c r="F31" s="50" t="s">
        <v>440</v>
      </c>
    </row>
    <row r="32" spans="2:6" x14ac:dyDescent="0.15">
      <c r="B32" s="49">
        <v>29</v>
      </c>
      <c r="C32" s="50" t="s">
        <v>441</v>
      </c>
      <c r="E32" s="49">
        <v>402</v>
      </c>
      <c r="F32" s="50" t="s">
        <v>442</v>
      </c>
    </row>
    <row r="33" spans="2:6" x14ac:dyDescent="0.15">
      <c r="B33" s="49">
        <v>30</v>
      </c>
      <c r="C33" s="50" t="s">
        <v>443</v>
      </c>
      <c r="E33" s="49">
        <v>403</v>
      </c>
      <c r="F33" s="50" t="s">
        <v>444</v>
      </c>
    </row>
    <row r="34" spans="2:6" x14ac:dyDescent="0.15">
      <c r="B34" s="49">
        <v>31</v>
      </c>
      <c r="C34" s="50" t="s">
        <v>445</v>
      </c>
      <c r="E34" s="49">
        <v>404</v>
      </c>
      <c r="F34" s="50" t="s">
        <v>446</v>
      </c>
    </row>
    <row r="35" spans="2:6" x14ac:dyDescent="0.15">
      <c r="B35" s="49">
        <v>32</v>
      </c>
      <c r="C35" s="50" t="s">
        <v>447</v>
      </c>
      <c r="E35" s="49">
        <v>405</v>
      </c>
      <c r="F35" s="50" t="s">
        <v>448</v>
      </c>
    </row>
    <row r="36" spans="2:6" x14ac:dyDescent="0.15">
      <c r="B36" s="49">
        <v>33</v>
      </c>
      <c r="C36" s="50" t="s">
        <v>449</v>
      </c>
      <c r="E36" s="49">
        <v>406</v>
      </c>
      <c r="F36" s="50" t="s">
        <v>450</v>
      </c>
    </row>
    <row r="37" spans="2:6" x14ac:dyDescent="0.15">
      <c r="B37" s="49">
        <v>34</v>
      </c>
      <c r="C37" s="50" t="s">
        <v>451</v>
      </c>
      <c r="E37" s="49">
        <v>407</v>
      </c>
      <c r="F37" s="50" t="s">
        <v>452</v>
      </c>
    </row>
    <row r="38" spans="2:6" x14ac:dyDescent="0.15">
      <c r="B38" s="49">
        <v>35</v>
      </c>
      <c r="C38" s="50" t="s">
        <v>453</v>
      </c>
      <c r="E38" s="49">
        <v>408</v>
      </c>
      <c r="F38" s="50" t="s">
        <v>454</v>
      </c>
    </row>
    <row r="39" spans="2:6" ht="14.25" thickBot="1" x14ac:dyDescent="0.2">
      <c r="B39" s="49">
        <v>36</v>
      </c>
      <c r="C39" s="50" t="s">
        <v>455</v>
      </c>
      <c r="E39" s="51">
        <v>499</v>
      </c>
      <c r="F39" s="52" t="s">
        <v>456</v>
      </c>
    </row>
    <row r="40" spans="2:6" ht="14.25" thickBot="1" x14ac:dyDescent="0.2">
      <c r="B40" s="49">
        <v>37</v>
      </c>
      <c r="C40" s="50" t="s">
        <v>457</v>
      </c>
    </row>
    <row r="41" spans="2:6" x14ac:dyDescent="0.15">
      <c r="B41" s="49">
        <v>38</v>
      </c>
      <c r="C41" s="50" t="s">
        <v>458</v>
      </c>
      <c r="E41" s="53" t="s">
        <v>459</v>
      </c>
      <c r="F41" s="54"/>
    </row>
    <row r="42" spans="2:6" x14ac:dyDescent="0.15">
      <c r="B42" s="49">
        <v>39</v>
      </c>
      <c r="C42" s="50" t="s">
        <v>460</v>
      </c>
      <c r="E42" s="49">
        <v>501</v>
      </c>
      <c r="F42" s="50" t="s">
        <v>461</v>
      </c>
    </row>
    <row r="43" spans="2:6" x14ac:dyDescent="0.15">
      <c r="B43" s="49">
        <v>40</v>
      </c>
      <c r="C43" s="50" t="s">
        <v>462</v>
      </c>
      <c r="E43" s="49">
        <v>502</v>
      </c>
      <c r="F43" s="50" t="s">
        <v>463</v>
      </c>
    </row>
    <row r="44" spans="2:6" x14ac:dyDescent="0.15">
      <c r="B44" s="49">
        <v>41</v>
      </c>
      <c r="C44" s="50" t="s">
        <v>464</v>
      </c>
      <c r="E44" s="49">
        <v>503</v>
      </c>
      <c r="F44" s="50" t="s">
        <v>465</v>
      </c>
    </row>
    <row r="45" spans="2:6" x14ac:dyDescent="0.15">
      <c r="B45" s="49">
        <v>42</v>
      </c>
      <c r="C45" s="50" t="s">
        <v>466</v>
      </c>
      <c r="E45" s="49">
        <v>504</v>
      </c>
      <c r="F45" s="50" t="s">
        <v>467</v>
      </c>
    </row>
    <row r="46" spans="2:6" ht="14.25" thickBot="1" x14ac:dyDescent="0.2">
      <c r="B46" s="49">
        <v>43</v>
      </c>
      <c r="C46" s="50" t="s">
        <v>468</v>
      </c>
      <c r="E46" s="51">
        <v>599</v>
      </c>
      <c r="F46" s="52" t="s">
        <v>469</v>
      </c>
    </row>
    <row r="47" spans="2:6" ht="14.25" thickBot="1" x14ac:dyDescent="0.2">
      <c r="B47" s="49">
        <v>44</v>
      </c>
      <c r="C47" s="50" t="s">
        <v>470</v>
      </c>
    </row>
    <row r="48" spans="2:6" x14ac:dyDescent="0.15">
      <c r="B48" s="49">
        <v>45</v>
      </c>
      <c r="C48" s="50" t="s">
        <v>471</v>
      </c>
      <c r="E48" s="53" t="s">
        <v>472</v>
      </c>
      <c r="F48" s="54"/>
    </row>
    <row r="49" spans="2:8" x14ac:dyDescent="0.15">
      <c r="B49" s="49">
        <v>46</v>
      </c>
      <c r="C49" s="50" t="s">
        <v>473</v>
      </c>
      <c r="E49" s="49">
        <v>601</v>
      </c>
      <c r="F49" s="50" t="s">
        <v>474</v>
      </c>
    </row>
    <row r="50" spans="2:8" x14ac:dyDescent="0.15">
      <c r="B50" s="49">
        <v>47</v>
      </c>
      <c r="C50" s="50" t="s">
        <v>475</v>
      </c>
      <c r="E50" s="49">
        <v>602</v>
      </c>
      <c r="F50" s="50" t="s">
        <v>476</v>
      </c>
    </row>
    <row r="51" spans="2:8" ht="14.25" thickBot="1" x14ac:dyDescent="0.2">
      <c r="B51" s="49">
        <v>48</v>
      </c>
      <c r="C51" s="50" t="s">
        <v>477</v>
      </c>
      <c r="E51" s="51">
        <v>699</v>
      </c>
      <c r="F51" s="52" t="s">
        <v>478</v>
      </c>
    </row>
    <row r="52" spans="2:8" x14ac:dyDescent="0.15">
      <c r="B52" s="49">
        <v>49</v>
      </c>
      <c r="C52" s="50" t="s">
        <v>479</v>
      </c>
    </row>
    <row r="53" spans="2:8" x14ac:dyDescent="0.15">
      <c r="B53" s="49">
        <v>50</v>
      </c>
      <c r="C53" s="50" t="s">
        <v>480</v>
      </c>
    </row>
    <row r="54" spans="2:8" ht="14.25" thickBot="1" x14ac:dyDescent="0.2">
      <c r="B54" s="51">
        <v>99</v>
      </c>
      <c r="C54" s="52" t="s">
        <v>481</v>
      </c>
    </row>
    <row r="57" spans="2:8" x14ac:dyDescent="0.15">
      <c r="B57" s="70" t="s">
        <v>484</v>
      </c>
      <c r="C57" s="70"/>
      <c r="D57" s="70"/>
      <c r="E57" s="70"/>
      <c r="F57" s="70"/>
      <c r="G57" s="70"/>
      <c r="H57" s="70"/>
    </row>
    <row r="58" spans="2:8" x14ac:dyDescent="0.15">
      <c r="B58" s="70"/>
      <c r="C58" s="70"/>
      <c r="D58" s="70"/>
      <c r="E58" s="70"/>
      <c r="F58" s="70"/>
      <c r="G58" s="70"/>
      <c r="H58" s="70"/>
    </row>
    <row r="59" spans="2:8" x14ac:dyDescent="0.15">
      <c r="B59" s="70"/>
      <c r="C59" s="70"/>
      <c r="D59" s="70"/>
      <c r="E59" s="70"/>
      <c r="F59" s="70"/>
      <c r="G59" s="70"/>
      <c r="H59" s="70"/>
    </row>
  </sheetData>
  <mergeCells count="9">
    <mergeCell ref="B57:H59"/>
    <mergeCell ref="E41:F41"/>
    <mergeCell ref="E48:F48"/>
    <mergeCell ref="B1:E1"/>
    <mergeCell ref="B3:C3"/>
    <mergeCell ref="E3:F3"/>
    <mergeCell ref="E11:F11"/>
    <mergeCell ref="E18:F18"/>
    <mergeCell ref="E30:F30"/>
  </mergeCells>
  <phoneticPr fontId="2"/>
  <hyperlinks>
    <hyperlink ref="C5" location="'年齢別・性別人口(02愛宕)'!A1" display="愛宕"/>
    <hyperlink ref="C6" location="'年齢別・性別人口(03安野屋)'!A1" display="安野屋"/>
    <hyperlink ref="C7" location="'年齢別・性別人口(04八人町)'!A1" display="八人町"/>
    <hyperlink ref="C8" location="'年齢別・性別人口(05五番町)'!A1" display="五番町"/>
    <hyperlink ref="C9" location="'年齢別・性別人口(06柳町)'!A1" display="柳町"/>
    <hyperlink ref="C10" location="'年齢別・性別人口(07清水町)'!A1" display="清水町"/>
    <hyperlink ref="C11" location="'年齢別・性別人口(08星井町)'!A1" display="星井町"/>
    <hyperlink ref="C12" location="'年齢別・性別人口(09西田地方)'!A1" display="西田地方"/>
    <hyperlink ref="C13" location="'年齢別・性別人口(10堀川)'!A1" display="堀川"/>
    <hyperlink ref="C14" location="'年齢別・性別人口(11堀川南)'!A1" display="堀川南"/>
    <hyperlink ref="C15" location="'年齢別・性別人口(12東部)'!A1" display="東部"/>
    <hyperlink ref="C16" location="'年齢別・性別人口(13奥田)'!A1" display="奥田"/>
    <hyperlink ref="C17" location="'年齢別・性別人口(14奥田北)'!A1" display="奥田北"/>
    <hyperlink ref="C19" location="'年齢別・性別人口(16五福)'!A1" display="五福"/>
    <hyperlink ref="C20" location="'年齢別・性別人口(17神明)'!A1" display="神明"/>
    <hyperlink ref="C21" location="'年齢別・性別人口(18岩瀬)'!A1" display="岩瀬"/>
    <hyperlink ref="C22" location="'年齢別・性別人口(19萩浦)'!A1" display="荻浦"/>
    <hyperlink ref="C23" location="'年齢別・性別人口(20大広田)'!A1" display="大広田"/>
    <hyperlink ref="C24" location="'年齢別・性別人口(21浜黒崎)'!A1" display="浜黒崎"/>
    <hyperlink ref="C25" location="'年齢別・性別人口(22針原)'!A1" display="針原"/>
    <hyperlink ref="C26" location="'年齢別・性別人口(23豊田)'!A1" display="豊田"/>
    <hyperlink ref="C27" location="'年齢別・性別人口(24広田)'!A1" display="広田"/>
    <hyperlink ref="C28" location="'年齢別・性別人口(25新庄)'!A1" display="新庄"/>
    <hyperlink ref="C29" location="'年齢別・性別人口(26藤ノ木)'!A1" display="藤ノ木"/>
    <hyperlink ref="C30" location="'年齢別・性別人口(27山室)'!A1" display="山室"/>
    <hyperlink ref="C31" location="'年齢別・性別人口(28山室中部)'!A1" display="山室中部"/>
    <hyperlink ref="C32" location="'年齢別・性別人口(29太田)'!A1" display="太田"/>
    <hyperlink ref="C33" location="'年齢別・性別人口(30蜷川)'!A1" display="蜷川"/>
    <hyperlink ref="C34" location="'年齢別・性別人口(31新保)'!A1" display="新保"/>
    <hyperlink ref="C35" location="'年齢別・性別人口(32熊野)'!A1" display="熊野"/>
    <hyperlink ref="C36" location="'年齢別・性別人口(33月岡)'!A1" display="月岡"/>
    <hyperlink ref="C37" location="'年齢別・性別人口(34四方)'!A1" display="四方"/>
    <hyperlink ref="C38" location="'年齢別・性別人口(35八幡)'!A1" display="八幡"/>
    <hyperlink ref="C39" location="'年齢別・性別人口(36草島)'!A1" display="草島"/>
    <hyperlink ref="C40" location="'年齢別・性別人口(37倉垣)'!A1" display="倉垣"/>
    <hyperlink ref="C41" location="'年齢別・性別人口(38呉羽)'!A1" display="呉羽"/>
    <hyperlink ref="C42" location="'年齢別・性別人口(39長岡)'!A1" display="長岡"/>
    <hyperlink ref="C43" location="'年齢別・性別人口(40寒江)'!A1" display="寒江"/>
    <hyperlink ref="C44" location="'年齢別・性別人口(41古沢)'!A1" display="古沢"/>
    <hyperlink ref="C45" location="'年齢別・性別人口(42老田)'!A1" display="老田"/>
    <hyperlink ref="C46" location="'年齢別・性別人口(43池多)'!A1" display="池多"/>
    <hyperlink ref="C47" location="'年齢別・性別人口(44水橋中部)'!A1" display="水橋中部"/>
    <hyperlink ref="C48" location="'年齢別・性別人口(45水橋西部)'!A1" display="水橋西部"/>
    <hyperlink ref="C49" location="'年齢別・性別人口(46水橋東部)'!A1" display="水橋東部"/>
    <hyperlink ref="C50" location="'年齢別・性別人口(47三郷)'!A1" display="三郷"/>
    <hyperlink ref="C51" location="'年齢別・性別人口(48上条)'!A1" display="上条"/>
    <hyperlink ref="C52" location="'年齢別・性別人口(49光陽)'!A1" display="光陽"/>
    <hyperlink ref="C53" location="'年齢別・性別人口(50新庄北）'!A1" display="新庄北"/>
    <hyperlink ref="C54" location="'年齢別・性別人口(0099富山地域)'!A1" display="富山地域（合計）"/>
    <hyperlink ref="F4" location="'年齢別・性別人口0101下タ)'!A1" display="下タ"/>
    <hyperlink ref="F5" location="'年齢別・性別人口(0102小羽)'!A1" display="小羽"/>
    <hyperlink ref="F6" location="'年齢別・性別人口(0103船峅)'!A1" display="船峅"/>
    <hyperlink ref="F7" location="'年齢別・性別人口(0104大沢野)'!A1" display="大沢野"/>
    <hyperlink ref="F8" location="'年齢別・性別人口(0105大久保)'!A1" display="大久保"/>
    <hyperlink ref="F9" location="'年齢別・性別人口(0199大沢野地域)'!A1" display="大沢野地域（合計）"/>
    <hyperlink ref="F12" location="'年齢別・性別人口(0201上滝)'!A1" display="上滝"/>
    <hyperlink ref="F13" location="'年齢別・性別人口(0202大山)'!A1" display="大山"/>
    <hyperlink ref="F14" location="'年齢別・性別人口(0203大庄)'!A1" display="大庄"/>
    <hyperlink ref="F15" location="'年齢別・性別人口(0204福沢)'!A1" display="福沢"/>
    <hyperlink ref="F16" location="'年齢別・性別人口(0299大山地域)'!A1" display="大山地域（合計）"/>
    <hyperlink ref="F19" location="'年齢別・性別人口(0301八尾)'!A1" display="八尾"/>
    <hyperlink ref="F20" location="'年齢別・性別人口(0302保内)'!A1" display="保内"/>
    <hyperlink ref="F21" location="'年齢別・性別人口(0303杉原)'!A1" display="杉原"/>
    <hyperlink ref="F22" location="'年齢別・性別人口(0304卯花)'!A1" display="卯花"/>
    <hyperlink ref="F23" location="'年齢別・性別人口(0305室牧)'!A1" display="室牧"/>
    <hyperlink ref="F24" location="'年齢別・性別人口(0306黒瀬谷)'!A1" display="黒瀬谷"/>
    <hyperlink ref="F25" location="'年齢別・性別人口(0307野積)'!A1" display="野積"/>
    <hyperlink ref="F26" location="'年齢別・性別人口(0308仁歩)'!A1" display="仁歩"/>
    <hyperlink ref="F27" location="'年齢別・性別人口(0309大長谷)'!A1" display="大長谷"/>
    <hyperlink ref="F28" location="'年齢別・性別人口(0399八尾地域)'!A1" display="八尾地域（合計）"/>
    <hyperlink ref="F31" location="'年齢別・性別人口(0401速星)'!A1" display="速星"/>
    <hyperlink ref="F32" location="'年齢別・性別人口(0402鵜坂)'!A1" display="鵜坂"/>
    <hyperlink ref="F33" location="'年齢別・性別人口(0403朝日)'!A1" display="朝日"/>
    <hyperlink ref="F34" location="'年齢別・性別人口(0404宮川)'!A1" display="宮川"/>
    <hyperlink ref="F35" location="'年齢別・性別人口(0405婦中熊野)'!A1" display="婦中熊野"/>
    <hyperlink ref="F36" location="'年齢別・性別人口(0406古里)'!A1" display="古里"/>
    <hyperlink ref="F37" location="'年齢別・性別人口(0407音川)'!A1" display="音川"/>
    <hyperlink ref="F38" location="'年齢別・性別人口(0408神保)'!A1" display="神保"/>
    <hyperlink ref="F39" location="'年齢別・性別人口(0499婦中地域)'!A1" display="婦中地域（合計）"/>
    <hyperlink ref="F42" location="'年齢別・性別人口(0501山田南部)'!A1" display="山田南部"/>
    <hyperlink ref="F43" location="'年齢別・性別人口(0502山田中部)'!A1" display="山田中部"/>
    <hyperlink ref="F44" location="'年齢別・性別人口(0503山田西部)'!A1" display="山田西部"/>
    <hyperlink ref="F45" location="'年齢別・性別人口(0504山田東部)'!A1" display="山田東部"/>
    <hyperlink ref="F46" location="'年齢別・性別人口(0599山田地域)'!A1" display="山田地域（合計）"/>
    <hyperlink ref="F49" location="'年齢別・性別人口(0601細入北部)'!A1" display="細入北部"/>
    <hyperlink ref="F50" location="'年齢別・性別人口(0602細入南部)'!A1" display="細入南部"/>
    <hyperlink ref="F51" location="'年齢別・性別人口(0699細入地域)'!A1" display="細入地域（合計）"/>
    <hyperlink ref="C18" location="'年齢別・性別人口(15桜谷)'!A1" display="桜谷"/>
    <hyperlink ref="C4" location="'年齢別・性別人口(01総曲輪)'!A1" display="総曲輪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8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1</v>
      </c>
      <c r="C5" s="18">
        <v>18</v>
      </c>
      <c r="D5" s="17">
        <v>39</v>
      </c>
    </row>
    <row r="6" spans="1:4" ht="18" customHeight="1" x14ac:dyDescent="0.15">
      <c r="A6" s="16">
        <v>1</v>
      </c>
      <c r="B6" s="29">
        <v>21</v>
      </c>
      <c r="C6" s="10">
        <v>20</v>
      </c>
      <c r="D6" s="9">
        <v>41</v>
      </c>
    </row>
    <row r="7" spans="1:4" ht="18" customHeight="1" x14ac:dyDescent="0.15">
      <c r="A7" s="16">
        <v>2</v>
      </c>
      <c r="B7" s="29">
        <v>27</v>
      </c>
      <c r="C7" s="10">
        <v>18</v>
      </c>
      <c r="D7" s="9">
        <v>45</v>
      </c>
    </row>
    <row r="8" spans="1:4" ht="18" customHeight="1" x14ac:dyDescent="0.15">
      <c r="A8" s="16">
        <v>3</v>
      </c>
      <c r="B8" s="29">
        <v>24</v>
      </c>
      <c r="C8" s="10">
        <v>20</v>
      </c>
      <c r="D8" s="9">
        <v>44</v>
      </c>
    </row>
    <row r="9" spans="1:4" ht="18" customHeight="1" x14ac:dyDescent="0.15">
      <c r="A9" s="16">
        <v>4</v>
      </c>
      <c r="B9" s="29">
        <v>26</v>
      </c>
      <c r="C9" s="10">
        <v>23</v>
      </c>
      <c r="D9" s="9">
        <v>49</v>
      </c>
    </row>
    <row r="10" spans="1:4" ht="18" customHeight="1" x14ac:dyDescent="0.15">
      <c r="A10" s="8" t="s">
        <v>25</v>
      </c>
      <c r="B10" s="29">
        <v>119</v>
      </c>
      <c r="C10" s="10">
        <v>99</v>
      </c>
      <c r="D10" s="9">
        <v>218</v>
      </c>
    </row>
    <row r="11" spans="1:4" ht="18" customHeight="1" x14ac:dyDescent="0.15">
      <c r="A11" s="16">
        <v>5</v>
      </c>
      <c r="B11" s="29">
        <v>29</v>
      </c>
      <c r="C11" s="10">
        <v>22</v>
      </c>
      <c r="D11" s="9">
        <v>51</v>
      </c>
    </row>
    <row r="12" spans="1:4" ht="18" customHeight="1" x14ac:dyDescent="0.15">
      <c r="A12" s="16">
        <v>6</v>
      </c>
      <c r="B12" s="29">
        <v>21</v>
      </c>
      <c r="C12" s="10">
        <v>24</v>
      </c>
      <c r="D12" s="9">
        <v>45</v>
      </c>
    </row>
    <row r="13" spans="1:4" ht="18" customHeight="1" x14ac:dyDescent="0.15">
      <c r="A13" s="16">
        <v>7</v>
      </c>
      <c r="B13" s="29">
        <v>29</v>
      </c>
      <c r="C13" s="10">
        <v>25</v>
      </c>
      <c r="D13" s="9">
        <v>54</v>
      </c>
    </row>
    <row r="14" spans="1:4" ht="18" customHeight="1" x14ac:dyDescent="0.15">
      <c r="A14" s="16">
        <v>8</v>
      </c>
      <c r="B14" s="29">
        <v>24</v>
      </c>
      <c r="C14" s="10">
        <v>31</v>
      </c>
      <c r="D14" s="9">
        <v>55</v>
      </c>
    </row>
    <row r="15" spans="1:4" ht="18" customHeight="1" x14ac:dyDescent="0.15">
      <c r="A15" s="16">
        <v>9</v>
      </c>
      <c r="B15" s="29">
        <v>31</v>
      </c>
      <c r="C15" s="10">
        <v>29</v>
      </c>
      <c r="D15" s="9">
        <v>60</v>
      </c>
    </row>
    <row r="16" spans="1:4" ht="18" customHeight="1" x14ac:dyDescent="0.15">
      <c r="A16" s="8" t="s">
        <v>24</v>
      </c>
      <c r="B16" s="29">
        <v>134</v>
      </c>
      <c r="C16" s="10">
        <v>131</v>
      </c>
      <c r="D16" s="9">
        <v>265</v>
      </c>
    </row>
    <row r="17" spans="1:4" ht="18" customHeight="1" x14ac:dyDescent="0.15">
      <c r="A17" s="16">
        <v>10</v>
      </c>
      <c r="B17" s="29">
        <v>26</v>
      </c>
      <c r="C17" s="10">
        <v>24</v>
      </c>
      <c r="D17" s="9">
        <v>50</v>
      </c>
    </row>
    <row r="18" spans="1:4" ht="18" customHeight="1" x14ac:dyDescent="0.15">
      <c r="A18" s="16">
        <v>11</v>
      </c>
      <c r="B18" s="29">
        <v>25</v>
      </c>
      <c r="C18" s="10">
        <v>37</v>
      </c>
      <c r="D18" s="9">
        <v>62</v>
      </c>
    </row>
    <row r="19" spans="1:4" ht="18" customHeight="1" x14ac:dyDescent="0.15">
      <c r="A19" s="16">
        <v>12</v>
      </c>
      <c r="B19" s="29">
        <v>32</v>
      </c>
      <c r="C19" s="10">
        <v>25</v>
      </c>
      <c r="D19" s="9">
        <v>57</v>
      </c>
    </row>
    <row r="20" spans="1:4" ht="18" customHeight="1" x14ac:dyDescent="0.15">
      <c r="A20" s="16">
        <v>13</v>
      </c>
      <c r="B20" s="29">
        <v>25</v>
      </c>
      <c r="C20" s="10">
        <v>17</v>
      </c>
      <c r="D20" s="9">
        <v>42</v>
      </c>
    </row>
    <row r="21" spans="1:4" ht="18" customHeight="1" x14ac:dyDescent="0.15">
      <c r="A21" s="16">
        <v>14</v>
      </c>
      <c r="B21" s="29">
        <v>34</v>
      </c>
      <c r="C21" s="10">
        <v>32</v>
      </c>
      <c r="D21" s="9">
        <v>66</v>
      </c>
    </row>
    <row r="22" spans="1:4" ht="18" customHeight="1" x14ac:dyDescent="0.15">
      <c r="A22" s="8" t="s">
        <v>75</v>
      </c>
      <c r="B22" s="29">
        <v>142</v>
      </c>
      <c r="C22" s="10">
        <v>135</v>
      </c>
      <c r="D22" s="9">
        <v>277</v>
      </c>
    </row>
    <row r="23" spans="1:4" ht="18" customHeight="1" x14ac:dyDescent="0.15">
      <c r="A23" s="8" t="s">
        <v>65</v>
      </c>
      <c r="B23" s="29">
        <v>395</v>
      </c>
      <c r="C23" s="10">
        <v>365</v>
      </c>
      <c r="D23" s="9">
        <v>760</v>
      </c>
    </row>
    <row r="24" spans="1:4" ht="18" customHeight="1" x14ac:dyDescent="0.15">
      <c r="A24" s="16">
        <v>15</v>
      </c>
      <c r="B24" s="29">
        <v>23</v>
      </c>
      <c r="C24" s="10">
        <v>45</v>
      </c>
      <c r="D24" s="9">
        <v>68</v>
      </c>
    </row>
    <row r="25" spans="1:4" ht="18" customHeight="1" x14ac:dyDescent="0.15">
      <c r="A25" s="16">
        <v>16</v>
      </c>
      <c r="B25" s="29">
        <v>29</v>
      </c>
      <c r="C25" s="10">
        <v>23</v>
      </c>
      <c r="D25" s="9">
        <v>52</v>
      </c>
    </row>
    <row r="26" spans="1:4" ht="18" customHeight="1" x14ac:dyDescent="0.15">
      <c r="A26" s="16">
        <v>17</v>
      </c>
      <c r="B26" s="29">
        <v>21</v>
      </c>
      <c r="C26" s="10">
        <v>28</v>
      </c>
      <c r="D26" s="9">
        <v>49</v>
      </c>
    </row>
    <row r="27" spans="1:4" ht="18" customHeight="1" x14ac:dyDescent="0.15">
      <c r="A27" s="16">
        <v>18</v>
      </c>
      <c r="B27" s="29">
        <v>19</v>
      </c>
      <c r="C27" s="10">
        <v>24</v>
      </c>
      <c r="D27" s="9">
        <v>43</v>
      </c>
    </row>
    <row r="28" spans="1:4" ht="18" customHeight="1" x14ac:dyDescent="0.15">
      <c r="A28" s="16">
        <v>19</v>
      </c>
      <c r="B28" s="29">
        <v>28</v>
      </c>
      <c r="C28" s="10">
        <v>28</v>
      </c>
      <c r="D28" s="9">
        <v>56</v>
      </c>
    </row>
    <row r="29" spans="1:4" ht="18" customHeight="1" x14ac:dyDescent="0.15">
      <c r="A29" s="8" t="s">
        <v>64</v>
      </c>
      <c r="B29" s="29">
        <v>120</v>
      </c>
      <c r="C29" s="10">
        <v>148</v>
      </c>
      <c r="D29" s="9">
        <v>268</v>
      </c>
    </row>
    <row r="30" spans="1:4" ht="18" customHeight="1" x14ac:dyDescent="0.15">
      <c r="A30" s="16">
        <v>20</v>
      </c>
      <c r="B30" s="29">
        <v>22</v>
      </c>
      <c r="C30" s="10">
        <v>27</v>
      </c>
      <c r="D30" s="9">
        <v>49</v>
      </c>
    </row>
    <row r="31" spans="1:4" ht="18" customHeight="1" x14ac:dyDescent="0.15">
      <c r="A31" s="16">
        <v>21</v>
      </c>
      <c r="B31" s="29">
        <v>20</v>
      </c>
      <c r="C31" s="10">
        <v>25</v>
      </c>
      <c r="D31" s="9">
        <v>45</v>
      </c>
    </row>
    <row r="32" spans="1:4" ht="18" customHeight="1" x14ac:dyDescent="0.15">
      <c r="A32" s="16">
        <v>22</v>
      </c>
      <c r="B32" s="29">
        <v>22</v>
      </c>
      <c r="C32" s="10">
        <v>17</v>
      </c>
      <c r="D32" s="9">
        <v>39</v>
      </c>
    </row>
    <row r="33" spans="1:4" ht="18" customHeight="1" x14ac:dyDescent="0.15">
      <c r="A33" s="16">
        <v>23</v>
      </c>
      <c r="B33" s="29">
        <v>24</v>
      </c>
      <c r="C33" s="10">
        <v>18</v>
      </c>
      <c r="D33" s="9">
        <v>42</v>
      </c>
    </row>
    <row r="34" spans="1:4" ht="18" customHeight="1" x14ac:dyDescent="0.15">
      <c r="A34" s="16">
        <v>24</v>
      </c>
      <c r="B34" s="29">
        <v>26</v>
      </c>
      <c r="C34" s="10">
        <v>26</v>
      </c>
      <c r="D34" s="9">
        <v>52</v>
      </c>
    </row>
    <row r="35" spans="1:4" ht="18" customHeight="1" x14ac:dyDescent="0.15">
      <c r="A35" s="8" t="s">
        <v>74</v>
      </c>
      <c r="B35" s="29">
        <v>114</v>
      </c>
      <c r="C35" s="10">
        <v>113</v>
      </c>
      <c r="D35" s="9">
        <v>227</v>
      </c>
    </row>
    <row r="36" spans="1:4" ht="18" customHeight="1" x14ac:dyDescent="0.15">
      <c r="A36" s="16">
        <v>25</v>
      </c>
      <c r="B36" s="29">
        <v>30</v>
      </c>
      <c r="C36" s="10">
        <v>20</v>
      </c>
      <c r="D36" s="9">
        <v>50</v>
      </c>
    </row>
    <row r="37" spans="1:4" ht="18" customHeight="1" x14ac:dyDescent="0.15">
      <c r="A37" s="16">
        <v>26</v>
      </c>
      <c r="B37" s="29">
        <v>36</v>
      </c>
      <c r="C37" s="10">
        <v>29</v>
      </c>
      <c r="D37" s="9">
        <v>65</v>
      </c>
    </row>
    <row r="38" spans="1:4" ht="18" customHeight="1" x14ac:dyDescent="0.15">
      <c r="A38" s="16">
        <v>27</v>
      </c>
      <c r="B38" s="29">
        <v>19</v>
      </c>
      <c r="C38" s="10">
        <v>18</v>
      </c>
      <c r="D38" s="9">
        <v>37</v>
      </c>
    </row>
    <row r="39" spans="1:4" ht="18" customHeight="1" x14ac:dyDescent="0.15">
      <c r="A39" s="16">
        <v>28</v>
      </c>
      <c r="B39" s="29">
        <v>41</v>
      </c>
      <c r="C39" s="10">
        <v>38</v>
      </c>
      <c r="D39" s="9">
        <v>79</v>
      </c>
    </row>
    <row r="40" spans="1:4" ht="18" customHeight="1" x14ac:dyDescent="0.15">
      <c r="A40" s="16">
        <v>29</v>
      </c>
      <c r="B40" s="29">
        <v>41</v>
      </c>
      <c r="C40" s="10">
        <v>24</v>
      </c>
      <c r="D40" s="9">
        <v>65</v>
      </c>
    </row>
    <row r="41" spans="1:4" ht="18" customHeight="1" x14ac:dyDescent="0.15">
      <c r="A41" s="8" t="s">
        <v>73</v>
      </c>
      <c r="B41" s="29">
        <v>167</v>
      </c>
      <c r="C41" s="10">
        <v>129</v>
      </c>
      <c r="D41" s="9">
        <v>296</v>
      </c>
    </row>
    <row r="42" spans="1:4" ht="18" customHeight="1" x14ac:dyDescent="0.15">
      <c r="A42" s="16">
        <v>30</v>
      </c>
      <c r="B42" s="29">
        <v>25</v>
      </c>
      <c r="C42" s="10">
        <v>22</v>
      </c>
      <c r="D42" s="9">
        <v>47</v>
      </c>
    </row>
    <row r="43" spans="1:4" ht="18" customHeight="1" x14ac:dyDescent="0.15">
      <c r="A43" s="16">
        <v>31</v>
      </c>
      <c r="B43" s="29">
        <v>37</v>
      </c>
      <c r="C43" s="10">
        <v>32</v>
      </c>
      <c r="D43" s="9">
        <v>69</v>
      </c>
    </row>
    <row r="44" spans="1:4" ht="18" customHeight="1" x14ac:dyDescent="0.15">
      <c r="A44" s="16">
        <v>32</v>
      </c>
      <c r="B44" s="29">
        <v>29</v>
      </c>
      <c r="C44" s="10">
        <v>22</v>
      </c>
      <c r="D44" s="9">
        <v>51</v>
      </c>
    </row>
    <row r="45" spans="1:4" ht="18" customHeight="1" x14ac:dyDescent="0.15">
      <c r="A45" s="16">
        <v>33</v>
      </c>
      <c r="B45" s="29">
        <v>26</v>
      </c>
      <c r="C45" s="10">
        <v>29</v>
      </c>
      <c r="D45" s="9">
        <v>55</v>
      </c>
    </row>
    <row r="46" spans="1:4" ht="18" customHeight="1" x14ac:dyDescent="0.15">
      <c r="A46" s="16">
        <v>34</v>
      </c>
      <c r="B46" s="29">
        <v>34</v>
      </c>
      <c r="C46" s="10">
        <v>36</v>
      </c>
      <c r="D46" s="9">
        <v>70</v>
      </c>
    </row>
    <row r="47" spans="1:4" ht="18" customHeight="1" x14ac:dyDescent="0.15">
      <c r="A47" s="8" t="s">
        <v>61</v>
      </c>
      <c r="B47" s="29">
        <v>151</v>
      </c>
      <c r="C47" s="10">
        <v>141</v>
      </c>
      <c r="D47" s="9">
        <v>292</v>
      </c>
    </row>
    <row r="48" spans="1:4" ht="18" customHeight="1" x14ac:dyDescent="0.15">
      <c r="A48" s="16">
        <v>35</v>
      </c>
      <c r="B48" s="29">
        <v>37</v>
      </c>
      <c r="C48" s="10">
        <v>34</v>
      </c>
      <c r="D48" s="9">
        <v>71</v>
      </c>
    </row>
    <row r="49" spans="1:4" ht="18" customHeight="1" x14ac:dyDescent="0.15">
      <c r="A49" s="16">
        <v>36</v>
      </c>
      <c r="B49" s="29">
        <v>38</v>
      </c>
      <c r="C49" s="10">
        <v>44</v>
      </c>
      <c r="D49" s="9">
        <v>82</v>
      </c>
    </row>
    <row r="50" spans="1:4" ht="18" customHeight="1" x14ac:dyDescent="0.15">
      <c r="A50" s="16">
        <v>37</v>
      </c>
      <c r="B50" s="29">
        <v>42</v>
      </c>
      <c r="C50" s="10">
        <v>38</v>
      </c>
      <c r="D50" s="9">
        <v>80</v>
      </c>
    </row>
    <row r="51" spans="1:4" ht="18" customHeight="1" x14ac:dyDescent="0.15">
      <c r="A51" s="16">
        <v>38</v>
      </c>
      <c r="B51" s="29">
        <v>47</v>
      </c>
      <c r="C51" s="10">
        <v>37</v>
      </c>
      <c r="D51" s="9">
        <v>84</v>
      </c>
    </row>
    <row r="52" spans="1:4" ht="18" customHeight="1" x14ac:dyDescent="0.15">
      <c r="A52" s="16">
        <v>39</v>
      </c>
      <c r="B52" s="29">
        <v>50</v>
      </c>
      <c r="C52" s="10">
        <v>34</v>
      </c>
      <c r="D52" s="9">
        <v>84</v>
      </c>
    </row>
    <row r="53" spans="1:4" ht="18" customHeight="1" x14ac:dyDescent="0.15">
      <c r="A53" s="8" t="s">
        <v>72</v>
      </c>
      <c r="B53" s="29">
        <v>214</v>
      </c>
      <c r="C53" s="10">
        <v>187</v>
      </c>
      <c r="D53" s="9">
        <v>401</v>
      </c>
    </row>
    <row r="54" spans="1:4" ht="18" customHeight="1" x14ac:dyDescent="0.15">
      <c r="A54" s="16">
        <v>40</v>
      </c>
      <c r="B54" s="29">
        <v>38</v>
      </c>
      <c r="C54" s="10">
        <v>25</v>
      </c>
      <c r="D54" s="9">
        <v>63</v>
      </c>
    </row>
    <row r="55" spans="1:4" ht="18" customHeight="1" x14ac:dyDescent="0.15">
      <c r="A55" s="16">
        <v>41</v>
      </c>
      <c r="B55" s="29">
        <v>47</v>
      </c>
      <c r="C55" s="10">
        <v>43</v>
      </c>
      <c r="D55" s="9">
        <v>90</v>
      </c>
    </row>
    <row r="56" spans="1:4" ht="18" customHeight="1" x14ac:dyDescent="0.15">
      <c r="A56" s="16">
        <v>42</v>
      </c>
      <c r="B56" s="29">
        <v>42</v>
      </c>
      <c r="C56" s="10">
        <v>34</v>
      </c>
      <c r="D56" s="9">
        <v>76</v>
      </c>
    </row>
    <row r="57" spans="1:4" ht="18" customHeight="1" x14ac:dyDescent="0.15">
      <c r="A57" s="16">
        <v>43</v>
      </c>
      <c r="B57" s="29">
        <v>41</v>
      </c>
      <c r="C57" s="10">
        <v>34</v>
      </c>
      <c r="D57" s="9">
        <v>75</v>
      </c>
    </row>
    <row r="58" spans="1:4" ht="18" customHeight="1" x14ac:dyDescent="0.15">
      <c r="A58" s="16">
        <v>44</v>
      </c>
      <c r="B58" s="29">
        <v>43</v>
      </c>
      <c r="C58" s="10">
        <v>37</v>
      </c>
      <c r="D58" s="9">
        <v>80</v>
      </c>
    </row>
    <row r="59" spans="1:4" ht="18" customHeight="1" x14ac:dyDescent="0.15">
      <c r="A59" s="8" t="s">
        <v>81</v>
      </c>
      <c r="B59" s="29">
        <v>211</v>
      </c>
      <c r="C59" s="10">
        <v>173</v>
      </c>
      <c r="D59" s="9">
        <v>384</v>
      </c>
    </row>
    <row r="60" spans="1:4" ht="18" customHeight="1" x14ac:dyDescent="0.15">
      <c r="A60" s="16">
        <v>45</v>
      </c>
      <c r="B60" s="29">
        <v>41</v>
      </c>
      <c r="C60" s="10">
        <v>44</v>
      </c>
      <c r="D60" s="9">
        <v>85</v>
      </c>
    </row>
    <row r="61" spans="1:4" ht="18" customHeight="1" x14ac:dyDescent="0.15">
      <c r="A61" s="16">
        <v>46</v>
      </c>
      <c r="B61" s="29">
        <v>42</v>
      </c>
      <c r="C61" s="10">
        <v>47</v>
      </c>
      <c r="D61" s="9">
        <v>89</v>
      </c>
    </row>
    <row r="62" spans="1:4" ht="18" customHeight="1" x14ac:dyDescent="0.15">
      <c r="A62" s="16">
        <v>47</v>
      </c>
      <c r="B62" s="29">
        <v>38</v>
      </c>
      <c r="C62" s="10">
        <v>45</v>
      </c>
      <c r="D62" s="9">
        <v>83</v>
      </c>
    </row>
    <row r="63" spans="1:4" ht="18" customHeight="1" x14ac:dyDescent="0.15">
      <c r="A63" s="16">
        <v>48</v>
      </c>
      <c r="B63" s="29">
        <v>59</v>
      </c>
      <c r="C63" s="10">
        <v>58</v>
      </c>
      <c r="D63" s="9">
        <v>117</v>
      </c>
    </row>
    <row r="64" spans="1:4" ht="18" customHeight="1" x14ac:dyDescent="0.15">
      <c r="A64" s="16">
        <v>49</v>
      </c>
      <c r="B64" s="29">
        <v>69</v>
      </c>
      <c r="C64" s="10">
        <v>72</v>
      </c>
      <c r="D64" s="9">
        <v>141</v>
      </c>
    </row>
    <row r="65" spans="1:4" ht="18" customHeight="1" x14ac:dyDescent="0.15">
      <c r="A65" s="8" t="s">
        <v>45</v>
      </c>
      <c r="B65" s="29">
        <v>249</v>
      </c>
      <c r="C65" s="10">
        <v>266</v>
      </c>
      <c r="D65" s="9">
        <v>515</v>
      </c>
    </row>
    <row r="66" spans="1:4" ht="18" customHeight="1" x14ac:dyDescent="0.15">
      <c r="A66" s="16">
        <v>50</v>
      </c>
      <c r="B66" s="29">
        <v>62</v>
      </c>
      <c r="C66" s="10">
        <v>58</v>
      </c>
      <c r="D66" s="9">
        <v>120</v>
      </c>
    </row>
    <row r="67" spans="1:4" ht="18" customHeight="1" x14ac:dyDescent="0.15">
      <c r="A67" s="16">
        <v>51</v>
      </c>
      <c r="B67" s="29">
        <v>54</v>
      </c>
      <c r="C67" s="10">
        <v>62</v>
      </c>
      <c r="D67" s="9">
        <v>116</v>
      </c>
    </row>
    <row r="68" spans="1:4" ht="18" customHeight="1" x14ac:dyDescent="0.15">
      <c r="A68" s="16">
        <v>52</v>
      </c>
      <c r="B68" s="29">
        <v>58</v>
      </c>
      <c r="C68" s="10">
        <v>47</v>
      </c>
      <c r="D68" s="9">
        <v>105</v>
      </c>
    </row>
    <row r="69" spans="1:4" ht="18" customHeight="1" x14ac:dyDescent="0.15">
      <c r="A69" s="16">
        <v>53</v>
      </c>
      <c r="B69" s="29">
        <v>65</v>
      </c>
      <c r="C69" s="10">
        <v>44</v>
      </c>
      <c r="D69" s="9">
        <v>109</v>
      </c>
    </row>
    <row r="70" spans="1:4" ht="18" customHeight="1" x14ac:dyDescent="0.15">
      <c r="A70" s="16">
        <v>54</v>
      </c>
      <c r="B70" s="29">
        <v>56</v>
      </c>
      <c r="C70" s="10">
        <v>43</v>
      </c>
      <c r="D70" s="9">
        <v>99</v>
      </c>
    </row>
    <row r="71" spans="1:4" ht="18" customHeight="1" x14ac:dyDescent="0.15">
      <c r="A71" s="8" t="s">
        <v>58</v>
      </c>
      <c r="B71" s="29">
        <v>295</v>
      </c>
      <c r="C71" s="10">
        <v>254</v>
      </c>
      <c r="D71" s="9">
        <v>549</v>
      </c>
    </row>
    <row r="72" spans="1:4" ht="18" customHeight="1" x14ac:dyDescent="0.15">
      <c r="A72" s="16">
        <v>55</v>
      </c>
      <c r="B72" s="29">
        <v>60</v>
      </c>
      <c r="C72" s="10">
        <v>44</v>
      </c>
      <c r="D72" s="9">
        <v>104</v>
      </c>
    </row>
    <row r="73" spans="1:4" ht="18" customHeight="1" x14ac:dyDescent="0.15">
      <c r="A73" s="16">
        <v>56</v>
      </c>
      <c r="B73" s="29">
        <v>33</v>
      </c>
      <c r="C73" s="10">
        <v>37</v>
      </c>
      <c r="D73" s="9">
        <v>70</v>
      </c>
    </row>
    <row r="74" spans="1:4" ht="18" customHeight="1" x14ac:dyDescent="0.15">
      <c r="A74" s="16">
        <v>57</v>
      </c>
      <c r="B74" s="29">
        <v>23</v>
      </c>
      <c r="C74" s="10">
        <v>47</v>
      </c>
      <c r="D74" s="9">
        <v>70</v>
      </c>
    </row>
    <row r="75" spans="1:4" ht="18" customHeight="1" x14ac:dyDescent="0.15">
      <c r="A75" s="16">
        <v>58</v>
      </c>
      <c r="B75" s="29">
        <v>50</v>
      </c>
      <c r="C75" s="10">
        <v>46</v>
      </c>
      <c r="D75" s="9">
        <v>96</v>
      </c>
    </row>
    <row r="76" spans="1:4" ht="18" customHeight="1" x14ac:dyDescent="0.15">
      <c r="A76" s="16">
        <v>59</v>
      </c>
      <c r="B76" s="29">
        <v>29</v>
      </c>
      <c r="C76" s="10">
        <v>31</v>
      </c>
      <c r="D76" s="9">
        <v>60</v>
      </c>
    </row>
    <row r="77" spans="1:4" ht="18" customHeight="1" x14ac:dyDescent="0.15">
      <c r="A77" s="8" t="s">
        <v>71</v>
      </c>
      <c r="B77" s="29">
        <v>195</v>
      </c>
      <c r="C77" s="10">
        <v>205</v>
      </c>
      <c r="D77" s="9">
        <v>400</v>
      </c>
    </row>
    <row r="78" spans="1:4" ht="18" customHeight="1" x14ac:dyDescent="0.15">
      <c r="A78" s="16">
        <v>60</v>
      </c>
      <c r="B78" s="29">
        <v>43</v>
      </c>
      <c r="C78" s="10">
        <v>37</v>
      </c>
      <c r="D78" s="9">
        <v>80</v>
      </c>
    </row>
    <row r="79" spans="1:4" ht="18" customHeight="1" x14ac:dyDescent="0.15">
      <c r="A79" s="16">
        <v>61</v>
      </c>
      <c r="B79" s="29">
        <v>41</v>
      </c>
      <c r="C79" s="10">
        <v>40</v>
      </c>
      <c r="D79" s="9">
        <v>81</v>
      </c>
    </row>
    <row r="80" spans="1:4" ht="18" customHeight="1" x14ac:dyDescent="0.15">
      <c r="A80" s="16">
        <v>62</v>
      </c>
      <c r="B80" s="29">
        <v>36</v>
      </c>
      <c r="C80" s="10">
        <v>37</v>
      </c>
      <c r="D80" s="9">
        <v>73</v>
      </c>
    </row>
    <row r="81" spans="1:4" ht="18" customHeight="1" x14ac:dyDescent="0.15">
      <c r="A81" s="16">
        <v>63</v>
      </c>
      <c r="B81" s="29">
        <v>30</v>
      </c>
      <c r="C81" s="10">
        <v>41</v>
      </c>
      <c r="D81" s="9">
        <v>71</v>
      </c>
    </row>
    <row r="82" spans="1:4" ht="18" customHeight="1" x14ac:dyDescent="0.15">
      <c r="A82" s="16">
        <v>64</v>
      </c>
      <c r="B82" s="29">
        <v>44</v>
      </c>
      <c r="C82" s="10">
        <v>40</v>
      </c>
      <c r="D82" s="9">
        <v>84</v>
      </c>
    </row>
    <row r="83" spans="1:4" ht="18" customHeight="1" x14ac:dyDescent="0.15">
      <c r="A83" s="8" t="s">
        <v>44</v>
      </c>
      <c r="B83" s="29">
        <v>194</v>
      </c>
      <c r="C83" s="10">
        <v>195</v>
      </c>
      <c r="D83" s="9">
        <v>389</v>
      </c>
    </row>
    <row r="84" spans="1:4" ht="18" customHeight="1" x14ac:dyDescent="0.15">
      <c r="A84" s="8" t="s">
        <v>43</v>
      </c>
      <c r="B84" s="29">
        <v>1910</v>
      </c>
      <c r="C84" s="10">
        <v>1811</v>
      </c>
      <c r="D84" s="9">
        <v>3721</v>
      </c>
    </row>
    <row r="85" spans="1:4" ht="18" customHeight="1" x14ac:dyDescent="0.15">
      <c r="A85" s="16">
        <v>65</v>
      </c>
      <c r="B85" s="29">
        <v>38</v>
      </c>
      <c r="C85" s="10">
        <v>38</v>
      </c>
      <c r="D85" s="9">
        <v>76</v>
      </c>
    </row>
    <row r="86" spans="1:4" ht="18" customHeight="1" x14ac:dyDescent="0.15">
      <c r="A86" s="16">
        <v>66</v>
      </c>
      <c r="B86" s="29">
        <v>34</v>
      </c>
      <c r="C86" s="10">
        <v>32</v>
      </c>
      <c r="D86" s="9">
        <v>66</v>
      </c>
    </row>
    <row r="87" spans="1:4" ht="18" customHeight="1" x14ac:dyDescent="0.15">
      <c r="A87" s="16">
        <v>67</v>
      </c>
      <c r="B87" s="29">
        <v>39</v>
      </c>
      <c r="C87" s="10">
        <v>33</v>
      </c>
      <c r="D87" s="9">
        <v>72</v>
      </c>
    </row>
    <row r="88" spans="1:4" ht="18" customHeight="1" x14ac:dyDescent="0.15">
      <c r="A88" s="16">
        <v>68</v>
      </c>
      <c r="B88" s="29">
        <v>25</v>
      </c>
      <c r="C88" s="10">
        <v>37</v>
      </c>
      <c r="D88" s="9">
        <v>62</v>
      </c>
    </row>
    <row r="89" spans="1:4" ht="18" customHeight="1" x14ac:dyDescent="0.15">
      <c r="A89" s="16">
        <v>69</v>
      </c>
      <c r="B89" s="29">
        <v>49</v>
      </c>
      <c r="C89" s="10">
        <v>44</v>
      </c>
      <c r="D89" s="9">
        <v>93</v>
      </c>
    </row>
    <row r="90" spans="1:4" ht="18" customHeight="1" x14ac:dyDescent="0.15">
      <c r="A90" s="8" t="s">
        <v>42</v>
      </c>
      <c r="B90" s="29">
        <v>185</v>
      </c>
      <c r="C90" s="10">
        <v>184</v>
      </c>
      <c r="D90" s="9">
        <v>369</v>
      </c>
    </row>
    <row r="91" spans="1:4" ht="18" customHeight="1" x14ac:dyDescent="0.15">
      <c r="A91" s="16">
        <v>70</v>
      </c>
      <c r="B91" s="29">
        <v>34</v>
      </c>
      <c r="C91" s="10">
        <v>39</v>
      </c>
      <c r="D91" s="9">
        <v>73</v>
      </c>
    </row>
    <row r="92" spans="1:4" ht="18" customHeight="1" x14ac:dyDescent="0.15">
      <c r="A92" s="16">
        <v>71</v>
      </c>
      <c r="B92" s="29">
        <v>30</v>
      </c>
      <c r="C92" s="10">
        <v>42</v>
      </c>
      <c r="D92" s="9">
        <v>72</v>
      </c>
    </row>
    <row r="93" spans="1:4" ht="18" customHeight="1" x14ac:dyDescent="0.15">
      <c r="A93" s="16">
        <v>72</v>
      </c>
      <c r="B93" s="29">
        <v>42</v>
      </c>
      <c r="C93" s="10">
        <v>48</v>
      </c>
      <c r="D93" s="9">
        <v>90</v>
      </c>
    </row>
    <row r="94" spans="1:4" ht="18" customHeight="1" x14ac:dyDescent="0.15">
      <c r="A94" s="16">
        <v>73</v>
      </c>
      <c r="B94" s="29">
        <v>40</v>
      </c>
      <c r="C94" s="10">
        <v>50</v>
      </c>
      <c r="D94" s="9">
        <v>90</v>
      </c>
    </row>
    <row r="95" spans="1:4" ht="18" customHeight="1" x14ac:dyDescent="0.15">
      <c r="A95" s="16">
        <v>74</v>
      </c>
      <c r="B95" s="29">
        <v>37</v>
      </c>
      <c r="C95" s="10">
        <v>52</v>
      </c>
      <c r="D95" s="9">
        <v>89</v>
      </c>
    </row>
    <row r="96" spans="1:4" ht="18" customHeight="1" x14ac:dyDescent="0.15">
      <c r="A96" s="8" t="s">
        <v>41</v>
      </c>
      <c r="B96" s="29">
        <v>183</v>
      </c>
      <c r="C96" s="10">
        <v>231</v>
      </c>
      <c r="D96" s="9">
        <v>414</v>
      </c>
    </row>
    <row r="97" spans="1:4" ht="18" customHeight="1" x14ac:dyDescent="0.15">
      <c r="A97" s="16">
        <v>75</v>
      </c>
      <c r="B97" s="29">
        <v>54</v>
      </c>
      <c r="C97" s="10">
        <v>62</v>
      </c>
      <c r="D97" s="9">
        <v>116</v>
      </c>
    </row>
    <row r="98" spans="1:4" ht="18" customHeight="1" x14ac:dyDescent="0.15">
      <c r="A98" s="16">
        <v>76</v>
      </c>
      <c r="B98" s="29">
        <v>27</v>
      </c>
      <c r="C98" s="10">
        <v>52</v>
      </c>
      <c r="D98" s="9">
        <v>79</v>
      </c>
    </row>
    <row r="99" spans="1:4" ht="18" customHeight="1" x14ac:dyDescent="0.15">
      <c r="A99" s="16">
        <v>77</v>
      </c>
      <c r="B99" s="29">
        <v>25</v>
      </c>
      <c r="C99" s="10">
        <v>31</v>
      </c>
      <c r="D99" s="9">
        <v>56</v>
      </c>
    </row>
    <row r="100" spans="1:4" ht="18" customHeight="1" x14ac:dyDescent="0.15">
      <c r="A100" s="16">
        <v>78</v>
      </c>
      <c r="B100" s="29">
        <v>30</v>
      </c>
      <c r="C100" s="10">
        <v>42</v>
      </c>
      <c r="D100" s="9">
        <v>72</v>
      </c>
    </row>
    <row r="101" spans="1:4" ht="18" customHeight="1" x14ac:dyDescent="0.15">
      <c r="A101" s="16">
        <v>79</v>
      </c>
      <c r="B101" s="29">
        <v>36</v>
      </c>
      <c r="C101" s="10">
        <v>42</v>
      </c>
      <c r="D101" s="9">
        <v>78</v>
      </c>
    </row>
    <row r="102" spans="1:4" ht="18" customHeight="1" x14ac:dyDescent="0.15">
      <c r="A102" s="8" t="s">
        <v>70</v>
      </c>
      <c r="B102" s="29">
        <v>172</v>
      </c>
      <c r="C102" s="10">
        <v>229</v>
      </c>
      <c r="D102" s="9">
        <v>401</v>
      </c>
    </row>
    <row r="103" spans="1:4" ht="18" customHeight="1" x14ac:dyDescent="0.15">
      <c r="A103" s="16">
        <v>80</v>
      </c>
      <c r="B103" s="29">
        <v>31</v>
      </c>
      <c r="C103" s="10">
        <v>36</v>
      </c>
      <c r="D103" s="9">
        <v>67</v>
      </c>
    </row>
    <row r="104" spans="1:4" ht="18" customHeight="1" x14ac:dyDescent="0.15">
      <c r="A104" s="16">
        <v>81</v>
      </c>
      <c r="B104" s="29">
        <v>28</v>
      </c>
      <c r="C104" s="10">
        <v>59</v>
      </c>
      <c r="D104" s="9">
        <v>87</v>
      </c>
    </row>
    <row r="105" spans="1:4" ht="18" customHeight="1" x14ac:dyDescent="0.15">
      <c r="A105" s="16">
        <v>82</v>
      </c>
      <c r="B105" s="29">
        <v>27</v>
      </c>
      <c r="C105" s="10">
        <v>47</v>
      </c>
      <c r="D105" s="9">
        <v>74</v>
      </c>
    </row>
    <row r="106" spans="1:4" ht="18" customHeight="1" x14ac:dyDescent="0.15">
      <c r="A106" s="16">
        <v>83</v>
      </c>
      <c r="B106" s="29">
        <v>22</v>
      </c>
      <c r="C106" s="10">
        <v>30</v>
      </c>
      <c r="D106" s="9">
        <v>52</v>
      </c>
    </row>
    <row r="107" spans="1:4" ht="18" customHeight="1" x14ac:dyDescent="0.15">
      <c r="A107" s="16">
        <v>84</v>
      </c>
      <c r="B107" s="29">
        <v>20</v>
      </c>
      <c r="C107" s="10">
        <v>34</v>
      </c>
      <c r="D107" s="9">
        <v>54</v>
      </c>
    </row>
    <row r="108" spans="1:4" ht="18" customHeight="1" x14ac:dyDescent="0.15">
      <c r="A108" s="8" t="s">
        <v>39</v>
      </c>
      <c r="B108" s="29">
        <v>128</v>
      </c>
      <c r="C108" s="10">
        <v>206</v>
      </c>
      <c r="D108" s="9">
        <v>334</v>
      </c>
    </row>
    <row r="109" spans="1:4" ht="18" customHeight="1" x14ac:dyDescent="0.15">
      <c r="A109" s="16">
        <v>85</v>
      </c>
      <c r="B109" s="29">
        <v>19</v>
      </c>
      <c r="C109" s="10">
        <v>50</v>
      </c>
      <c r="D109" s="9">
        <v>69</v>
      </c>
    </row>
    <row r="110" spans="1:4" ht="18" customHeight="1" x14ac:dyDescent="0.15">
      <c r="A110" s="16">
        <v>86</v>
      </c>
      <c r="B110" s="29">
        <v>12</v>
      </c>
      <c r="C110" s="10">
        <v>31</v>
      </c>
      <c r="D110" s="9">
        <v>43</v>
      </c>
    </row>
    <row r="111" spans="1:4" ht="18" customHeight="1" x14ac:dyDescent="0.15">
      <c r="A111" s="16">
        <v>87</v>
      </c>
      <c r="B111" s="29">
        <v>10</v>
      </c>
      <c r="C111" s="10">
        <v>33</v>
      </c>
      <c r="D111" s="9">
        <v>43</v>
      </c>
    </row>
    <row r="112" spans="1:4" ht="18" customHeight="1" x14ac:dyDescent="0.15">
      <c r="A112" s="16">
        <v>88</v>
      </c>
      <c r="B112" s="29">
        <v>17</v>
      </c>
      <c r="C112" s="10">
        <v>31</v>
      </c>
      <c r="D112" s="9">
        <v>48</v>
      </c>
    </row>
    <row r="113" spans="1:4" ht="18" customHeight="1" x14ac:dyDescent="0.15">
      <c r="A113" s="16">
        <v>89</v>
      </c>
      <c r="B113" s="29">
        <v>15</v>
      </c>
      <c r="C113" s="10">
        <v>27</v>
      </c>
      <c r="D113" s="9">
        <v>42</v>
      </c>
    </row>
    <row r="114" spans="1:4" ht="18" customHeight="1" x14ac:dyDescent="0.15">
      <c r="A114" s="8" t="s">
        <v>38</v>
      </c>
      <c r="B114" s="29">
        <v>73</v>
      </c>
      <c r="C114" s="10">
        <v>172</v>
      </c>
      <c r="D114" s="9">
        <v>245</v>
      </c>
    </row>
    <row r="115" spans="1:4" ht="18" customHeight="1" x14ac:dyDescent="0.15">
      <c r="A115" s="16">
        <v>90</v>
      </c>
      <c r="B115" s="29">
        <v>10</v>
      </c>
      <c r="C115" s="10">
        <v>38</v>
      </c>
      <c r="D115" s="9">
        <v>48</v>
      </c>
    </row>
    <row r="116" spans="1:4" ht="18" customHeight="1" x14ac:dyDescent="0.15">
      <c r="A116" s="16">
        <v>91</v>
      </c>
      <c r="B116" s="29">
        <v>5</v>
      </c>
      <c r="C116" s="10">
        <v>20</v>
      </c>
      <c r="D116" s="9">
        <v>25</v>
      </c>
    </row>
    <row r="117" spans="1:4" ht="18" customHeight="1" x14ac:dyDescent="0.15">
      <c r="A117" s="16">
        <v>92</v>
      </c>
      <c r="B117" s="29">
        <v>6</v>
      </c>
      <c r="C117" s="10">
        <v>21</v>
      </c>
      <c r="D117" s="9">
        <v>27</v>
      </c>
    </row>
    <row r="118" spans="1:4" ht="18" customHeight="1" x14ac:dyDescent="0.15">
      <c r="A118" s="16">
        <v>93</v>
      </c>
      <c r="B118" s="29">
        <v>4</v>
      </c>
      <c r="C118" s="10">
        <v>18</v>
      </c>
      <c r="D118" s="9">
        <v>22</v>
      </c>
    </row>
    <row r="119" spans="1:4" ht="18" customHeight="1" x14ac:dyDescent="0.15">
      <c r="A119" s="16">
        <v>94</v>
      </c>
      <c r="B119" s="29">
        <v>6</v>
      </c>
      <c r="C119" s="10">
        <v>14</v>
      </c>
      <c r="D119" s="9">
        <v>20</v>
      </c>
    </row>
    <row r="120" spans="1:4" ht="18" customHeight="1" x14ac:dyDescent="0.15">
      <c r="A120" s="8" t="s">
        <v>69</v>
      </c>
      <c r="B120" s="29">
        <v>31</v>
      </c>
      <c r="C120" s="10">
        <v>111</v>
      </c>
      <c r="D120" s="9">
        <v>142</v>
      </c>
    </row>
    <row r="121" spans="1:4" ht="18" customHeight="1" x14ac:dyDescent="0.15">
      <c r="A121" s="16">
        <v>95</v>
      </c>
      <c r="B121" s="29">
        <v>3</v>
      </c>
      <c r="C121" s="10">
        <v>13</v>
      </c>
      <c r="D121" s="9">
        <v>16</v>
      </c>
    </row>
    <row r="122" spans="1:4" ht="18" customHeight="1" x14ac:dyDescent="0.15">
      <c r="A122" s="16">
        <v>96</v>
      </c>
      <c r="B122" s="29">
        <v>5</v>
      </c>
      <c r="C122" s="10">
        <v>13</v>
      </c>
      <c r="D122" s="9">
        <v>18</v>
      </c>
    </row>
    <row r="123" spans="1:4" ht="18" customHeight="1" x14ac:dyDescent="0.15">
      <c r="A123" s="16">
        <v>97</v>
      </c>
      <c r="B123" s="29">
        <v>3</v>
      </c>
      <c r="C123" s="10">
        <v>8</v>
      </c>
      <c r="D123" s="9">
        <v>11</v>
      </c>
    </row>
    <row r="124" spans="1:4" ht="18" customHeight="1" x14ac:dyDescent="0.15">
      <c r="A124" s="16">
        <v>98</v>
      </c>
      <c r="B124" s="29">
        <v>1</v>
      </c>
      <c r="C124" s="10">
        <v>5</v>
      </c>
      <c r="D124" s="9">
        <v>6</v>
      </c>
    </row>
    <row r="125" spans="1:4" ht="18" customHeight="1" x14ac:dyDescent="0.15">
      <c r="A125" s="16">
        <v>99</v>
      </c>
      <c r="B125" s="29">
        <v>1</v>
      </c>
      <c r="C125" s="10">
        <v>6</v>
      </c>
      <c r="D125" s="9">
        <v>7</v>
      </c>
    </row>
    <row r="126" spans="1:4" ht="18" customHeight="1" x14ac:dyDescent="0.15">
      <c r="A126" s="8" t="s">
        <v>68</v>
      </c>
      <c r="B126" s="29">
        <v>13</v>
      </c>
      <c r="C126" s="10">
        <v>45</v>
      </c>
      <c r="D126" s="9">
        <v>58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0</v>
      </c>
      <c r="C129" s="10">
        <v>6</v>
      </c>
      <c r="D129" s="9">
        <v>6</v>
      </c>
    </row>
    <row r="130" spans="1:4" ht="18" customHeight="1" x14ac:dyDescent="0.15">
      <c r="A130" s="8" t="s">
        <v>35</v>
      </c>
      <c r="B130" s="28">
        <v>785</v>
      </c>
      <c r="C130" s="6">
        <v>1184</v>
      </c>
      <c r="D130" s="5">
        <v>1969</v>
      </c>
    </row>
    <row r="131" spans="1:4" ht="18" customHeight="1" x14ac:dyDescent="0.15">
      <c r="A131" s="4" t="s">
        <v>0</v>
      </c>
      <c r="B131" s="27">
        <v>3090</v>
      </c>
      <c r="C131" s="2">
        <v>3360</v>
      </c>
      <c r="D131" s="1">
        <v>645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8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7</v>
      </c>
      <c r="C5" s="18">
        <v>38</v>
      </c>
      <c r="D5" s="17">
        <v>75</v>
      </c>
    </row>
    <row r="6" spans="1:4" ht="18" customHeight="1" x14ac:dyDescent="0.15">
      <c r="A6" s="16">
        <v>1</v>
      </c>
      <c r="B6" s="29">
        <v>34</v>
      </c>
      <c r="C6" s="10">
        <v>23</v>
      </c>
      <c r="D6" s="9">
        <v>57</v>
      </c>
    </row>
    <row r="7" spans="1:4" ht="18" customHeight="1" x14ac:dyDescent="0.15">
      <c r="A7" s="16">
        <v>2</v>
      </c>
      <c r="B7" s="29">
        <v>56</v>
      </c>
      <c r="C7" s="10">
        <v>29</v>
      </c>
      <c r="D7" s="9">
        <v>85</v>
      </c>
    </row>
    <row r="8" spans="1:4" ht="18" customHeight="1" x14ac:dyDescent="0.15">
      <c r="A8" s="16">
        <v>3</v>
      </c>
      <c r="B8" s="29">
        <v>44</v>
      </c>
      <c r="C8" s="10">
        <v>36</v>
      </c>
      <c r="D8" s="9">
        <v>80</v>
      </c>
    </row>
    <row r="9" spans="1:4" ht="18" customHeight="1" x14ac:dyDescent="0.15">
      <c r="A9" s="16">
        <v>4</v>
      </c>
      <c r="B9" s="29">
        <v>51</v>
      </c>
      <c r="C9" s="10">
        <v>40</v>
      </c>
      <c r="D9" s="9">
        <v>91</v>
      </c>
    </row>
    <row r="10" spans="1:4" ht="18" customHeight="1" x14ac:dyDescent="0.15">
      <c r="A10" s="8" t="s">
        <v>76</v>
      </c>
      <c r="B10" s="29">
        <v>222</v>
      </c>
      <c r="C10" s="10">
        <v>166</v>
      </c>
      <c r="D10" s="9">
        <v>388</v>
      </c>
    </row>
    <row r="11" spans="1:4" ht="18" customHeight="1" x14ac:dyDescent="0.15">
      <c r="A11" s="16">
        <v>5</v>
      </c>
      <c r="B11" s="29">
        <v>47</v>
      </c>
      <c r="C11" s="10">
        <v>44</v>
      </c>
      <c r="D11" s="9">
        <v>91</v>
      </c>
    </row>
    <row r="12" spans="1:4" ht="18" customHeight="1" x14ac:dyDescent="0.15">
      <c r="A12" s="16">
        <v>6</v>
      </c>
      <c r="B12" s="29">
        <v>53</v>
      </c>
      <c r="C12" s="10">
        <v>40</v>
      </c>
      <c r="D12" s="9">
        <v>93</v>
      </c>
    </row>
    <row r="13" spans="1:4" ht="18" customHeight="1" x14ac:dyDescent="0.15">
      <c r="A13" s="16">
        <v>7</v>
      </c>
      <c r="B13" s="29">
        <v>43</v>
      </c>
      <c r="C13" s="10">
        <v>51</v>
      </c>
      <c r="D13" s="9">
        <v>94</v>
      </c>
    </row>
    <row r="14" spans="1:4" ht="18" customHeight="1" x14ac:dyDescent="0.15">
      <c r="A14" s="16">
        <v>8</v>
      </c>
      <c r="B14" s="29">
        <v>45</v>
      </c>
      <c r="C14" s="10">
        <v>43</v>
      </c>
      <c r="D14" s="9">
        <v>88</v>
      </c>
    </row>
    <row r="15" spans="1:4" ht="18" customHeight="1" x14ac:dyDescent="0.15">
      <c r="A15" s="16">
        <v>9</v>
      </c>
      <c r="B15" s="29">
        <v>57</v>
      </c>
      <c r="C15" s="10">
        <v>57</v>
      </c>
      <c r="D15" s="9">
        <v>114</v>
      </c>
    </row>
    <row r="16" spans="1:4" ht="18" customHeight="1" x14ac:dyDescent="0.15">
      <c r="A16" s="8" t="s">
        <v>50</v>
      </c>
      <c r="B16" s="29">
        <v>245</v>
      </c>
      <c r="C16" s="10">
        <v>235</v>
      </c>
      <c r="D16" s="9">
        <v>480</v>
      </c>
    </row>
    <row r="17" spans="1:4" ht="18" customHeight="1" x14ac:dyDescent="0.15">
      <c r="A17" s="16">
        <v>10</v>
      </c>
      <c r="B17" s="29">
        <v>57</v>
      </c>
      <c r="C17" s="10">
        <v>48</v>
      </c>
      <c r="D17" s="9">
        <v>105</v>
      </c>
    </row>
    <row r="18" spans="1:4" ht="18" customHeight="1" x14ac:dyDescent="0.15">
      <c r="A18" s="16">
        <v>11</v>
      </c>
      <c r="B18" s="29">
        <v>44</v>
      </c>
      <c r="C18" s="10">
        <v>56</v>
      </c>
      <c r="D18" s="9">
        <v>100</v>
      </c>
    </row>
    <row r="19" spans="1:4" ht="18" customHeight="1" x14ac:dyDescent="0.15">
      <c r="A19" s="16">
        <v>12</v>
      </c>
      <c r="B19" s="29">
        <v>66</v>
      </c>
      <c r="C19" s="10">
        <v>44</v>
      </c>
      <c r="D19" s="9">
        <v>110</v>
      </c>
    </row>
    <row r="20" spans="1:4" ht="18" customHeight="1" x14ac:dyDescent="0.15">
      <c r="A20" s="16">
        <v>13</v>
      </c>
      <c r="B20" s="29">
        <v>55</v>
      </c>
      <c r="C20" s="10">
        <v>44</v>
      </c>
      <c r="D20" s="9">
        <v>99</v>
      </c>
    </row>
    <row r="21" spans="1:4" ht="18" customHeight="1" x14ac:dyDescent="0.15">
      <c r="A21" s="16">
        <v>14</v>
      </c>
      <c r="B21" s="29">
        <v>38</v>
      </c>
      <c r="C21" s="10">
        <v>43</v>
      </c>
      <c r="D21" s="9">
        <v>81</v>
      </c>
    </row>
    <row r="22" spans="1:4" ht="18" customHeight="1" x14ac:dyDescent="0.15">
      <c r="A22" s="8" t="s">
        <v>75</v>
      </c>
      <c r="B22" s="29">
        <v>260</v>
      </c>
      <c r="C22" s="10">
        <v>235</v>
      </c>
      <c r="D22" s="9">
        <v>495</v>
      </c>
    </row>
    <row r="23" spans="1:4" ht="18" customHeight="1" x14ac:dyDescent="0.15">
      <c r="A23" s="8" t="s">
        <v>65</v>
      </c>
      <c r="B23" s="29">
        <v>727</v>
      </c>
      <c r="C23" s="10">
        <v>636</v>
      </c>
      <c r="D23" s="9">
        <v>1363</v>
      </c>
    </row>
    <row r="24" spans="1:4" ht="18" customHeight="1" x14ac:dyDescent="0.15">
      <c r="A24" s="16">
        <v>15</v>
      </c>
      <c r="B24" s="29">
        <v>42</v>
      </c>
      <c r="C24" s="10">
        <v>64</v>
      </c>
      <c r="D24" s="9">
        <v>106</v>
      </c>
    </row>
    <row r="25" spans="1:4" ht="18" customHeight="1" x14ac:dyDescent="0.15">
      <c r="A25" s="16">
        <v>16</v>
      </c>
      <c r="B25" s="29">
        <v>58</v>
      </c>
      <c r="C25" s="10">
        <v>45</v>
      </c>
      <c r="D25" s="9">
        <v>103</v>
      </c>
    </row>
    <row r="26" spans="1:4" ht="18" customHeight="1" x14ac:dyDescent="0.15">
      <c r="A26" s="16">
        <v>17</v>
      </c>
      <c r="B26" s="29">
        <v>54</v>
      </c>
      <c r="C26" s="10">
        <v>43</v>
      </c>
      <c r="D26" s="9">
        <v>97</v>
      </c>
    </row>
    <row r="27" spans="1:4" ht="18" customHeight="1" x14ac:dyDescent="0.15">
      <c r="A27" s="16">
        <v>18</v>
      </c>
      <c r="B27" s="29">
        <v>47</v>
      </c>
      <c r="C27" s="10">
        <v>47</v>
      </c>
      <c r="D27" s="9">
        <v>94</v>
      </c>
    </row>
    <row r="28" spans="1:4" ht="18" customHeight="1" x14ac:dyDescent="0.15">
      <c r="A28" s="16">
        <v>19</v>
      </c>
      <c r="B28" s="29">
        <v>43</v>
      </c>
      <c r="C28" s="10">
        <v>44</v>
      </c>
      <c r="D28" s="9">
        <v>87</v>
      </c>
    </row>
    <row r="29" spans="1:4" ht="18" customHeight="1" x14ac:dyDescent="0.15">
      <c r="A29" s="8" t="s">
        <v>48</v>
      </c>
      <c r="B29" s="29">
        <v>244</v>
      </c>
      <c r="C29" s="10">
        <v>243</v>
      </c>
      <c r="D29" s="9">
        <v>487</v>
      </c>
    </row>
    <row r="30" spans="1:4" ht="18" customHeight="1" x14ac:dyDescent="0.15">
      <c r="A30" s="16">
        <v>20</v>
      </c>
      <c r="B30" s="29">
        <v>54</v>
      </c>
      <c r="C30" s="10">
        <v>41</v>
      </c>
      <c r="D30" s="9">
        <v>95</v>
      </c>
    </row>
    <row r="31" spans="1:4" ht="18" customHeight="1" x14ac:dyDescent="0.15">
      <c r="A31" s="16">
        <v>21</v>
      </c>
      <c r="B31" s="29">
        <v>50</v>
      </c>
      <c r="C31" s="10">
        <v>43</v>
      </c>
      <c r="D31" s="9">
        <v>93</v>
      </c>
    </row>
    <row r="32" spans="1:4" ht="18" customHeight="1" x14ac:dyDescent="0.15">
      <c r="A32" s="16">
        <v>22</v>
      </c>
      <c r="B32" s="29">
        <v>63</v>
      </c>
      <c r="C32" s="10">
        <v>40</v>
      </c>
      <c r="D32" s="9">
        <v>103</v>
      </c>
    </row>
    <row r="33" spans="1:4" ht="18" customHeight="1" x14ac:dyDescent="0.15">
      <c r="A33" s="16">
        <v>23</v>
      </c>
      <c r="B33" s="29">
        <v>60</v>
      </c>
      <c r="C33" s="10">
        <v>48</v>
      </c>
      <c r="D33" s="9">
        <v>108</v>
      </c>
    </row>
    <row r="34" spans="1:4" ht="18" customHeight="1" x14ac:dyDescent="0.15">
      <c r="A34" s="16">
        <v>24</v>
      </c>
      <c r="B34" s="29">
        <v>50</v>
      </c>
      <c r="C34" s="10">
        <v>63</v>
      </c>
      <c r="D34" s="9">
        <v>113</v>
      </c>
    </row>
    <row r="35" spans="1:4" ht="18" customHeight="1" x14ac:dyDescent="0.15">
      <c r="A35" s="8" t="s">
        <v>74</v>
      </c>
      <c r="B35" s="29">
        <v>277</v>
      </c>
      <c r="C35" s="10">
        <v>235</v>
      </c>
      <c r="D35" s="9">
        <v>512</v>
      </c>
    </row>
    <row r="36" spans="1:4" ht="18" customHeight="1" x14ac:dyDescent="0.15">
      <c r="A36" s="16">
        <v>25</v>
      </c>
      <c r="B36" s="29">
        <v>58</v>
      </c>
      <c r="C36" s="10">
        <v>58</v>
      </c>
      <c r="D36" s="9">
        <v>116</v>
      </c>
    </row>
    <row r="37" spans="1:4" ht="18" customHeight="1" x14ac:dyDescent="0.15">
      <c r="A37" s="16">
        <v>26</v>
      </c>
      <c r="B37" s="29">
        <v>58</v>
      </c>
      <c r="C37" s="10">
        <v>54</v>
      </c>
      <c r="D37" s="9">
        <v>112</v>
      </c>
    </row>
    <row r="38" spans="1:4" ht="18" customHeight="1" x14ac:dyDescent="0.15">
      <c r="A38" s="16">
        <v>27</v>
      </c>
      <c r="B38" s="29">
        <v>48</v>
      </c>
      <c r="C38" s="10">
        <v>47</v>
      </c>
      <c r="D38" s="9">
        <v>95</v>
      </c>
    </row>
    <row r="39" spans="1:4" ht="18" customHeight="1" x14ac:dyDescent="0.15">
      <c r="A39" s="16">
        <v>28</v>
      </c>
      <c r="B39" s="29">
        <v>54</v>
      </c>
      <c r="C39" s="10">
        <v>43</v>
      </c>
      <c r="D39" s="9">
        <v>97</v>
      </c>
    </row>
    <row r="40" spans="1:4" ht="18" customHeight="1" x14ac:dyDescent="0.15">
      <c r="A40" s="16">
        <v>29</v>
      </c>
      <c r="B40" s="29">
        <v>60</v>
      </c>
      <c r="C40" s="10">
        <v>67</v>
      </c>
      <c r="D40" s="9">
        <v>127</v>
      </c>
    </row>
    <row r="41" spans="1:4" ht="18" customHeight="1" x14ac:dyDescent="0.15">
      <c r="A41" s="8" t="s">
        <v>73</v>
      </c>
      <c r="B41" s="29">
        <v>278</v>
      </c>
      <c r="C41" s="10">
        <v>269</v>
      </c>
      <c r="D41" s="9">
        <v>547</v>
      </c>
    </row>
    <row r="42" spans="1:4" ht="18" customHeight="1" x14ac:dyDescent="0.15">
      <c r="A42" s="16">
        <v>30</v>
      </c>
      <c r="B42" s="29">
        <v>62</v>
      </c>
      <c r="C42" s="10">
        <v>45</v>
      </c>
      <c r="D42" s="9">
        <v>107</v>
      </c>
    </row>
    <row r="43" spans="1:4" ht="18" customHeight="1" x14ac:dyDescent="0.15">
      <c r="A43" s="16">
        <v>31</v>
      </c>
      <c r="B43" s="29">
        <v>45</v>
      </c>
      <c r="C43" s="10">
        <v>55</v>
      </c>
      <c r="D43" s="9">
        <v>100</v>
      </c>
    </row>
    <row r="44" spans="1:4" ht="18" customHeight="1" x14ac:dyDescent="0.15">
      <c r="A44" s="16">
        <v>32</v>
      </c>
      <c r="B44" s="29">
        <v>53</v>
      </c>
      <c r="C44" s="10">
        <v>61</v>
      </c>
      <c r="D44" s="9">
        <v>114</v>
      </c>
    </row>
    <row r="45" spans="1:4" ht="18" customHeight="1" x14ac:dyDescent="0.15">
      <c r="A45" s="16">
        <v>33</v>
      </c>
      <c r="B45" s="29">
        <v>63</v>
      </c>
      <c r="C45" s="10">
        <v>55</v>
      </c>
      <c r="D45" s="9">
        <v>118</v>
      </c>
    </row>
    <row r="46" spans="1:4" ht="18" customHeight="1" x14ac:dyDescent="0.15">
      <c r="A46" s="16">
        <v>34</v>
      </c>
      <c r="B46" s="29">
        <v>72</v>
      </c>
      <c r="C46" s="10">
        <v>47</v>
      </c>
      <c r="D46" s="9">
        <v>119</v>
      </c>
    </row>
    <row r="47" spans="1:4" ht="18" customHeight="1" x14ac:dyDescent="0.15">
      <c r="A47" s="8" t="s">
        <v>85</v>
      </c>
      <c r="B47" s="29">
        <v>295</v>
      </c>
      <c r="C47" s="10">
        <v>263</v>
      </c>
      <c r="D47" s="9">
        <v>558</v>
      </c>
    </row>
    <row r="48" spans="1:4" ht="18" customHeight="1" x14ac:dyDescent="0.15">
      <c r="A48" s="16">
        <v>35</v>
      </c>
      <c r="B48" s="29">
        <v>54</v>
      </c>
      <c r="C48" s="10">
        <v>45</v>
      </c>
      <c r="D48" s="9">
        <v>99</v>
      </c>
    </row>
    <row r="49" spans="1:4" ht="18" customHeight="1" x14ac:dyDescent="0.15">
      <c r="A49" s="16">
        <v>36</v>
      </c>
      <c r="B49" s="29">
        <v>62</v>
      </c>
      <c r="C49" s="10">
        <v>65</v>
      </c>
      <c r="D49" s="9">
        <v>127</v>
      </c>
    </row>
    <row r="50" spans="1:4" ht="18" customHeight="1" x14ac:dyDescent="0.15">
      <c r="A50" s="16">
        <v>37</v>
      </c>
      <c r="B50" s="29">
        <v>60</v>
      </c>
      <c r="C50" s="10">
        <v>66</v>
      </c>
      <c r="D50" s="9">
        <v>126</v>
      </c>
    </row>
    <row r="51" spans="1:4" ht="18" customHeight="1" x14ac:dyDescent="0.15">
      <c r="A51" s="16">
        <v>38</v>
      </c>
      <c r="B51" s="29">
        <v>69</v>
      </c>
      <c r="C51" s="10">
        <v>62</v>
      </c>
      <c r="D51" s="9">
        <v>131</v>
      </c>
    </row>
    <row r="52" spans="1:4" ht="18" customHeight="1" x14ac:dyDescent="0.15">
      <c r="A52" s="16">
        <v>39</v>
      </c>
      <c r="B52" s="29">
        <v>71</v>
      </c>
      <c r="C52" s="10">
        <v>65</v>
      </c>
      <c r="D52" s="9">
        <v>136</v>
      </c>
    </row>
    <row r="53" spans="1:4" ht="18" customHeight="1" x14ac:dyDescent="0.15">
      <c r="A53" s="8" t="s">
        <v>72</v>
      </c>
      <c r="B53" s="29">
        <v>316</v>
      </c>
      <c r="C53" s="10">
        <v>303</v>
      </c>
      <c r="D53" s="9">
        <v>619</v>
      </c>
    </row>
    <row r="54" spans="1:4" ht="18" customHeight="1" x14ac:dyDescent="0.15">
      <c r="A54" s="16">
        <v>40</v>
      </c>
      <c r="B54" s="29">
        <v>69</v>
      </c>
      <c r="C54" s="10">
        <v>79</v>
      </c>
      <c r="D54" s="9">
        <v>148</v>
      </c>
    </row>
    <row r="55" spans="1:4" ht="18" customHeight="1" x14ac:dyDescent="0.15">
      <c r="A55" s="16">
        <v>41</v>
      </c>
      <c r="B55" s="29">
        <v>56</v>
      </c>
      <c r="C55" s="10">
        <v>76</v>
      </c>
      <c r="D55" s="9">
        <v>132</v>
      </c>
    </row>
    <row r="56" spans="1:4" ht="18" customHeight="1" x14ac:dyDescent="0.15">
      <c r="A56" s="16">
        <v>42</v>
      </c>
      <c r="B56" s="29">
        <v>80</v>
      </c>
      <c r="C56" s="10">
        <v>72</v>
      </c>
      <c r="D56" s="9">
        <v>152</v>
      </c>
    </row>
    <row r="57" spans="1:4" ht="18" customHeight="1" x14ac:dyDescent="0.15">
      <c r="A57" s="16">
        <v>43</v>
      </c>
      <c r="B57" s="29">
        <v>70</v>
      </c>
      <c r="C57" s="10">
        <v>69</v>
      </c>
      <c r="D57" s="9">
        <v>139</v>
      </c>
    </row>
    <row r="58" spans="1:4" ht="18" customHeight="1" x14ac:dyDescent="0.15">
      <c r="A58" s="16">
        <v>44</v>
      </c>
      <c r="B58" s="29">
        <v>69</v>
      </c>
      <c r="C58" s="10">
        <v>77</v>
      </c>
      <c r="D58" s="9">
        <v>146</v>
      </c>
    </row>
    <row r="59" spans="1:4" ht="18" customHeight="1" x14ac:dyDescent="0.15">
      <c r="A59" s="8" t="s">
        <v>46</v>
      </c>
      <c r="B59" s="29">
        <v>344</v>
      </c>
      <c r="C59" s="10">
        <v>373</v>
      </c>
      <c r="D59" s="9">
        <v>717</v>
      </c>
    </row>
    <row r="60" spans="1:4" ht="18" customHeight="1" x14ac:dyDescent="0.15">
      <c r="A60" s="16">
        <v>45</v>
      </c>
      <c r="B60" s="29">
        <v>64</v>
      </c>
      <c r="C60" s="10">
        <v>75</v>
      </c>
      <c r="D60" s="9">
        <v>139</v>
      </c>
    </row>
    <row r="61" spans="1:4" ht="18" customHeight="1" x14ac:dyDescent="0.15">
      <c r="A61" s="16">
        <v>46</v>
      </c>
      <c r="B61" s="29">
        <v>91</v>
      </c>
      <c r="C61" s="10">
        <v>85</v>
      </c>
      <c r="D61" s="9">
        <v>176</v>
      </c>
    </row>
    <row r="62" spans="1:4" ht="18" customHeight="1" x14ac:dyDescent="0.15">
      <c r="A62" s="16">
        <v>47</v>
      </c>
      <c r="B62" s="29">
        <v>81</v>
      </c>
      <c r="C62" s="10">
        <v>110</v>
      </c>
      <c r="D62" s="9">
        <v>191</v>
      </c>
    </row>
    <row r="63" spans="1:4" ht="18" customHeight="1" x14ac:dyDescent="0.15">
      <c r="A63" s="16">
        <v>48</v>
      </c>
      <c r="B63" s="29">
        <v>88</v>
      </c>
      <c r="C63" s="10">
        <v>85</v>
      </c>
      <c r="D63" s="9">
        <v>173</v>
      </c>
    </row>
    <row r="64" spans="1:4" ht="18" customHeight="1" x14ac:dyDescent="0.15">
      <c r="A64" s="16">
        <v>49</v>
      </c>
      <c r="B64" s="29">
        <v>99</v>
      </c>
      <c r="C64" s="10">
        <v>106</v>
      </c>
      <c r="D64" s="9">
        <v>205</v>
      </c>
    </row>
    <row r="65" spans="1:4" ht="18" customHeight="1" x14ac:dyDescent="0.15">
      <c r="A65" s="8" t="s">
        <v>45</v>
      </c>
      <c r="B65" s="29">
        <v>423</v>
      </c>
      <c r="C65" s="10">
        <v>461</v>
      </c>
      <c r="D65" s="9">
        <v>884</v>
      </c>
    </row>
    <row r="66" spans="1:4" ht="18" customHeight="1" x14ac:dyDescent="0.15">
      <c r="A66" s="16">
        <v>50</v>
      </c>
      <c r="B66" s="29">
        <v>119</v>
      </c>
      <c r="C66" s="10">
        <v>103</v>
      </c>
      <c r="D66" s="9">
        <v>222</v>
      </c>
    </row>
    <row r="67" spans="1:4" ht="18" customHeight="1" x14ac:dyDescent="0.15">
      <c r="A67" s="16">
        <v>51</v>
      </c>
      <c r="B67" s="29">
        <v>118</v>
      </c>
      <c r="C67" s="10">
        <v>117</v>
      </c>
      <c r="D67" s="9">
        <v>235</v>
      </c>
    </row>
    <row r="68" spans="1:4" ht="18" customHeight="1" x14ac:dyDescent="0.15">
      <c r="A68" s="16">
        <v>52</v>
      </c>
      <c r="B68" s="29">
        <v>100</v>
      </c>
      <c r="C68" s="10">
        <v>113</v>
      </c>
      <c r="D68" s="9">
        <v>213</v>
      </c>
    </row>
    <row r="69" spans="1:4" ht="18" customHeight="1" x14ac:dyDescent="0.15">
      <c r="A69" s="16">
        <v>53</v>
      </c>
      <c r="B69" s="29">
        <v>91</v>
      </c>
      <c r="C69" s="10">
        <v>96</v>
      </c>
      <c r="D69" s="9">
        <v>187</v>
      </c>
    </row>
    <row r="70" spans="1:4" ht="18" customHeight="1" x14ac:dyDescent="0.15">
      <c r="A70" s="16">
        <v>54</v>
      </c>
      <c r="B70" s="29">
        <v>83</v>
      </c>
      <c r="C70" s="10">
        <v>102</v>
      </c>
      <c r="D70" s="9">
        <v>185</v>
      </c>
    </row>
    <row r="71" spans="1:4" ht="18" customHeight="1" x14ac:dyDescent="0.15">
      <c r="A71" s="8" t="s">
        <v>58</v>
      </c>
      <c r="B71" s="29">
        <v>511</v>
      </c>
      <c r="C71" s="10">
        <v>531</v>
      </c>
      <c r="D71" s="9">
        <v>1042</v>
      </c>
    </row>
    <row r="72" spans="1:4" ht="18" customHeight="1" x14ac:dyDescent="0.15">
      <c r="A72" s="16">
        <v>55</v>
      </c>
      <c r="B72" s="29">
        <v>95</v>
      </c>
      <c r="C72" s="10">
        <v>94</v>
      </c>
      <c r="D72" s="9">
        <v>189</v>
      </c>
    </row>
    <row r="73" spans="1:4" ht="18" customHeight="1" x14ac:dyDescent="0.15">
      <c r="A73" s="16">
        <v>56</v>
      </c>
      <c r="B73" s="29">
        <v>80</v>
      </c>
      <c r="C73" s="10">
        <v>75</v>
      </c>
      <c r="D73" s="9">
        <v>155</v>
      </c>
    </row>
    <row r="74" spans="1:4" ht="18" customHeight="1" x14ac:dyDescent="0.15">
      <c r="A74" s="16">
        <v>57</v>
      </c>
      <c r="B74" s="29">
        <v>77</v>
      </c>
      <c r="C74" s="10">
        <v>91</v>
      </c>
      <c r="D74" s="9">
        <v>168</v>
      </c>
    </row>
    <row r="75" spans="1:4" ht="18" customHeight="1" x14ac:dyDescent="0.15">
      <c r="A75" s="16">
        <v>58</v>
      </c>
      <c r="B75" s="29">
        <v>81</v>
      </c>
      <c r="C75" s="10">
        <v>84</v>
      </c>
      <c r="D75" s="9">
        <v>165</v>
      </c>
    </row>
    <row r="76" spans="1:4" ht="18" customHeight="1" x14ac:dyDescent="0.15">
      <c r="A76" s="16">
        <v>59</v>
      </c>
      <c r="B76" s="29">
        <v>88</v>
      </c>
      <c r="C76" s="10">
        <v>80</v>
      </c>
      <c r="D76" s="9">
        <v>168</v>
      </c>
    </row>
    <row r="77" spans="1:4" ht="18" customHeight="1" x14ac:dyDescent="0.15">
      <c r="A77" s="8" t="s">
        <v>84</v>
      </c>
      <c r="B77" s="29">
        <v>421</v>
      </c>
      <c r="C77" s="10">
        <v>424</v>
      </c>
      <c r="D77" s="9">
        <v>845</v>
      </c>
    </row>
    <row r="78" spans="1:4" ht="18" customHeight="1" x14ac:dyDescent="0.15">
      <c r="A78" s="16">
        <v>60</v>
      </c>
      <c r="B78" s="29">
        <v>85</v>
      </c>
      <c r="C78" s="10">
        <v>84</v>
      </c>
      <c r="D78" s="9">
        <v>169</v>
      </c>
    </row>
    <row r="79" spans="1:4" ht="18" customHeight="1" x14ac:dyDescent="0.15">
      <c r="A79" s="16">
        <v>61</v>
      </c>
      <c r="B79" s="29">
        <v>79</v>
      </c>
      <c r="C79" s="10">
        <v>83</v>
      </c>
      <c r="D79" s="9">
        <v>162</v>
      </c>
    </row>
    <row r="80" spans="1:4" ht="18" customHeight="1" x14ac:dyDescent="0.15">
      <c r="A80" s="16">
        <v>62</v>
      </c>
      <c r="B80" s="29">
        <v>87</v>
      </c>
      <c r="C80" s="10">
        <v>66</v>
      </c>
      <c r="D80" s="9">
        <v>153</v>
      </c>
    </row>
    <row r="81" spans="1:4" ht="18" customHeight="1" x14ac:dyDescent="0.15">
      <c r="A81" s="16">
        <v>63</v>
      </c>
      <c r="B81" s="29">
        <v>69</v>
      </c>
      <c r="C81" s="10">
        <v>67</v>
      </c>
      <c r="D81" s="9">
        <v>136</v>
      </c>
    </row>
    <row r="82" spans="1:4" ht="18" customHeight="1" x14ac:dyDescent="0.15">
      <c r="A82" s="16">
        <v>64</v>
      </c>
      <c r="B82" s="29">
        <v>69</v>
      </c>
      <c r="C82" s="10">
        <v>84</v>
      </c>
      <c r="D82" s="9">
        <v>153</v>
      </c>
    </row>
    <row r="83" spans="1:4" ht="18" customHeight="1" x14ac:dyDescent="0.15">
      <c r="A83" s="8" t="s">
        <v>44</v>
      </c>
      <c r="B83" s="29">
        <v>389</v>
      </c>
      <c r="C83" s="10">
        <v>384</v>
      </c>
      <c r="D83" s="9">
        <v>773</v>
      </c>
    </row>
    <row r="84" spans="1:4" ht="18" customHeight="1" x14ac:dyDescent="0.15">
      <c r="A84" s="8" t="s">
        <v>83</v>
      </c>
      <c r="B84" s="29">
        <v>3498</v>
      </c>
      <c r="C84" s="10">
        <v>3486</v>
      </c>
      <c r="D84" s="9">
        <v>6984</v>
      </c>
    </row>
    <row r="85" spans="1:4" ht="18" customHeight="1" x14ac:dyDescent="0.15">
      <c r="A85" s="16">
        <v>65</v>
      </c>
      <c r="B85" s="29">
        <v>64</v>
      </c>
      <c r="C85" s="10">
        <v>61</v>
      </c>
      <c r="D85" s="9">
        <v>125</v>
      </c>
    </row>
    <row r="86" spans="1:4" ht="18" customHeight="1" x14ac:dyDescent="0.15">
      <c r="A86" s="16">
        <v>66</v>
      </c>
      <c r="B86" s="29">
        <v>65</v>
      </c>
      <c r="C86" s="10">
        <v>69</v>
      </c>
      <c r="D86" s="9">
        <v>134</v>
      </c>
    </row>
    <row r="87" spans="1:4" ht="18" customHeight="1" x14ac:dyDescent="0.15">
      <c r="A87" s="16">
        <v>67</v>
      </c>
      <c r="B87" s="29">
        <v>68</v>
      </c>
      <c r="C87" s="10">
        <v>66</v>
      </c>
      <c r="D87" s="9">
        <v>134</v>
      </c>
    </row>
    <row r="88" spans="1:4" ht="18" customHeight="1" x14ac:dyDescent="0.15">
      <c r="A88" s="16">
        <v>68</v>
      </c>
      <c r="B88" s="29">
        <v>69</v>
      </c>
      <c r="C88" s="10">
        <v>73</v>
      </c>
      <c r="D88" s="9">
        <v>142</v>
      </c>
    </row>
    <row r="89" spans="1:4" ht="18" customHeight="1" x14ac:dyDescent="0.15">
      <c r="A89" s="16">
        <v>69</v>
      </c>
      <c r="B89" s="29">
        <v>58</v>
      </c>
      <c r="C89" s="10">
        <v>61</v>
      </c>
      <c r="D89" s="9">
        <v>119</v>
      </c>
    </row>
    <row r="90" spans="1:4" ht="18" customHeight="1" x14ac:dyDescent="0.15">
      <c r="A90" s="8" t="s">
        <v>42</v>
      </c>
      <c r="B90" s="29">
        <v>324</v>
      </c>
      <c r="C90" s="10">
        <v>330</v>
      </c>
      <c r="D90" s="9">
        <v>654</v>
      </c>
    </row>
    <row r="91" spans="1:4" ht="18" customHeight="1" x14ac:dyDescent="0.15">
      <c r="A91" s="16">
        <v>70</v>
      </c>
      <c r="B91" s="29">
        <v>68</v>
      </c>
      <c r="C91" s="10">
        <v>71</v>
      </c>
      <c r="D91" s="9">
        <v>139</v>
      </c>
    </row>
    <row r="92" spans="1:4" ht="18" customHeight="1" x14ac:dyDescent="0.15">
      <c r="A92" s="16">
        <v>71</v>
      </c>
      <c r="B92" s="29">
        <v>54</v>
      </c>
      <c r="C92" s="10">
        <v>62</v>
      </c>
      <c r="D92" s="9">
        <v>116</v>
      </c>
    </row>
    <row r="93" spans="1:4" ht="18" customHeight="1" x14ac:dyDescent="0.15">
      <c r="A93" s="16">
        <v>72</v>
      </c>
      <c r="B93" s="29">
        <v>65</v>
      </c>
      <c r="C93" s="10">
        <v>88</v>
      </c>
      <c r="D93" s="9">
        <v>153</v>
      </c>
    </row>
    <row r="94" spans="1:4" ht="18" customHeight="1" x14ac:dyDescent="0.15">
      <c r="A94" s="16">
        <v>73</v>
      </c>
      <c r="B94" s="29">
        <v>80</v>
      </c>
      <c r="C94" s="10">
        <v>86</v>
      </c>
      <c r="D94" s="9">
        <v>166</v>
      </c>
    </row>
    <row r="95" spans="1:4" ht="18" customHeight="1" x14ac:dyDescent="0.15">
      <c r="A95" s="16">
        <v>74</v>
      </c>
      <c r="B95" s="29">
        <v>94</v>
      </c>
      <c r="C95" s="10">
        <v>98</v>
      </c>
      <c r="D95" s="9">
        <v>192</v>
      </c>
    </row>
    <row r="96" spans="1:4" ht="18" customHeight="1" x14ac:dyDescent="0.15">
      <c r="A96" s="8" t="s">
        <v>41</v>
      </c>
      <c r="B96" s="29">
        <v>361</v>
      </c>
      <c r="C96" s="10">
        <v>405</v>
      </c>
      <c r="D96" s="9">
        <v>766</v>
      </c>
    </row>
    <row r="97" spans="1:4" ht="18" customHeight="1" x14ac:dyDescent="0.15">
      <c r="A97" s="16">
        <v>75</v>
      </c>
      <c r="B97" s="29">
        <v>78</v>
      </c>
      <c r="C97" s="10">
        <v>91</v>
      </c>
      <c r="D97" s="9">
        <v>169</v>
      </c>
    </row>
    <row r="98" spans="1:4" ht="18" customHeight="1" x14ac:dyDescent="0.15">
      <c r="A98" s="16">
        <v>76</v>
      </c>
      <c r="B98" s="29">
        <v>53</v>
      </c>
      <c r="C98" s="10">
        <v>75</v>
      </c>
      <c r="D98" s="9">
        <v>128</v>
      </c>
    </row>
    <row r="99" spans="1:4" ht="18" customHeight="1" x14ac:dyDescent="0.15">
      <c r="A99" s="16">
        <v>77</v>
      </c>
      <c r="B99" s="29">
        <v>33</v>
      </c>
      <c r="C99" s="10">
        <v>50</v>
      </c>
      <c r="D99" s="9">
        <v>83</v>
      </c>
    </row>
    <row r="100" spans="1:4" ht="18" customHeight="1" x14ac:dyDescent="0.15">
      <c r="A100" s="16">
        <v>78</v>
      </c>
      <c r="B100" s="29">
        <v>52</v>
      </c>
      <c r="C100" s="10">
        <v>72</v>
      </c>
      <c r="D100" s="9">
        <v>124</v>
      </c>
    </row>
    <row r="101" spans="1:4" ht="18" customHeight="1" x14ac:dyDescent="0.15">
      <c r="A101" s="16">
        <v>79</v>
      </c>
      <c r="B101" s="29">
        <v>58</v>
      </c>
      <c r="C101" s="10">
        <v>85</v>
      </c>
      <c r="D101" s="9">
        <v>143</v>
      </c>
    </row>
    <row r="102" spans="1:4" ht="18" customHeight="1" x14ac:dyDescent="0.15">
      <c r="A102" s="8" t="s">
        <v>70</v>
      </c>
      <c r="B102" s="29">
        <v>274</v>
      </c>
      <c r="C102" s="10">
        <v>373</v>
      </c>
      <c r="D102" s="9">
        <v>647</v>
      </c>
    </row>
    <row r="103" spans="1:4" ht="18" customHeight="1" x14ac:dyDescent="0.15">
      <c r="A103" s="16">
        <v>80</v>
      </c>
      <c r="B103" s="29">
        <v>66</v>
      </c>
      <c r="C103" s="10">
        <v>74</v>
      </c>
      <c r="D103" s="9">
        <v>140</v>
      </c>
    </row>
    <row r="104" spans="1:4" ht="18" customHeight="1" x14ac:dyDescent="0.15">
      <c r="A104" s="16">
        <v>81</v>
      </c>
      <c r="B104" s="29">
        <v>43</v>
      </c>
      <c r="C104" s="10">
        <v>91</v>
      </c>
      <c r="D104" s="9">
        <v>134</v>
      </c>
    </row>
    <row r="105" spans="1:4" ht="18" customHeight="1" x14ac:dyDescent="0.15">
      <c r="A105" s="16">
        <v>82</v>
      </c>
      <c r="B105" s="29">
        <v>31</v>
      </c>
      <c r="C105" s="10">
        <v>69</v>
      </c>
      <c r="D105" s="9">
        <v>100</v>
      </c>
    </row>
    <row r="106" spans="1:4" ht="18" customHeight="1" x14ac:dyDescent="0.15">
      <c r="A106" s="16">
        <v>83</v>
      </c>
      <c r="B106" s="29">
        <v>29</v>
      </c>
      <c r="C106" s="10">
        <v>68</v>
      </c>
      <c r="D106" s="9">
        <v>97</v>
      </c>
    </row>
    <row r="107" spans="1:4" ht="18" customHeight="1" x14ac:dyDescent="0.15">
      <c r="A107" s="16">
        <v>84</v>
      </c>
      <c r="B107" s="29">
        <v>41</v>
      </c>
      <c r="C107" s="10">
        <v>54</v>
      </c>
      <c r="D107" s="9">
        <v>95</v>
      </c>
    </row>
    <row r="108" spans="1:4" ht="18" customHeight="1" x14ac:dyDescent="0.15">
      <c r="A108" s="8" t="s">
        <v>39</v>
      </c>
      <c r="B108" s="29">
        <v>210</v>
      </c>
      <c r="C108" s="10">
        <v>356</v>
      </c>
      <c r="D108" s="9">
        <v>566</v>
      </c>
    </row>
    <row r="109" spans="1:4" ht="18" customHeight="1" x14ac:dyDescent="0.15">
      <c r="A109" s="16">
        <v>85</v>
      </c>
      <c r="B109" s="29">
        <v>31</v>
      </c>
      <c r="C109" s="10">
        <v>46</v>
      </c>
      <c r="D109" s="9">
        <v>77</v>
      </c>
    </row>
    <row r="110" spans="1:4" ht="18" customHeight="1" x14ac:dyDescent="0.15">
      <c r="A110" s="16">
        <v>86</v>
      </c>
      <c r="B110" s="29">
        <v>32</v>
      </c>
      <c r="C110" s="10">
        <v>70</v>
      </c>
      <c r="D110" s="9">
        <v>102</v>
      </c>
    </row>
    <row r="111" spans="1:4" ht="18" customHeight="1" x14ac:dyDescent="0.15">
      <c r="A111" s="16">
        <v>87</v>
      </c>
      <c r="B111" s="29">
        <v>32</v>
      </c>
      <c r="C111" s="10">
        <v>68</v>
      </c>
      <c r="D111" s="9">
        <v>100</v>
      </c>
    </row>
    <row r="112" spans="1:4" ht="18" customHeight="1" x14ac:dyDescent="0.15">
      <c r="A112" s="16">
        <v>88</v>
      </c>
      <c r="B112" s="29">
        <v>18</v>
      </c>
      <c r="C112" s="10">
        <v>52</v>
      </c>
      <c r="D112" s="9">
        <v>70</v>
      </c>
    </row>
    <row r="113" spans="1:4" ht="18" customHeight="1" x14ac:dyDescent="0.15">
      <c r="A113" s="16">
        <v>89</v>
      </c>
      <c r="B113" s="29">
        <v>25</v>
      </c>
      <c r="C113" s="10">
        <v>60</v>
      </c>
      <c r="D113" s="9">
        <v>85</v>
      </c>
    </row>
    <row r="114" spans="1:4" ht="18" customHeight="1" x14ac:dyDescent="0.15">
      <c r="A114" s="8" t="s">
        <v>38</v>
      </c>
      <c r="B114" s="29">
        <v>138</v>
      </c>
      <c r="C114" s="10">
        <v>296</v>
      </c>
      <c r="D114" s="9">
        <v>434</v>
      </c>
    </row>
    <row r="115" spans="1:4" ht="18" customHeight="1" x14ac:dyDescent="0.15">
      <c r="A115" s="16">
        <v>90</v>
      </c>
      <c r="B115" s="29">
        <v>20</v>
      </c>
      <c r="C115" s="10">
        <v>50</v>
      </c>
      <c r="D115" s="9">
        <v>70</v>
      </c>
    </row>
    <row r="116" spans="1:4" ht="18" customHeight="1" x14ac:dyDescent="0.15">
      <c r="A116" s="16">
        <v>91</v>
      </c>
      <c r="B116" s="29">
        <v>18</v>
      </c>
      <c r="C116" s="10">
        <v>50</v>
      </c>
      <c r="D116" s="9">
        <v>68</v>
      </c>
    </row>
    <row r="117" spans="1:4" ht="18" customHeight="1" x14ac:dyDescent="0.15">
      <c r="A117" s="16">
        <v>92</v>
      </c>
      <c r="B117" s="29">
        <v>10</v>
      </c>
      <c r="C117" s="10">
        <v>40</v>
      </c>
      <c r="D117" s="9">
        <v>50</v>
      </c>
    </row>
    <row r="118" spans="1:4" ht="18" customHeight="1" x14ac:dyDescent="0.15">
      <c r="A118" s="16">
        <v>93</v>
      </c>
      <c r="B118" s="29">
        <v>10</v>
      </c>
      <c r="C118" s="10">
        <v>26</v>
      </c>
      <c r="D118" s="9">
        <v>36</v>
      </c>
    </row>
    <row r="119" spans="1:4" ht="18" customHeight="1" x14ac:dyDescent="0.15">
      <c r="A119" s="16">
        <v>94</v>
      </c>
      <c r="B119" s="29">
        <v>4</v>
      </c>
      <c r="C119" s="10">
        <v>26</v>
      </c>
      <c r="D119" s="9">
        <v>30</v>
      </c>
    </row>
    <row r="120" spans="1:4" ht="18" customHeight="1" x14ac:dyDescent="0.15">
      <c r="A120" s="8" t="s">
        <v>69</v>
      </c>
      <c r="B120" s="29">
        <v>62</v>
      </c>
      <c r="C120" s="10">
        <v>192</v>
      </c>
      <c r="D120" s="9">
        <v>254</v>
      </c>
    </row>
    <row r="121" spans="1:4" ht="18" customHeight="1" x14ac:dyDescent="0.15">
      <c r="A121" s="16">
        <v>95</v>
      </c>
      <c r="B121" s="29">
        <v>9</v>
      </c>
      <c r="C121" s="10">
        <v>16</v>
      </c>
      <c r="D121" s="9">
        <v>25</v>
      </c>
    </row>
    <row r="122" spans="1:4" ht="18" customHeight="1" x14ac:dyDescent="0.15">
      <c r="A122" s="16">
        <v>96</v>
      </c>
      <c r="B122" s="29">
        <v>5</v>
      </c>
      <c r="C122" s="10">
        <v>27</v>
      </c>
      <c r="D122" s="9">
        <v>32</v>
      </c>
    </row>
    <row r="123" spans="1:4" ht="18" customHeight="1" x14ac:dyDescent="0.15">
      <c r="A123" s="16">
        <v>97</v>
      </c>
      <c r="B123" s="29">
        <v>5</v>
      </c>
      <c r="C123" s="10">
        <v>15</v>
      </c>
      <c r="D123" s="9">
        <v>20</v>
      </c>
    </row>
    <row r="124" spans="1:4" ht="18" customHeight="1" x14ac:dyDescent="0.15">
      <c r="A124" s="16">
        <v>98</v>
      </c>
      <c r="B124" s="29">
        <v>3</v>
      </c>
      <c r="C124" s="10">
        <v>8</v>
      </c>
      <c r="D124" s="9">
        <v>11</v>
      </c>
    </row>
    <row r="125" spans="1:4" ht="18" customHeight="1" x14ac:dyDescent="0.15">
      <c r="A125" s="16">
        <v>99</v>
      </c>
      <c r="B125" s="29">
        <v>1</v>
      </c>
      <c r="C125" s="10">
        <v>6</v>
      </c>
      <c r="D125" s="9">
        <v>7</v>
      </c>
    </row>
    <row r="126" spans="1:4" ht="18" customHeight="1" x14ac:dyDescent="0.15">
      <c r="A126" s="8" t="s">
        <v>68</v>
      </c>
      <c r="B126" s="29">
        <v>23</v>
      </c>
      <c r="C126" s="10">
        <v>72</v>
      </c>
      <c r="D126" s="9">
        <v>95</v>
      </c>
    </row>
    <row r="127" spans="1:4" ht="18" customHeight="1" x14ac:dyDescent="0.15">
      <c r="A127" s="16">
        <v>100</v>
      </c>
      <c r="B127" s="29">
        <v>2</v>
      </c>
      <c r="C127" s="10">
        <v>6</v>
      </c>
      <c r="D127" s="9">
        <v>8</v>
      </c>
    </row>
    <row r="128" spans="1:4" ht="18" customHeight="1" x14ac:dyDescent="0.15">
      <c r="A128" s="15" t="s">
        <v>37</v>
      </c>
      <c r="B128" s="29">
        <v>2</v>
      </c>
      <c r="C128" s="10">
        <v>9</v>
      </c>
      <c r="D128" s="9">
        <v>11</v>
      </c>
    </row>
    <row r="129" spans="1:4" ht="18" customHeight="1" x14ac:dyDescent="0.15">
      <c r="A129" s="8" t="s">
        <v>36</v>
      </c>
      <c r="B129" s="29">
        <v>4</v>
      </c>
      <c r="C129" s="10">
        <v>15</v>
      </c>
      <c r="D129" s="9">
        <v>19</v>
      </c>
    </row>
    <row r="130" spans="1:4" ht="18" customHeight="1" x14ac:dyDescent="0.15">
      <c r="A130" s="8" t="s">
        <v>35</v>
      </c>
      <c r="B130" s="28">
        <v>1396</v>
      </c>
      <c r="C130" s="6">
        <v>2039</v>
      </c>
      <c r="D130" s="5">
        <v>3435</v>
      </c>
    </row>
    <row r="131" spans="1:4" ht="18" customHeight="1" x14ac:dyDescent="0.15">
      <c r="A131" s="4" t="s">
        <v>0</v>
      </c>
      <c r="B131" s="27">
        <v>5621</v>
      </c>
      <c r="C131" s="2">
        <v>6161</v>
      </c>
      <c r="D131" s="1">
        <v>1178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9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5</v>
      </c>
      <c r="C5" s="18">
        <v>46</v>
      </c>
      <c r="D5" s="17">
        <v>111</v>
      </c>
    </row>
    <row r="6" spans="1:4" ht="18" customHeight="1" x14ac:dyDescent="0.15">
      <c r="A6" s="16">
        <v>1</v>
      </c>
      <c r="B6" s="29">
        <v>72</v>
      </c>
      <c r="C6" s="10">
        <v>67</v>
      </c>
      <c r="D6" s="9">
        <v>139</v>
      </c>
    </row>
    <row r="7" spans="1:4" ht="18" customHeight="1" x14ac:dyDescent="0.15">
      <c r="A7" s="16">
        <v>2</v>
      </c>
      <c r="B7" s="29">
        <v>64</v>
      </c>
      <c r="C7" s="10">
        <v>56</v>
      </c>
      <c r="D7" s="9">
        <v>120</v>
      </c>
    </row>
    <row r="8" spans="1:4" ht="18" customHeight="1" x14ac:dyDescent="0.15">
      <c r="A8" s="16">
        <v>3</v>
      </c>
      <c r="B8" s="29">
        <v>68</v>
      </c>
      <c r="C8" s="10">
        <v>75</v>
      </c>
      <c r="D8" s="9">
        <v>143</v>
      </c>
    </row>
    <row r="9" spans="1:4" ht="18" customHeight="1" x14ac:dyDescent="0.15">
      <c r="A9" s="16">
        <v>4</v>
      </c>
      <c r="B9" s="29">
        <v>63</v>
      </c>
      <c r="C9" s="10">
        <v>58</v>
      </c>
      <c r="D9" s="9">
        <v>121</v>
      </c>
    </row>
    <row r="10" spans="1:4" ht="18" customHeight="1" x14ac:dyDescent="0.15">
      <c r="A10" s="8" t="s">
        <v>76</v>
      </c>
      <c r="B10" s="29">
        <v>332</v>
      </c>
      <c r="C10" s="10">
        <v>302</v>
      </c>
      <c r="D10" s="9">
        <v>634</v>
      </c>
    </row>
    <row r="11" spans="1:4" ht="18" customHeight="1" x14ac:dyDescent="0.15">
      <c r="A11" s="16">
        <v>5</v>
      </c>
      <c r="B11" s="29">
        <v>71</v>
      </c>
      <c r="C11" s="10">
        <v>68</v>
      </c>
      <c r="D11" s="9">
        <v>139</v>
      </c>
    </row>
    <row r="12" spans="1:4" ht="18" customHeight="1" x14ac:dyDescent="0.15">
      <c r="A12" s="16">
        <v>6</v>
      </c>
      <c r="B12" s="29">
        <v>77</v>
      </c>
      <c r="C12" s="10">
        <v>70</v>
      </c>
      <c r="D12" s="9">
        <v>147</v>
      </c>
    </row>
    <row r="13" spans="1:4" ht="18" customHeight="1" x14ac:dyDescent="0.15">
      <c r="A13" s="16">
        <v>7</v>
      </c>
      <c r="B13" s="29">
        <v>70</v>
      </c>
      <c r="C13" s="10">
        <v>69</v>
      </c>
      <c r="D13" s="9">
        <v>139</v>
      </c>
    </row>
    <row r="14" spans="1:4" ht="18" customHeight="1" x14ac:dyDescent="0.15">
      <c r="A14" s="16">
        <v>8</v>
      </c>
      <c r="B14" s="29">
        <v>75</v>
      </c>
      <c r="C14" s="10">
        <v>62</v>
      </c>
      <c r="D14" s="9">
        <v>137</v>
      </c>
    </row>
    <row r="15" spans="1:4" ht="18" customHeight="1" x14ac:dyDescent="0.15">
      <c r="A15" s="16">
        <v>9</v>
      </c>
      <c r="B15" s="29">
        <v>94</v>
      </c>
      <c r="C15" s="10">
        <v>78</v>
      </c>
      <c r="D15" s="9">
        <v>172</v>
      </c>
    </row>
    <row r="16" spans="1:4" ht="18" customHeight="1" x14ac:dyDescent="0.15">
      <c r="A16" s="8" t="s">
        <v>50</v>
      </c>
      <c r="B16" s="29">
        <v>387</v>
      </c>
      <c r="C16" s="10">
        <v>347</v>
      </c>
      <c r="D16" s="9">
        <v>734</v>
      </c>
    </row>
    <row r="17" spans="1:4" ht="18" customHeight="1" x14ac:dyDescent="0.15">
      <c r="A17" s="16">
        <v>10</v>
      </c>
      <c r="B17" s="29">
        <v>72</v>
      </c>
      <c r="C17" s="10">
        <v>49</v>
      </c>
      <c r="D17" s="9">
        <v>121</v>
      </c>
    </row>
    <row r="18" spans="1:4" ht="18" customHeight="1" x14ac:dyDescent="0.15">
      <c r="A18" s="16">
        <v>11</v>
      </c>
      <c r="B18" s="29">
        <v>74</v>
      </c>
      <c r="C18" s="10">
        <v>93</v>
      </c>
      <c r="D18" s="9">
        <v>167</v>
      </c>
    </row>
    <row r="19" spans="1:4" ht="18" customHeight="1" x14ac:dyDescent="0.15">
      <c r="A19" s="16">
        <v>12</v>
      </c>
      <c r="B19" s="29">
        <v>65</v>
      </c>
      <c r="C19" s="10">
        <v>68</v>
      </c>
      <c r="D19" s="9">
        <v>133</v>
      </c>
    </row>
    <row r="20" spans="1:4" ht="18" customHeight="1" x14ac:dyDescent="0.15">
      <c r="A20" s="16">
        <v>13</v>
      </c>
      <c r="B20" s="29">
        <v>81</v>
      </c>
      <c r="C20" s="10">
        <v>68</v>
      </c>
      <c r="D20" s="9">
        <v>149</v>
      </c>
    </row>
    <row r="21" spans="1:4" ht="18" customHeight="1" x14ac:dyDescent="0.15">
      <c r="A21" s="16">
        <v>14</v>
      </c>
      <c r="B21" s="29">
        <v>66</v>
      </c>
      <c r="C21" s="10">
        <v>62</v>
      </c>
      <c r="D21" s="9">
        <v>128</v>
      </c>
    </row>
    <row r="22" spans="1:4" ht="18" customHeight="1" x14ac:dyDescent="0.15">
      <c r="A22" s="8" t="s">
        <v>75</v>
      </c>
      <c r="B22" s="29">
        <v>358</v>
      </c>
      <c r="C22" s="10">
        <v>340</v>
      </c>
      <c r="D22" s="9">
        <v>698</v>
      </c>
    </row>
    <row r="23" spans="1:4" ht="18" customHeight="1" x14ac:dyDescent="0.15">
      <c r="A23" s="8" t="s">
        <v>65</v>
      </c>
      <c r="B23" s="29">
        <v>1077</v>
      </c>
      <c r="C23" s="10">
        <v>989</v>
      </c>
      <c r="D23" s="9">
        <v>2066</v>
      </c>
    </row>
    <row r="24" spans="1:4" ht="18" customHeight="1" x14ac:dyDescent="0.15">
      <c r="A24" s="16">
        <v>15</v>
      </c>
      <c r="B24" s="29">
        <v>69</v>
      </c>
      <c r="C24" s="10">
        <v>80</v>
      </c>
      <c r="D24" s="9">
        <v>149</v>
      </c>
    </row>
    <row r="25" spans="1:4" ht="18" customHeight="1" x14ac:dyDescent="0.15">
      <c r="A25" s="16">
        <v>16</v>
      </c>
      <c r="B25" s="29">
        <v>90</v>
      </c>
      <c r="C25" s="10">
        <v>71</v>
      </c>
      <c r="D25" s="9">
        <v>161</v>
      </c>
    </row>
    <row r="26" spans="1:4" ht="18" customHeight="1" x14ac:dyDescent="0.15">
      <c r="A26" s="16">
        <v>17</v>
      </c>
      <c r="B26" s="29">
        <v>71</v>
      </c>
      <c r="C26" s="10">
        <v>68</v>
      </c>
      <c r="D26" s="9">
        <v>139</v>
      </c>
    </row>
    <row r="27" spans="1:4" ht="18" customHeight="1" x14ac:dyDescent="0.15">
      <c r="A27" s="16">
        <v>18</v>
      </c>
      <c r="B27" s="29">
        <v>68</v>
      </c>
      <c r="C27" s="10">
        <v>66</v>
      </c>
      <c r="D27" s="9">
        <v>134</v>
      </c>
    </row>
    <row r="28" spans="1:4" ht="18" customHeight="1" x14ac:dyDescent="0.15">
      <c r="A28" s="16">
        <v>19</v>
      </c>
      <c r="B28" s="29">
        <v>64</v>
      </c>
      <c r="C28" s="10">
        <v>61</v>
      </c>
      <c r="D28" s="9">
        <v>125</v>
      </c>
    </row>
    <row r="29" spans="1:4" ht="18" customHeight="1" x14ac:dyDescent="0.15">
      <c r="A29" s="8" t="s">
        <v>90</v>
      </c>
      <c r="B29" s="29">
        <v>362</v>
      </c>
      <c r="C29" s="10">
        <v>346</v>
      </c>
      <c r="D29" s="9">
        <v>708</v>
      </c>
    </row>
    <row r="30" spans="1:4" ht="18" customHeight="1" x14ac:dyDescent="0.15">
      <c r="A30" s="16">
        <v>20</v>
      </c>
      <c r="B30" s="29">
        <v>57</v>
      </c>
      <c r="C30" s="10">
        <v>65</v>
      </c>
      <c r="D30" s="9">
        <v>122</v>
      </c>
    </row>
    <row r="31" spans="1:4" ht="18" customHeight="1" x14ac:dyDescent="0.15">
      <c r="A31" s="16">
        <v>21</v>
      </c>
      <c r="B31" s="29">
        <v>61</v>
      </c>
      <c r="C31" s="10">
        <v>67</v>
      </c>
      <c r="D31" s="9">
        <v>128</v>
      </c>
    </row>
    <row r="32" spans="1:4" ht="18" customHeight="1" x14ac:dyDescent="0.15">
      <c r="A32" s="16">
        <v>22</v>
      </c>
      <c r="B32" s="29">
        <v>59</v>
      </c>
      <c r="C32" s="10">
        <v>57</v>
      </c>
      <c r="D32" s="9">
        <v>116</v>
      </c>
    </row>
    <row r="33" spans="1:4" ht="18" customHeight="1" x14ac:dyDescent="0.15">
      <c r="A33" s="16">
        <v>23</v>
      </c>
      <c r="B33" s="29">
        <v>75</v>
      </c>
      <c r="C33" s="10">
        <v>69</v>
      </c>
      <c r="D33" s="9">
        <v>144</v>
      </c>
    </row>
    <row r="34" spans="1:4" ht="18" customHeight="1" x14ac:dyDescent="0.15">
      <c r="A34" s="16">
        <v>24</v>
      </c>
      <c r="B34" s="29">
        <v>60</v>
      </c>
      <c r="C34" s="10">
        <v>53</v>
      </c>
      <c r="D34" s="9">
        <v>113</v>
      </c>
    </row>
    <row r="35" spans="1:4" ht="18" customHeight="1" x14ac:dyDescent="0.15">
      <c r="A35" s="8" t="s">
        <v>74</v>
      </c>
      <c r="B35" s="29">
        <v>312</v>
      </c>
      <c r="C35" s="10">
        <v>311</v>
      </c>
      <c r="D35" s="9">
        <v>623</v>
      </c>
    </row>
    <row r="36" spans="1:4" ht="18" customHeight="1" x14ac:dyDescent="0.15">
      <c r="A36" s="16">
        <v>25</v>
      </c>
      <c r="B36" s="29">
        <v>70</v>
      </c>
      <c r="C36" s="10">
        <v>71</v>
      </c>
      <c r="D36" s="9">
        <v>141</v>
      </c>
    </row>
    <row r="37" spans="1:4" ht="18" customHeight="1" x14ac:dyDescent="0.15">
      <c r="A37" s="16">
        <v>26</v>
      </c>
      <c r="B37" s="29">
        <v>76</v>
      </c>
      <c r="C37" s="10">
        <v>93</v>
      </c>
      <c r="D37" s="9">
        <v>169</v>
      </c>
    </row>
    <row r="38" spans="1:4" ht="18" customHeight="1" x14ac:dyDescent="0.15">
      <c r="A38" s="16">
        <v>27</v>
      </c>
      <c r="B38" s="29">
        <v>80</v>
      </c>
      <c r="C38" s="10">
        <v>77</v>
      </c>
      <c r="D38" s="9">
        <v>157</v>
      </c>
    </row>
    <row r="39" spans="1:4" ht="18" customHeight="1" x14ac:dyDescent="0.15">
      <c r="A39" s="16">
        <v>28</v>
      </c>
      <c r="B39" s="29">
        <v>77</v>
      </c>
      <c r="C39" s="10">
        <v>80</v>
      </c>
      <c r="D39" s="9">
        <v>157</v>
      </c>
    </row>
    <row r="40" spans="1:4" ht="18" customHeight="1" x14ac:dyDescent="0.15">
      <c r="A40" s="16">
        <v>29</v>
      </c>
      <c r="B40" s="29">
        <v>70</v>
      </c>
      <c r="C40" s="10">
        <v>67</v>
      </c>
      <c r="D40" s="9">
        <v>137</v>
      </c>
    </row>
    <row r="41" spans="1:4" ht="18" customHeight="1" x14ac:dyDescent="0.15">
      <c r="A41" s="8" t="s">
        <v>73</v>
      </c>
      <c r="B41" s="29">
        <v>373</v>
      </c>
      <c r="C41" s="10">
        <v>388</v>
      </c>
      <c r="D41" s="9">
        <v>761</v>
      </c>
    </row>
    <row r="42" spans="1:4" ht="18" customHeight="1" x14ac:dyDescent="0.15">
      <c r="A42" s="16">
        <v>30</v>
      </c>
      <c r="B42" s="29">
        <v>73</v>
      </c>
      <c r="C42" s="10">
        <v>94</v>
      </c>
      <c r="D42" s="9">
        <v>167</v>
      </c>
    </row>
    <row r="43" spans="1:4" ht="18" customHeight="1" x14ac:dyDescent="0.15">
      <c r="A43" s="16">
        <v>31</v>
      </c>
      <c r="B43" s="29">
        <v>79</v>
      </c>
      <c r="C43" s="10">
        <v>66</v>
      </c>
      <c r="D43" s="9">
        <v>145</v>
      </c>
    </row>
    <row r="44" spans="1:4" ht="18" customHeight="1" x14ac:dyDescent="0.15">
      <c r="A44" s="16">
        <v>32</v>
      </c>
      <c r="B44" s="29">
        <v>93</v>
      </c>
      <c r="C44" s="10">
        <v>95</v>
      </c>
      <c r="D44" s="9">
        <v>188</v>
      </c>
    </row>
    <row r="45" spans="1:4" ht="18" customHeight="1" x14ac:dyDescent="0.15">
      <c r="A45" s="16">
        <v>33</v>
      </c>
      <c r="B45" s="29">
        <v>89</v>
      </c>
      <c r="C45" s="10">
        <v>103</v>
      </c>
      <c r="D45" s="9">
        <v>192</v>
      </c>
    </row>
    <row r="46" spans="1:4" ht="18" customHeight="1" x14ac:dyDescent="0.15">
      <c r="A46" s="16">
        <v>34</v>
      </c>
      <c r="B46" s="29">
        <v>83</v>
      </c>
      <c r="C46" s="10">
        <v>81</v>
      </c>
      <c r="D46" s="9">
        <v>164</v>
      </c>
    </row>
    <row r="47" spans="1:4" ht="18" customHeight="1" x14ac:dyDescent="0.15">
      <c r="A47" s="8" t="s">
        <v>61</v>
      </c>
      <c r="B47" s="29">
        <v>417</v>
      </c>
      <c r="C47" s="10">
        <v>439</v>
      </c>
      <c r="D47" s="9">
        <v>856</v>
      </c>
    </row>
    <row r="48" spans="1:4" ht="18" customHeight="1" x14ac:dyDescent="0.15">
      <c r="A48" s="16">
        <v>35</v>
      </c>
      <c r="B48" s="29">
        <v>85</v>
      </c>
      <c r="C48" s="10">
        <v>85</v>
      </c>
      <c r="D48" s="9">
        <v>170</v>
      </c>
    </row>
    <row r="49" spans="1:4" ht="18" customHeight="1" x14ac:dyDescent="0.15">
      <c r="A49" s="16">
        <v>36</v>
      </c>
      <c r="B49" s="29">
        <v>83</v>
      </c>
      <c r="C49" s="10">
        <v>83</v>
      </c>
      <c r="D49" s="9">
        <v>166</v>
      </c>
    </row>
    <row r="50" spans="1:4" ht="18" customHeight="1" x14ac:dyDescent="0.15">
      <c r="A50" s="16">
        <v>37</v>
      </c>
      <c r="B50" s="29">
        <v>91</v>
      </c>
      <c r="C50" s="10">
        <v>81</v>
      </c>
      <c r="D50" s="9">
        <v>172</v>
      </c>
    </row>
    <row r="51" spans="1:4" ht="18" customHeight="1" x14ac:dyDescent="0.15">
      <c r="A51" s="16">
        <v>38</v>
      </c>
      <c r="B51" s="29">
        <v>96</v>
      </c>
      <c r="C51" s="10">
        <v>114</v>
      </c>
      <c r="D51" s="9">
        <v>210</v>
      </c>
    </row>
    <row r="52" spans="1:4" ht="18" customHeight="1" x14ac:dyDescent="0.15">
      <c r="A52" s="16">
        <v>39</v>
      </c>
      <c r="B52" s="29">
        <v>93</v>
      </c>
      <c r="C52" s="10">
        <v>87</v>
      </c>
      <c r="D52" s="9">
        <v>180</v>
      </c>
    </row>
    <row r="53" spans="1:4" ht="18" customHeight="1" x14ac:dyDescent="0.15">
      <c r="A53" s="8" t="s">
        <v>89</v>
      </c>
      <c r="B53" s="29">
        <v>448</v>
      </c>
      <c r="C53" s="10">
        <v>450</v>
      </c>
      <c r="D53" s="9">
        <v>898</v>
      </c>
    </row>
    <row r="54" spans="1:4" ht="18" customHeight="1" x14ac:dyDescent="0.15">
      <c r="A54" s="16">
        <v>40</v>
      </c>
      <c r="B54" s="29">
        <v>102</v>
      </c>
      <c r="C54" s="10">
        <v>98</v>
      </c>
      <c r="D54" s="9">
        <v>200</v>
      </c>
    </row>
    <row r="55" spans="1:4" ht="18" customHeight="1" x14ac:dyDescent="0.15">
      <c r="A55" s="16">
        <v>41</v>
      </c>
      <c r="B55" s="29">
        <v>109</v>
      </c>
      <c r="C55" s="10">
        <v>108</v>
      </c>
      <c r="D55" s="9">
        <v>217</v>
      </c>
    </row>
    <row r="56" spans="1:4" ht="18" customHeight="1" x14ac:dyDescent="0.15">
      <c r="A56" s="16">
        <v>42</v>
      </c>
      <c r="B56" s="29">
        <v>102</v>
      </c>
      <c r="C56" s="10">
        <v>113</v>
      </c>
      <c r="D56" s="9">
        <v>215</v>
      </c>
    </row>
    <row r="57" spans="1:4" ht="18" customHeight="1" x14ac:dyDescent="0.15">
      <c r="A57" s="16">
        <v>43</v>
      </c>
      <c r="B57" s="29">
        <v>102</v>
      </c>
      <c r="C57" s="10">
        <v>108</v>
      </c>
      <c r="D57" s="9">
        <v>210</v>
      </c>
    </row>
    <row r="58" spans="1:4" ht="18" customHeight="1" x14ac:dyDescent="0.15">
      <c r="A58" s="16">
        <v>44</v>
      </c>
      <c r="B58" s="29">
        <v>125</v>
      </c>
      <c r="C58" s="10">
        <v>122</v>
      </c>
      <c r="D58" s="9">
        <v>247</v>
      </c>
    </row>
    <row r="59" spans="1:4" ht="18" customHeight="1" x14ac:dyDescent="0.15">
      <c r="A59" s="8" t="s">
        <v>46</v>
      </c>
      <c r="B59" s="29">
        <v>540</v>
      </c>
      <c r="C59" s="10">
        <v>549</v>
      </c>
      <c r="D59" s="9">
        <v>1089</v>
      </c>
    </row>
    <row r="60" spans="1:4" ht="18" customHeight="1" x14ac:dyDescent="0.15">
      <c r="A60" s="16">
        <v>45</v>
      </c>
      <c r="B60" s="29">
        <v>137</v>
      </c>
      <c r="C60" s="10">
        <v>118</v>
      </c>
      <c r="D60" s="9">
        <v>255</v>
      </c>
    </row>
    <row r="61" spans="1:4" ht="18" customHeight="1" x14ac:dyDescent="0.15">
      <c r="A61" s="16">
        <v>46</v>
      </c>
      <c r="B61" s="29">
        <v>116</v>
      </c>
      <c r="C61" s="10">
        <v>120</v>
      </c>
      <c r="D61" s="9">
        <v>236</v>
      </c>
    </row>
    <row r="62" spans="1:4" ht="18" customHeight="1" x14ac:dyDescent="0.15">
      <c r="A62" s="16">
        <v>47</v>
      </c>
      <c r="B62" s="29">
        <v>152</v>
      </c>
      <c r="C62" s="10">
        <v>130</v>
      </c>
      <c r="D62" s="9">
        <v>282</v>
      </c>
    </row>
    <row r="63" spans="1:4" ht="18" customHeight="1" x14ac:dyDescent="0.15">
      <c r="A63" s="16">
        <v>48</v>
      </c>
      <c r="B63" s="29">
        <v>161</v>
      </c>
      <c r="C63" s="10">
        <v>130</v>
      </c>
      <c r="D63" s="9">
        <v>291</v>
      </c>
    </row>
    <row r="64" spans="1:4" ht="18" customHeight="1" x14ac:dyDescent="0.15">
      <c r="A64" s="16">
        <v>49</v>
      </c>
      <c r="B64" s="29">
        <v>132</v>
      </c>
      <c r="C64" s="10">
        <v>136</v>
      </c>
      <c r="D64" s="9">
        <v>268</v>
      </c>
    </row>
    <row r="65" spans="1:4" ht="18" customHeight="1" x14ac:dyDescent="0.15">
      <c r="A65" s="8" t="s">
        <v>45</v>
      </c>
      <c r="B65" s="29">
        <v>698</v>
      </c>
      <c r="C65" s="10">
        <v>634</v>
      </c>
      <c r="D65" s="9">
        <v>1332</v>
      </c>
    </row>
    <row r="66" spans="1:4" ht="18" customHeight="1" x14ac:dyDescent="0.15">
      <c r="A66" s="16">
        <v>50</v>
      </c>
      <c r="B66" s="29">
        <v>121</v>
      </c>
      <c r="C66" s="10">
        <v>122</v>
      </c>
      <c r="D66" s="9">
        <v>243</v>
      </c>
    </row>
    <row r="67" spans="1:4" ht="18" customHeight="1" x14ac:dyDescent="0.15">
      <c r="A67" s="16">
        <v>51</v>
      </c>
      <c r="B67" s="29">
        <v>123</v>
      </c>
      <c r="C67" s="10">
        <v>124</v>
      </c>
      <c r="D67" s="9">
        <v>247</v>
      </c>
    </row>
    <row r="68" spans="1:4" ht="18" customHeight="1" x14ac:dyDescent="0.15">
      <c r="A68" s="16">
        <v>52</v>
      </c>
      <c r="B68" s="29">
        <v>113</v>
      </c>
      <c r="C68" s="10">
        <v>121</v>
      </c>
      <c r="D68" s="9">
        <v>234</v>
      </c>
    </row>
    <row r="69" spans="1:4" ht="18" customHeight="1" x14ac:dyDescent="0.15">
      <c r="A69" s="16">
        <v>53</v>
      </c>
      <c r="B69" s="29">
        <v>104</v>
      </c>
      <c r="C69" s="10">
        <v>90</v>
      </c>
      <c r="D69" s="9">
        <v>194</v>
      </c>
    </row>
    <row r="70" spans="1:4" ht="18" customHeight="1" x14ac:dyDescent="0.15">
      <c r="A70" s="16">
        <v>54</v>
      </c>
      <c r="B70" s="29">
        <v>90</v>
      </c>
      <c r="C70" s="10">
        <v>102</v>
      </c>
      <c r="D70" s="9">
        <v>192</v>
      </c>
    </row>
    <row r="71" spans="1:4" ht="18" customHeight="1" x14ac:dyDescent="0.15">
      <c r="A71" s="8" t="s">
        <v>88</v>
      </c>
      <c r="B71" s="29">
        <v>551</v>
      </c>
      <c r="C71" s="10">
        <v>559</v>
      </c>
      <c r="D71" s="9">
        <v>1110</v>
      </c>
    </row>
    <row r="72" spans="1:4" ht="18" customHeight="1" x14ac:dyDescent="0.15">
      <c r="A72" s="16">
        <v>55</v>
      </c>
      <c r="B72" s="29">
        <v>121</v>
      </c>
      <c r="C72" s="10">
        <v>118</v>
      </c>
      <c r="D72" s="9">
        <v>239</v>
      </c>
    </row>
    <row r="73" spans="1:4" ht="18" customHeight="1" x14ac:dyDescent="0.15">
      <c r="A73" s="16">
        <v>56</v>
      </c>
      <c r="B73" s="29">
        <v>95</v>
      </c>
      <c r="C73" s="10">
        <v>92</v>
      </c>
      <c r="D73" s="9">
        <v>187</v>
      </c>
    </row>
    <row r="74" spans="1:4" ht="18" customHeight="1" x14ac:dyDescent="0.15">
      <c r="A74" s="16">
        <v>57</v>
      </c>
      <c r="B74" s="29">
        <v>87</v>
      </c>
      <c r="C74" s="10">
        <v>98</v>
      </c>
      <c r="D74" s="9">
        <v>185</v>
      </c>
    </row>
    <row r="75" spans="1:4" ht="18" customHeight="1" x14ac:dyDescent="0.15">
      <c r="A75" s="16">
        <v>58</v>
      </c>
      <c r="B75" s="29">
        <v>95</v>
      </c>
      <c r="C75" s="10">
        <v>97</v>
      </c>
      <c r="D75" s="9">
        <v>192</v>
      </c>
    </row>
    <row r="76" spans="1:4" ht="18" customHeight="1" x14ac:dyDescent="0.15">
      <c r="A76" s="16">
        <v>59</v>
      </c>
      <c r="B76" s="29">
        <v>81</v>
      </c>
      <c r="C76" s="10">
        <v>101</v>
      </c>
      <c r="D76" s="9">
        <v>182</v>
      </c>
    </row>
    <row r="77" spans="1:4" ht="18" customHeight="1" x14ac:dyDescent="0.15">
      <c r="A77" s="8" t="s">
        <v>71</v>
      </c>
      <c r="B77" s="29">
        <v>479</v>
      </c>
      <c r="C77" s="10">
        <v>506</v>
      </c>
      <c r="D77" s="9">
        <v>985</v>
      </c>
    </row>
    <row r="78" spans="1:4" ht="18" customHeight="1" x14ac:dyDescent="0.15">
      <c r="A78" s="16">
        <v>60</v>
      </c>
      <c r="B78" s="29">
        <v>84</v>
      </c>
      <c r="C78" s="10">
        <v>70</v>
      </c>
      <c r="D78" s="9">
        <v>154</v>
      </c>
    </row>
    <row r="79" spans="1:4" ht="18" customHeight="1" x14ac:dyDescent="0.15">
      <c r="A79" s="16">
        <v>61</v>
      </c>
      <c r="B79" s="29">
        <v>79</v>
      </c>
      <c r="C79" s="10">
        <v>82</v>
      </c>
      <c r="D79" s="9">
        <v>161</v>
      </c>
    </row>
    <row r="80" spans="1:4" ht="18" customHeight="1" x14ac:dyDescent="0.15">
      <c r="A80" s="16">
        <v>62</v>
      </c>
      <c r="B80" s="29">
        <v>80</v>
      </c>
      <c r="C80" s="10">
        <v>98</v>
      </c>
      <c r="D80" s="9">
        <v>178</v>
      </c>
    </row>
    <row r="81" spans="1:4" ht="18" customHeight="1" x14ac:dyDescent="0.15">
      <c r="A81" s="16">
        <v>63</v>
      </c>
      <c r="B81" s="29">
        <v>69</v>
      </c>
      <c r="C81" s="10">
        <v>83</v>
      </c>
      <c r="D81" s="9">
        <v>152</v>
      </c>
    </row>
    <row r="82" spans="1:4" ht="18" customHeight="1" x14ac:dyDescent="0.15">
      <c r="A82" s="16">
        <v>64</v>
      </c>
      <c r="B82" s="29">
        <v>83</v>
      </c>
      <c r="C82" s="10">
        <v>89</v>
      </c>
      <c r="D82" s="9">
        <v>172</v>
      </c>
    </row>
    <row r="83" spans="1:4" ht="18" customHeight="1" x14ac:dyDescent="0.15">
      <c r="A83" s="8" t="s">
        <v>44</v>
      </c>
      <c r="B83" s="29">
        <v>395</v>
      </c>
      <c r="C83" s="10">
        <v>422</v>
      </c>
      <c r="D83" s="9">
        <v>817</v>
      </c>
    </row>
    <row r="84" spans="1:4" ht="18" customHeight="1" x14ac:dyDescent="0.15">
      <c r="A84" s="8" t="s">
        <v>43</v>
      </c>
      <c r="B84" s="29">
        <v>4575</v>
      </c>
      <c r="C84" s="10">
        <v>4604</v>
      </c>
      <c r="D84" s="9">
        <v>9179</v>
      </c>
    </row>
    <row r="85" spans="1:4" ht="18" customHeight="1" x14ac:dyDescent="0.15">
      <c r="A85" s="16">
        <v>65</v>
      </c>
      <c r="B85" s="29">
        <v>60</v>
      </c>
      <c r="C85" s="10">
        <v>63</v>
      </c>
      <c r="D85" s="9">
        <v>123</v>
      </c>
    </row>
    <row r="86" spans="1:4" ht="18" customHeight="1" x14ac:dyDescent="0.15">
      <c r="A86" s="16">
        <v>66</v>
      </c>
      <c r="B86" s="29">
        <v>74</v>
      </c>
      <c r="C86" s="10">
        <v>72</v>
      </c>
      <c r="D86" s="9">
        <v>146</v>
      </c>
    </row>
    <row r="87" spans="1:4" ht="18" customHeight="1" x14ac:dyDescent="0.15">
      <c r="A87" s="16">
        <v>67</v>
      </c>
      <c r="B87" s="29">
        <v>74</v>
      </c>
      <c r="C87" s="10">
        <v>82</v>
      </c>
      <c r="D87" s="9">
        <v>156</v>
      </c>
    </row>
    <row r="88" spans="1:4" ht="18" customHeight="1" x14ac:dyDescent="0.15">
      <c r="A88" s="16">
        <v>68</v>
      </c>
      <c r="B88" s="29">
        <v>78</v>
      </c>
      <c r="C88" s="10">
        <v>90</v>
      </c>
      <c r="D88" s="9">
        <v>168</v>
      </c>
    </row>
    <row r="89" spans="1:4" ht="18" customHeight="1" x14ac:dyDescent="0.15">
      <c r="A89" s="16">
        <v>69</v>
      </c>
      <c r="B89" s="29">
        <v>93</v>
      </c>
      <c r="C89" s="10">
        <v>76</v>
      </c>
      <c r="D89" s="9">
        <v>169</v>
      </c>
    </row>
    <row r="90" spans="1:4" ht="18" customHeight="1" x14ac:dyDescent="0.15">
      <c r="A90" s="8" t="s">
        <v>42</v>
      </c>
      <c r="B90" s="29">
        <v>379</v>
      </c>
      <c r="C90" s="10">
        <v>383</v>
      </c>
      <c r="D90" s="9">
        <v>762</v>
      </c>
    </row>
    <row r="91" spans="1:4" ht="18" customHeight="1" x14ac:dyDescent="0.15">
      <c r="A91" s="16">
        <v>70</v>
      </c>
      <c r="B91" s="29">
        <v>70</v>
      </c>
      <c r="C91" s="10">
        <v>86</v>
      </c>
      <c r="D91" s="9">
        <v>156</v>
      </c>
    </row>
    <row r="92" spans="1:4" ht="18" customHeight="1" x14ac:dyDescent="0.15">
      <c r="A92" s="16">
        <v>71</v>
      </c>
      <c r="B92" s="29">
        <v>93</v>
      </c>
      <c r="C92" s="10">
        <v>91</v>
      </c>
      <c r="D92" s="9">
        <v>184</v>
      </c>
    </row>
    <row r="93" spans="1:4" ht="18" customHeight="1" x14ac:dyDescent="0.15">
      <c r="A93" s="16">
        <v>72</v>
      </c>
      <c r="B93" s="29">
        <v>80</v>
      </c>
      <c r="C93" s="10">
        <v>102</v>
      </c>
      <c r="D93" s="9">
        <v>182</v>
      </c>
    </row>
    <row r="94" spans="1:4" ht="18" customHeight="1" x14ac:dyDescent="0.15">
      <c r="A94" s="16">
        <v>73</v>
      </c>
      <c r="B94" s="29">
        <v>86</v>
      </c>
      <c r="C94" s="10">
        <v>123</v>
      </c>
      <c r="D94" s="9">
        <v>209</v>
      </c>
    </row>
    <row r="95" spans="1:4" ht="18" customHeight="1" x14ac:dyDescent="0.15">
      <c r="A95" s="16">
        <v>74</v>
      </c>
      <c r="B95" s="29">
        <v>104</v>
      </c>
      <c r="C95" s="10">
        <v>107</v>
      </c>
      <c r="D95" s="9">
        <v>211</v>
      </c>
    </row>
    <row r="96" spans="1:4" ht="18" customHeight="1" x14ac:dyDescent="0.15">
      <c r="A96" s="8" t="s">
        <v>9</v>
      </c>
      <c r="B96" s="29">
        <v>433</v>
      </c>
      <c r="C96" s="10">
        <v>509</v>
      </c>
      <c r="D96" s="9">
        <v>942</v>
      </c>
    </row>
    <row r="97" spans="1:4" ht="18" customHeight="1" x14ac:dyDescent="0.15">
      <c r="A97" s="16">
        <v>75</v>
      </c>
      <c r="B97" s="29">
        <v>84</v>
      </c>
      <c r="C97" s="10">
        <v>117</v>
      </c>
      <c r="D97" s="9">
        <v>201</v>
      </c>
    </row>
    <row r="98" spans="1:4" ht="18" customHeight="1" x14ac:dyDescent="0.15">
      <c r="A98" s="16">
        <v>76</v>
      </c>
      <c r="B98" s="29">
        <v>94</v>
      </c>
      <c r="C98" s="10">
        <v>92</v>
      </c>
      <c r="D98" s="9">
        <v>186</v>
      </c>
    </row>
    <row r="99" spans="1:4" ht="18" customHeight="1" x14ac:dyDescent="0.15">
      <c r="A99" s="16">
        <v>77</v>
      </c>
      <c r="B99" s="29">
        <v>49</v>
      </c>
      <c r="C99" s="10">
        <v>69</v>
      </c>
      <c r="D99" s="9">
        <v>118</v>
      </c>
    </row>
    <row r="100" spans="1:4" ht="18" customHeight="1" x14ac:dyDescent="0.15">
      <c r="A100" s="16">
        <v>78</v>
      </c>
      <c r="B100" s="29">
        <v>63</v>
      </c>
      <c r="C100" s="10">
        <v>86</v>
      </c>
      <c r="D100" s="9">
        <v>149</v>
      </c>
    </row>
    <row r="101" spans="1:4" ht="18" customHeight="1" x14ac:dyDescent="0.15">
      <c r="A101" s="16">
        <v>79</v>
      </c>
      <c r="B101" s="29">
        <v>76</v>
      </c>
      <c r="C101" s="10">
        <v>97</v>
      </c>
      <c r="D101" s="9">
        <v>173</v>
      </c>
    </row>
    <row r="102" spans="1:4" ht="18" customHeight="1" x14ac:dyDescent="0.15">
      <c r="A102" s="8" t="s">
        <v>70</v>
      </c>
      <c r="B102" s="29">
        <v>366</v>
      </c>
      <c r="C102" s="10">
        <v>461</v>
      </c>
      <c r="D102" s="9">
        <v>827</v>
      </c>
    </row>
    <row r="103" spans="1:4" ht="18" customHeight="1" x14ac:dyDescent="0.15">
      <c r="A103" s="16">
        <v>80</v>
      </c>
      <c r="B103" s="29">
        <v>53</v>
      </c>
      <c r="C103" s="10">
        <v>77</v>
      </c>
      <c r="D103" s="9">
        <v>130</v>
      </c>
    </row>
    <row r="104" spans="1:4" ht="18" customHeight="1" x14ac:dyDescent="0.15">
      <c r="A104" s="16">
        <v>81</v>
      </c>
      <c r="B104" s="29">
        <v>76</v>
      </c>
      <c r="C104" s="10">
        <v>98</v>
      </c>
      <c r="D104" s="9">
        <v>174</v>
      </c>
    </row>
    <row r="105" spans="1:4" ht="18" customHeight="1" x14ac:dyDescent="0.15">
      <c r="A105" s="16">
        <v>82</v>
      </c>
      <c r="B105" s="29">
        <v>55</v>
      </c>
      <c r="C105" s="10">
        <v>80</v>
      </c>
      <c r="D105" s="9">
        <v>135</v>
      </c>
    </row>
    <row r="106" spans="1:4" ht="18" customHeight="1" x14ac:dyDescent="0.15">
      <c r="A106" s="16">
        <v>83</v>
      </c>
      <c r="B106" s="29">
        <v>52</v>
      </c>
      <c r="C106" s="10">
        <v>47</v>
      </c>
      <c r="D106" s="9">
        <v>99</v>
      </c>
    </row>
    <row r="107" spans="1:4" ht="18" customHeight="1" x14ac:dyDescent="0.15">
      <c r="A107" s="16">
        <v>84</v>
      </c>
      <c r="B107" s="29">
        <v>37</v>
      </c>
      <c r="C107" s="10">
        <v>51</v>
      </c>
      <c r="D107" s="9">
        <v>88</v>
      </c>
    </row>
    <row r="108" spans="1:4" ht="18" customHeight="1" x14ac:dyDescent="0.15">
      <c r="A108" s="8" t="s">
        <v>39</v>
      </c>
      <c r="B108" s="29">
        <v>273</v>
      </c>
      <c r="C108" s="10">
        <v>353</v>
      </c>
      <c r="D108" s="9">
        <v>626</v>
      </c>
    </row>
    <row r="109" spans="1:4" ht="18" customHeight="1" x14ac:dyDescent="0.15">
      <c r="A109" s="16">
        <v>85</v>
      </c>
      <c r="B109" s="29">
        <v>41</v>
      </c>
      <c r="C109" s="10">
        <v>52</v>
      </c>
      <c r="D109" s="9">
        <v>93</v>
      </c>
    </row>
    <row r="110" spans="1:4" ht="18" customHeight="1" x14ac:dyDescent="0.15">
      <c r="A110" s="16">
        <v>86</v>
      </c>
      <c r="B110" s="29">
        <v>34</v>
      </c>
      <c r="C110" s="10">
        <v>66</v>
      </c>
      <c r="D110" s="9">
        <v>100</v>
      </c>
    </row>
    <row r="111" spans="1:4" ht="18" customHeight="1" x14ac:dyDescent="0.15">
      <c r="A111" s="16">
        <v>87</v>
      </c>
      <c r="B111" s="29">
        <v>30</v>
      </c>
      <c r="C111" s="10">
        <v>62</v>
      </c>
      <c r="D111" s="9">
        <v>92</v>
      </c>
    </row>
    <row r="112" spans="1:4" ht="18" customHeight="1" x14ac:dyDescent="0.15">
      <c r="A112" s="16">
        <v>88</v>
      </c>
      <c r="B112" s="29">
        <v>31</v>
      </c>
      <c r="C112" s="10">
        <v>48</v>
      </c>
      <c r="D112" s="9">
        <v>79</v>
      </c>
    </row>
    <row r="113" spans="1:4" ht="18" customHeight="1" x14ac:dyDescent="0.15">
      <c r="A113" s="16">
        <v>89</v>
      </c>
      <c r="B113" s="29">
        <v>22</v>
      </c>
      <c r="C113" s="10">
        <v>45</v>
      </c>
      <c r="D113" s="9">
        <v>67</v>
      </c>
    </row>
    <row r="114" spans="1:4" ht="18" customHeight="1" x14ac:dyDescent="0.15">
      <c r="A114" s="8" t="s">
        <v>87</v>
      </c>
      <c r="B114" s="29">
        <v>158</v>
      </c>
      <c r="C114" s="10">
        <v>273</v>
      </c>
      <c r="D114" s="9">
        <v>431</v>
      </c>
    </row>
    <row r="115" spans="1:4" ht="18" customHeight="1" x14ac:dyDescent="0.15">
      <c r="A115" s="16">
        <v>90</v>
      </c>
      <c r="B115" s="29">
        <v>17</v>
      </c>
      <c r="C115" s="10">
        <v>59</v>
      </c>
      <c r="D115" s="9">
        <v>76</v>
      </c>
    </row>
    <row r="116" spans="1:4" ht="18" customHeight="1" x14ac:dyDescent="0.15">
      <c r="A116" s="16">
        <v>91</v>
      </c>
      <c r="B116" s="29">
        <v>12</v>
      </c>
      <c r="C116" s="10">
        <v>30</v>
      </c>
      <c r="D116" s="9">
        <v>42</v>
      </c>
    </row>
    <row r="117" spans="1:4" ht="18" customHeight="1" x14ac:dyDescent="0.15">
      <c r="A117" s="16">
        <v>92</v>
      </c>
      <c r="B117" s="29">
        <v>15</v>
      </c>
      <c r="C117" s="10">
        <v>35</v>
      </c>
      <c r="D117" s="9">
        <v>50</v>
      </c>
    </row>
    <row r="118" spans="1:4" ht="18" customHeight="1" x14ac:dyDescent="0.15">
      <c r="A118" s="16">
        <v>93</v>
      </c>
      <c r="B118" s="29">
        <v>9</v>
      </c>
      <c r="C118" s="10">
        <v>22</v>
      </c>
      <c r="D118" s="9">
        <v>31</v>
      </c>
    </row>
    <row r="119" spans="1:4" ht="18" customHeight="1" x14ac:dyDescent="0.15">
      <c r="A119" s="16">
        <v>94</v>
      </c>
      <c r="B119" s="29">
        <v>5</v>
      </c>
      <c r="C119" s="10">
        <v>12</v>
      </c>
      <c r="D119" s="9">
        <v>17</v>
      </c>
    </row>
    <row r="120" spans="1:4" ht="18" customHeight="1" x14ac:dyDescent="0.15">
      <c r="A120" s="8" t="s">
        <v>69</v>
      </c>
      <c r="B120" s="29">
        <v>58</v>
      </c>
      <c r="C120" s="10">
        <v>158</v>
      </c>
      <c r="D120" s="9">
        <v>216</v>
      </c>
    </row>
    <row r="121" spans="1:4" ht="18" customHeight="1" x14ac:dyDescent="0.15">
      <c r="A121" s="16">
        <v>95</v>
      </c>
      <c r="B121" s="29">
        <v>4</v>
      </c>
      <c r="C121" s="10">
        <v>15</v>
      </c>
      <c r="D121" s="9">
        <v>19</v>
      </c>
    </row>
    <row r="122" spans="1:4" ht="18" customHeight="1" x14ac:dyDescent="0.15">
      <c r="A122" s="16">
        <v>96</v>
      </c>
      <c r="B122" s="29">
        <v>4</v>
      </c>
      <c r="C122" s="10">
        <v>9</v>
      </c>
      <c r="D122" s="9">
        <v>13</v>
      </c>
    </row>
    <row r="123" spans="1:4" ht="18" customHeight="1" x14ac:dyDescent="0.15">
      <c r="A123" s="16">
        <v>97</v>
      </c>
      <c r="B123" s="29">
        <v>2</v>
      </c>
      <c r="C123" s="10">
        <v>9</v>
      </c>
      <c r="D123" s="9">
        <v>11</v>
      </c>
    </row>
    <row r="124" spans="1:4" ht="18" customHeight="1" x14ac:dyDescent="0.15">
      <c r="A124" s="16">
        <v>98</v>
      </c>
      <c r="B124" s="29">
        <v>2</v>
      </c>
      <c r="C124" s="10">
        <v>5</v>
      </c>
      <c r="D124" s="9">
        <v>7</v>
      </c>
    </row>
    <row r="125" spans="1:4" ht="18" customHeight="1" x14ac:dyDescent="0.15">
      <c r="A125" s="16">
        <v>99</v>
      </c>
      <c r="B125" s="29">
        <v>1</v>
      </c>
      <c r="C125" s="10">
        <v>7</v>
      </c>
      <c r="D125" s="9">
        <v>8</v>
      </c>
    </row>
    <row r="126" spans="1:4" ht="18" customHeight="1" x14ac:dyDescent="0.15">
      <c r="A126" s="8" t="s">
        <v>68</v>
      </c>
      <c r="B126" s="29">
        <v>13</v>
      </c>
      <c r="C126" s="10">
        <v>45</v>
      </c>
      <c r="D126" s="9">
        <v>58</v>
      </c>
    </row>
    <row r="127" spans="1:4" ht="18" customHeight="1" x14ac:dyDescent="0.15">
      <c r="A127" s="16">
        <v>100</v>
      </c>
      <c r="B127" s="29">
        <v>1</v>
      </c>
      <c r="C127" s="10">
        <v>2</v>
      </c>
      <c r="D127" s="9">
        <v>3</v>
      </c>
    </row>
    <row r="128" spans="1:4" ht="18" customHeight="1" x14ac:dyDescent="0.15">
      <c r="A128" s="15" t="s">
        <v>37</v>
      </c>
      <c r="B128" s="29">
        <v>3</v>
      </c>
      <c r="C128" s="10">
        <v>5</v>
      </c>
      <c r="D128" s="9">
        <v>8</v>
      </c>
    </row>
    <row r="129" spans="1:4" ht="18" customHeight="1" x14ac:dyDescent="0.15">
      <c r="A129" s="8" t="s">
        <v>36</v>
      </c>
      <c r="B129" s="29">
        <v>4</v>
      </c>
      <c r="C129" s="10">
        <v>7</v>
      </c>
      <c r="D129" s="9">
        <v>11</v>
      </c>
    </row>
    <row r="130" spans="1:4" ht="18" customHeight="1" x14ac:dyDescent="0.15">
      <c r="A130" s="8" t="s">
        <v>35</v>
      </c>
      <c r="B130" s="28">
        <v>1684</v>
      </c>
      <c r="C130" s="6">
        <v>2189</v>
      </c>
      <c r="D130" s="5">
        <v>3873</v>
      </c>
    </row>
    <row r="131" spans="1:4" ht="18" customHeight="1" x14ac:dyDescent="0.15">
      <c r="A131" s="4" t="s">
        <v>0</v>
      </c>
      <c r="B131" s="27">
        <v>7336</v>
      </c>
      <c r="C131" s="2">
        <v>7782</v>
      </c>
      <c r="D131" s="1">
        <v>1511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9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1</v>
      </c>
      <c r="C5" s="18">
        <v>23</v>
      </c>
      <c r="D5" s="17">
        <v>44</v>
      </c>
    </row>
    <row r="6" spans="1:4" ht="18" customHeight="1" x14ac:dyDescent="0.15">
      <c r="A6" s="16">
        <v>1</v>
      </c>
      <c r="B6" s="29">
        <v>21</v>
      </c>
      <c r="C6" s="10">
        <v>15</v>
      </c>
      <c r="D6" s="9">
        <v>36</v>
      </c>
    </row>
    <row r="7" spans="1:4" ht="18" customHeight="1" x14ac:dyDescent="0.15">
      <c r="A7" s="16">
        <v>2</v>
      </c>
      <c r="B7" s="29">
        <v>21</v>
      </c>
      <c r="C7" s="10">
        <v>18</v>
      </c>
      <c r="D7" s="9">
        <v>39</v>
      </c>
    </row>
    <row r="8" spans="1:4" ht="18" customHeight="1" x14ac:dyDescent="0.15">
      <c r="A8" s="16">
        <v>3</v>
      </c>
      <c r="B8" s="29">
        <v>26</v>
      </c>
      <c r="C8" s="10">
        <v>19</v>
      </c>
      <c r="D8" s="9">
        <v>45</v>
      </c>
    </row>
    <row r="9" spans="1:4" ht="18" customHeight="1" x14ac:dyDescent="0.15">
      <c r="A9" s="16">
        <v>4</v>
      </c>
      <c r="B9" s="29">
        <v>23</v>
      </c>
      <c r="C9" s="10">
        <v>29</v>
      </c>
      <c r="D9" s="9">
        <v>52</v>
      </c>
    </row>
    <row r="10" spans="1:4" ht="18" customHeight="1" x14ac:dyDescent="0.15">
      <c r="A10" s="8" t="s">
        <v>76</v>
      </c>
      <c r="B10" s="29">
        <v>112</v>
      </c>
      <c r="C10" s="10">
        <v>104</v>
      </c>
      <c r="D10" s="9">
        <v>216</v>
      </c>
    </row>
    <row r="11" spans="1:4" ht="18" customHeight="1" x14ac:dyDescent="0.15">
      <c r="A11" s="16">
        <v>5</v>
      </c>
      <c r="B11" s="29">
        <v>22</v>
      </c>
      <c r="C11" s="10">
        <v>24</v>
      </c>
      <c r="D11" s="9">
        <v>46</v>
      </c>
    </row>
    <row r="12" spans="1:4" ht="18" customHeight="1" x14ac:dyDescent="0.15">
      <c r="A12" s="16">
        <v>6</v>
      </c>
      <c r="B12" s="29">
        <v>27</v>
      </c>
      <c r="C12" s="10">
        <v>32</v>
      </c>
      <c r="D12" s="9">
        <v>59</v>
      </c>
    </row>
    <row r="13" spans="1:4" ht="18" customHeight="1" x14ac:dyDescent="0.15">
      <c r="A13" s="16">
        <v>7</v>
      </c>
      <c r="B13" s="29">
        <v>31</v>
      </c>
      <c r="C13" s="10">
        <v>24</v>
      </c>
      <c r="D13" s="9">
        <v>55</v>
      </c>
    </row>
    <row r="14" spans="1:4" ht="18" customHeight="1" x14ac:dyDescent="0.15">
      <c r="A14" s="16">
        <v>8</v>
      </c>
      <c r="B14" s="29">
        <v>31</v>
      </c>
      <c r="C14" s="10">
        <v>39</v>
      </c>
      <c r="D14" s="9">
        <v>70</v>
      </c>
    </row>
    <row r="15" spans="1:4" ht="18" customHeight="1" x14ac:dyDescent="0.15">
      <c r="A15" s="16">
        <v>9</v>
      </c>
      <c r="B15" s="29">
        <v>28</v>
      </c>
      <c r="C15" s="10">
        <v>29</v>
      </c>
      <c r="D15" s="9">
        <v>57</v>
      </c>
    </row>
    <row r="16" spans="1:4" ht="18" customHeight="1" x14ac:dyDescent="0.15">
      <c r="A16" s="8" t="s">
        <v>50</v>
      </c>
      <c r="B16" s="29">
        <v>139</v>
      </c>
      <c r="C16" s="10">
        <v>148</v>
      </c>
      <c r="D16" s="9">
        <v>287</v>
      </c>
    </row>
    <row r="17" spans="1:4" ht="18" customHeight="1" x14ac:dyDescent="0.15">
      <c r="A17" s="16">
        <v>10</v>
      </c>
      <c r="B17" s="29">
        <v>22</v>
      </c>
      <c r="C17" s="10">
        <v>33</v>
      </c>
      <c r="D17" s="9">
        <v>55</v>
      </c>
    </row>
    <row r="18" spans="1:4" ht="18" customHeight="1" x14ac:dyDescent="0.15">
      <c r="A18" s="16">
        <v>11</v>
      </c>
      <c r="B18" s="29">
        <v>25</v>
      </c>
      <c r="C18" s="10">
        <v>34</v>
      </c>
      <c r="D18" s="9">
        <v>59</v>
      </c>
    </row>
    <row r="19" spans="1:4" ht="18" customHeight="1" x14ac:dyDescent="0.15">
      <c r="A19" s="16">
        <v>12</v>
      </c>
      <c r="B19" s="29">
        <v>23</v>
      </c>
      <c r="C19" s="10">
        <v>26</v>
      </c>
      <c r="D19" s="9">
        <v>49</v>
      </c>
    </row>
    <row r="20" spans="1:4" ht="18" customHeight="1" x14ac:dyDescent="0.15">
      <c r="A20" s="16">
        <v>13</v>
      </c>
      <c r="B20" s="29">
        <v>30</v>
      </c>
      <c r="C20" s="10">
        <v>34</v>
      </c>
      <c r="D20" s="9">
        <v>64</v>
      </c>
    </row>
    <row r="21" spans="1:4" ht="18" customHeight="1" x14ac:dyDescent="0.15">
      <c r="A21" s="16">
        <v>14</v>
      </c>
      <c r="B21" s="29">
        <v>25</v>
      </c>
      <c r="C21" s="10">
        <v>23</v>
      </c>
      <c r="D21" s="9">
        <v>48</v>
      </c>
    </row>
    <row r="22" spans="1:4" ht="18" customHeight="1" x14ac:dyDescent="0.15">
      <c r="A22" s="8" t="s">
        <v>75</v>
      </c>
      <c r="B22" s="29">
        <v>125</v>
      </c>
      <c r="C22" s="10">
        <v>150</v>
      </c>
      <c r="D22" s="9">
        <v>275</v>
      </c>
    </row>
    <row r="23" spans="1:4" ht="18" customHeight="1" x14ac:dyDescent="0.15">
      <c r="A23" s="8" t="s">
        <v>65</v>
      </c>
      <c r="B23" s="29">
        <v>376</v>
      </c>
      <c r="C23" s="10">
        <v>402</v>
      </c>
      <c r="D23" s="9">
        <v>778</v>
      </c>
    </row>
    <row r="24" spans="1:4" ht="18" customHeight="1" x14ac:dyDescent="0.15">
      <c r="A24" s="16">
        <v>15</v>
      </c>
      <c r="B24" s="29">
        <v>27</v>
      </c>
      <c r="C24" s="10">
        <v>27</v>
      </c>
      <c r="D24" s="9">
        <v>54</v>
      </c>
    </row>
    <row r="25" spans="1:4" ht="18" customHeight="1" x14ac:dyDescent="0.15">
      <c r="A25" s="16">
        <v>16</v>
      </c>
      <c r="B25" s="29">
        <v>27</v>
      </c>
      <c r="C25" s="10">
        <v>31</v>
      </c>
      <c r="D25" s="9">
        <v>58</v>
      </c>
    </row>
    <row r="26" spans="1:4" ht="18" customHeight="1" x14ac:dyDescent="0.15">
      <c r="A26" s="16">
        <v>17</v>
      </c>
      <c r="B26" s="29">
        <v>41</v>
      </c>
      <c r="C26" s="10">
        <v>32</v>
      </c>
      <c r="D26" s="9">
        <v>73</v>
      </c>
    </row>
    <row r="27" spans="1:4" ht="18" customHeight="1" x14ac:dyDescent="0.15">
      <c r="A27" s="16">
        <v>18</v>
      </c>
      <c r="B27" s="29">
        <v>29</v>
      </c>
      <c r="C27" s="10">
        <v>25</v>
      </c>
      <c r="D27" s="9">
        <v>54</v>
      </c>
    </row>
    <row r="28" spans="1:4" ht="18" customHeight="1" x14ac:dyDescent="0.15">
      <c r="A28" s="16">
        <v>19</v>
      </c>
      <c r="B28" s="29">
        <v>32</v>
      </c>
      <c r="C28" s="10">
        <v>48</v>
      </c>
      <c r="D28" s="9">
        <v>80</v>
      </c>
    </row>
    <row r="29" spans="1:4" ht="18" customHeight="1" x14ac:dyDescent="0.15">
      <c r="A29" s="8" t="s">
        <v>48</v>
      </c>
      <c r="B29" s="29">
        <v>156</v>
      </c>
      <c r="C29" s="10">
        <v>163</v>
      </c>
      <c r="D29" s="9">
        <v>319</v>
      </c>
    </row>
    <row r="30" spans="1:4" ht="18" customHeight="1" x14ac:dyDescent="0.15">
      <c r="A30" s="16">
        <v>20</v>
      </c>
      <c r="B30" s="29">
        <v>29</v>
      </c>
      <c r="C30" s="10">
        <v>40</v>
      </c>
      <c r="D30" s="9">
        <v>69</v>
      </c>
    </row>
    <row r="31" spans="1:4" ht="18" customHeight="1" x14ac:dyDescent="0.15">
      <c r="A31" s="16">
        <v>21</v>
      </c>
      <c r="B31" s="29">
        <v>20</v>
      </c>
      <c r="C31" s="10">
        <v>31</v>
      </c>
      <c r="D31" s="9">
        <v>51</v>
      </c>
    </row>
    <row r="32" spans="1:4" ht="18" customHeight="1" x14ac:dyDescent="0.15">
      <c r="A32" s="16">
        <v>22</v>
      </c>
      <c r="B32" s="29">
        <v>41</v>
      </c>
      <c r="C32" s="10">
        <v>41</v>
      </c>
      <c r="D32" s="9">
        <v>82</v>
      </c>
    </row>
    <row r="33" spans="1:4" ht="18" customHeight="1" x14ac:dyDescent="0.15">
      <c r="A33" s="16">
        <v>23</v>
      </c>
      <c r="B33" s="29">
        <v>48</v>
      </c>
      <c r="C33" s="10">
        <v>35</v>
      </c>
      <c r="D33" s="9">
        <v>83</v>
      </c>
    </row>
    <row r="34" spans="1:4" ht="18" customHeight="1" x14ac:dyDescent="0.15">
      <c r="A34" s="16">
        <v>24</v>
      </c>
      <c r="B34" s="29">
        <v>87</v>
      </c>
      <c r="C34" s="10">
        <v>27</v>
      </c>
      <c r="D34" s="9">
        <v>114</v>
      </c>
    </row>
    <row r="35" spans="1:4" ht="18" customHeight="1" x14ac:dyDescent="0.15">
      <c r="A35" s="8" t="s">
        <v>74</v>
      </c>
      <c r="B35" s="29">
        <v>225</v>
      </c>
      <c r="C35" s="10">
        <v>174</v>
      </c>
      <c r="D35" s="9">
        <v>399</v>
      </c>
    </row>
    <row r="36" spans="1:4" ht="18" customHeight="1" x14ac:dyDescent="0.15">
      <c r="A36" s="16">
        <v>25</v>
      </c>
      <c r="B36" s="29">
        <v>92</v>
      </c>
      <c r="C36" s="10">
        <v>26</v>
      </c>
      <c r="D36" s="9">
        <v>118</v>
      </c>
    </row>
    <row r="37" spans="1:4" ht="18" customHeight="1" x14ac:dyDescent="0.15">
      <c r="A37" s="16">
        <v>26</v>
      </c>
      <c r="B37" s="29">
        <v>81</v>
      </c>
      <c r="C37" s="10">
        <v>37</v>
      </c>
      <c r="D37" s="9">
        <v>118</v>
      </c>
    </row>
    <row r="38" spans="1:4" ht="18" customHeight="1" x14ac:dyDescent="0.15">
      <c r="A38" s="16">
        <v>27</v>
      </c>
      <c r="B38" s="29">
        <v>53</v>
      </c>
      <c r="C38" s="10">
        <v>34</v>
      </c>
      <c r="D38" s="9">
        <v>87</v>
      </c>
    </row>
    <row r="39" spans="1:4" ht="18" customHeight="1" x14ac:dyDescent="0.15">
      <c r="A39" s="16">
        <v>28</v>
      </c>
      <c r="B39" s="29">
        <v>53</v>
      </c>
      <c r="C39" s="10">
        <v>37</v>
      </c>
      <c r="D39" s="9">
        <v>90</v>
      </c>
    </row>
    <row r="40" spans="1:4" ht="18" customHeight="1" x14ac:dyDescent="0.15">
      <c r="A40" s="16">
        <v>29</v>
      </c>
      <c r="B40" s="29">
        <v>61</v>
      </c>
      <c r="C40" s="10">
        <v>38</v>
      </c>
      <c r="D40" s="9">
        <v>99</v>
      </c>
    </row>
    <row r="41" spans="1:4" ht="18" customHeight="1" x14ac:dyDescent="0.15">
      <c r="A41" s="8" t="s">
        <v>73</v>
      </c>
      <c r="B41" s="29">
        <v>340</v>
      </c>
      <c r="C41" s="10">
        <v>172</v>
      </c>
      <c r="D41" s="9">
        <v>512</v>
      </c>
    </row>
    <row r="42" spans="1:4" ht="18" customHeight="1" x14ac:dyDescent="0.15">
      <c r="A42" s="16">
        <v>30</v>
      </c>
      <c r="B42" s="29">
        <v>48</v>
      </c>
      <c r="C42" s="10">
        <v>30</v>
      </c>
      <c r="D42" s="9">
        <v>78</v>
      </c>
    </row>
    <row r="43" spans="1:4" ht="18" customHeight="1" x14ac:dyDescent="0.15">
      <c r="A43" s="16">
        <v>31</v>
      </c>
      <c r="B43" s="29">
        <v>41</v>
      </c>
      <c r="C43" s="10">
        <v>26</v>
      </c>
      <c r="D43" s="9">
        <v>67</v>
      </c>
    </row>
    <row r="44" spans="1:4" ht="18" customHeight="1" x14ac:dyDescent="0.15">
      <c r="A44" s="16">
        <v>32</v>
      </c>
      <c r="B44" s="29">
        <v>36</v>
      </c>
      <c r="C44" s="10">
        <v>28</v>
      </c>
      <c r="D44" s="9">
        <v>64</v>
      </c>
    </row>
    <row r="45" spans="1:4" ht="18" customHeight="1" x14ac:dyDescent="0.15">
      <c r="A45" s="16">
        <v>33</v>
      </c>
      <c r="B45" s="29">
        <v>34</v>
      </c>
      <c r="C45" s="10">
        <v>35</v>
      </c>
      <c r="D45" s="9">
        <v>69</v>
      </c>
    </row>
    <row r="46" spans="1:4" ht="18" customHeight="1" x14ac:dyDescent="0.15">
      <c r="A46" s="16">
        <v>34</v>
      </c>
      <c r="B46" s="29">
        <v>39</v>
      </c>
      <c r="C46" s="10">
        <v>39</v>
      </c>
      <c r="D46" s="9">
        <v>78</v>
      </c>
    </row>
    <row r="47" spans="1:4" ht="18" customHeight="1" x14ac:dyDescent="0.15">
      <c r="A47" s="8" t="s">
        <v>61</v>
      </c>
      <c r="B47" s="29">
        <v>198</v>
      </c>
      <c r="C47" s="10">
        <v>158</v>
      </c>
      <c r="D47" s="9">
        <v>356</v>
      </c>
    </row>
    <row r="48" spans="1:4" ht="18" customHeight="1" x14ac:dyDescent="0.15">
      <c r="A48" s="16">
        <v>35</v>
      </c>
      <c r="B48" s="29">
        <v>43</v>
      </c>
      <c r="C48" s="10">
        <v>34</v>
      </c>
      <c r="D48" s="9">
        <v>77</v>
      </c>
    </row>
    <row r="49" spans="1:4" ht="18" customHeight="1" x14ac:dyDescent="0.15">
      <c r="A49" s="16">
        <v>36</v>
      </c>
      <c r="B49" s="29">
        <v>42</v>
      </c>
      <c r="C49" s="10">
        <v>51</v>
      </c>
      <c r="D49" s="9">
        <v>93</v>
      </c>
    </row>
    <row r="50" spans="1:4" ht="18" customHeight="1" x14ac:dyDescent="0.15">
      <c r="A50" s="16">
        <v>37</v>
      </c>
      <c r="B50" s="29">
        <v>39</v>
      </c>
      <c r="C50" s="10">
        <v>42</v>
      </c>
      <c r="D50" s="9">
        <v>81</v>
      </c>
    </row>
    <row r="51" spans="1:4" ht="18" customHeight="1" x14ac:dyDescent="0.15">
      <c r="A51" s="16">
        <v>38</v>
      </c>
      <c r="B51" s="29">
        <v>53</v>
      </c>
      <c r="C51" s="10">
        <v>51</v>
      </c>
      <c r="D51" s="9">
        <v>104</v>
      </c>
    </row>
    <row r="52" spans="1:4" ht="18" customHeight="1" x14ac:dyDescent="0.15">
      <c r="A52" s="16">
        <v>39</v>
      </c>
      <c r="B52" s="29">
        <v>56</v>
      </c>
      <c r="C52" s="10">
        <v>39</v>
      </c>
      <c r="D52" s="9">
        <v>95</v>
      </c>
    </row>
    <row r="53" spans="1:4" ht="18" customHeight="1" x14ac:dyDescent="0.15">
      <c r="A53" s="8" t="s">
        <v>72</v>
      </c>
      <c r="B53" s="29">
        <v>233</v>
      </c>
      <c r="C53" s="10">
        <v>217</v>
      </c>
      <c r="D53" s="9">
        <v>450</v>
      </c>
    </row>
    <row r="54" spans="1:4" ht="18" customHeight="1" x14ac:dyDescent="0.15">
      <c r="A54" s="16">
        <v>40</v>
      </c>
      <c r="B54" s="29">
        <v>40</v>
      </c>
      <c r="C54" s="10">
        <v>39</v>
      </c>
      <c r="D54" s="9">
        <v>79</v>
      </c>
    </row>
    <row r="55" spans="1:4" ht="18" customHeight="1" x14ac:dyDescent="0.15">
      <c r="A55" s="16">
        <v>41</v>
      </c>
      <c r="B55" s="29">
        <v>39</v>
      </c>
      <c r="C55" s="10">
        <v>43</v>
      </c>
      <c r="D55" s="9">
        <v>82</v>
      </c>
    </row>
    <row r="56" spans="1:4" ht="18" customHeight="1" x14ac:dyDescent="0.15">
      <c r="A56" s="16">
        <v>42</v>
      </c>
      <c r="B56" s="29">
        <v>40</v>
      </c>
      <c r="C56" s="10">
        <v>46</v>
      </c>
      <c r="D56" s="9">
        <v>86</v>
      </c>
    </row>
    <row r="57" spans="1:4" ht="18" customHeight="1" x14ac:dyDescent="0.15">
      <c r="A57" s="16">
        <v>43</v>
      </c>
      <c r="B57" s="29">
        <v>35</v>
      </c>
      <c r="C57" s="10">
        <v>59</v>
      </c>
      <c r="D57" s="9">
        <v>94</v>
      </c>
    </row>
    <row r="58" spans="1:4" ht="18" customHeight="1" x14ac:dyDescent="0.15">
      <c r="A58" s="16">
        <v>44</v>
      </c>
      <c r="B58" s="29">
        <v>43</v>
      </c>
      <c r="C58" s="10">
        <v>51</v>
      </c>
      <c r="D58" s="9">
        <v>94</v>
      </c>
    </row>
    <row r="59" spans="1:4" ht="18" customHeight="1" x14ac:dyDescent="0.15">
      <c r="A59" s="8" t="s">
        <v>46</v>
      </c>
      <c r="B59" s="29">
        <v>197</v>
      </c>
      <c r="C59" s="10">
        <v>238</v>
      </c>
      <c r="D59" s="9">
        <v>435</v>
      </c>
    </row>
    <row r="60" spans="1:4" ht="18" customHeight="1" x14ac:dyDescent="0.15">
      <c r="A60" s="16">
        <v>45</v>
      </c>
      <c r="B60" s="29">
        <v>60</v>
      </c>
      <c r="C60" s="10">
        <v>38</v>
      </c>
      <c r="D60" s="9">
        <v>98</v>
      </c>
    </row>
    <row r="61" spans="1:4" ht="18" customHeight="1" x14ac:dyDescent="0.15">
      <c r="A61" s="16">
        <v>46</v>
      </c>
      <c r="B61" s="29">
        <v>47</v>
      </c>
      <c r="C61" s="10">
        <v>42</v>
      </c>
      <c r="D61" s="9">
        <v>89</v>
      </c>
    </row>
    <row r="62" spans="1:4" ht="18" customHeight="1" x14ac:dyDescent="0.15">
      <c r="A62" s="16">
        <v>47</v>
      </c>
      <c r="B62" s="29">
        <v>49</v>
      </c>
      <c r="C62" s="10">
        <v>54</v>
      </c>
      <c r="D62" s="9">
        <v>103</v>
      </c>
    </row>
    <row r="63" spans="1:4" ht="18" customHeight="1" x14ac:dyDescent="0.15">
      <c r="A63" s="16">
        <v>48</v>
      </c>
      <c r="B63" s="29">
        <v>61</v>
      </c>
      <c r="C63" s="10">
        <v>66</v>
      </c>
      <c r="D63" s="9">
        <v>127</v>
      </c>
    </row>
    <row r="64" spans="1:4" ht="18" customHeight="1" x14ac:dyDescent="0.15">
      <c r="A64" s="16">
        <v>49</v>
      </c>
      <c r="B64" s="29">
        <v>63</v>
      </c>
      <c r="C64" s="10">
        <v>67</v>
      </c>
      <c r="D64" s="9">
        <v>130</v>
      </c>
    </row>
    <row r="65" spans="1:4" ht="18" customHeight="1" x14ac:dyDescent="0.15">
      <c r="A65" s="8" t="s">
        <v>45</v>
      </c>
      <c r="B65" s="29">
        <v>280</v>
      </c>
      <c r="C65" s="10">
        <v>267</v>
      </c>
      <c r="D65" s="9">
        <v>547</v>
      </c>
    </row>
    <row r="66" spans="1:4" ht="18" customHeight="1" x14ac:dyDescent="0.15">
      <c r="A66" s="16">
        <v>50</v>
      </c>
      <c r="B66" s="29">
        <v>81</v>
      </c>
      <c r="C66" s="10">
        <v>68</v>
      </c>
      <c r="D66" s="9">
        <v>149</v>
      </c>
    </row>
    <row r="67" spans="1:4" ht="18" customHeight="1" x14ac:dyDescent="0.15">
      <c r="A67" s="16">
        <v>51</v>
      </c>
      <c r="B67" s="29">
        <v>57</v>
      </c>
      <c r="C67" s="10">
        <v>62</v>
      </c>
      <c r="D67" s="9">
        <v>119</v>
      </c>
    </row>
    <row r="68" spans="1:4" ht="18" customHeight="1" x14ac:dyDescent="0.15">
      <c r="A68" s="16">
        <v>52</v>
      </c>
      <c r="B68" s="29">
        <v>74</v>
      </c>
      <c r="C68" s="10">
        <v>58</v>
      </c>
      <c r="D68" s="9">
        <v>132</v>
      </c>
    </row>
    <row r="69" spans="1:4" ht="18" customHeight="1" x14ac:dyDescent="0.15">
      <c r="A69" s="16">
        <v>53</v>
      </c>
      <c r="B69" s="29">
        <v>52</v>
      </c>
      <c r="C69" s="10">
        <v>44</v>
      </c>
      <c r="D69" s="9">
        <v>96</v>
      </c>
    </row>
    <row r="70" spans="1:4" ht="18" customHeight="1" x14ac:dyDescent="0.15">
      <c r="A70" s="16">
        <v>54</v>
      </c>
      <c r="B70" s="29">
        <v>90</v>
      </c>
      <c r="C70" s="10">
        <v>51</v>
      </c>
      <c r="D70" s="9">
        <v>141</v>
      </c>
    </row>
    <row r="71" spans="1:4" ht="18" customHeight="1" x14ac:dyDescent="0.15">
      <c r="A71" s="8" t="s">
        <v>58</v>
      </c>
      <c r="B71" s="29">
        <v>354</v>
      </c>
      <c r="C71" s="10">
        <v>283</v>
      </c>
      <c r="D71" s="9">
        <v>637</v>
      </c>
    </row>
    <row r="72" spans="1:4" ht="18" customHeight="1" x14ac:dyDescent="0.15">
      <c r="A72" s="16">
        <v>55</v>
      </c>
      <c r="B72" s="29">
        <v>56</v>
      </c>
      <c r="C72" s="10">
        <v>48</v>
      </c>
      <c r="D72" s="9">
        <v>104</v>
      </c>
    </row>
    <row r="73" spans="1:4" ht="18" customHeight="1" x14ac:dyDescent="0.15">
      <c r="A73" s="16">
        <v>56</v>
      </c>
      <c r="B73" s="29">
        <v>45</v>
      </c>
      <c r="C73" s="10">
        <v>44</v>
      </c>
      <c r="D73" s="9">
        <v>89</v>
      </c>
    </row>
    <row r="74" spans="1:4" ht="18" customHeight="1" x14ac:dyDescent="0.15">
      <c r="A74" s="16">
        <v>57</v>
      </c>
      <c r="B74" s="29">
        <v>54</v>
      </c>
      <c r="C74" s="10">
        <v>63</v>
      </c>
      <c r="D74" s="9">
        <v>117</v>
      </c>
    </row>
    <row r="75" spans="1:4" ht="18" customHeight="1" x14ac:dyDescent="0.15">
      <c r="A75" s="16">
        <v>58</v>
      </c>
      <c r="B75" s="29">
        <v>56</v>
      </c>
      <c r="C75" s="10">
        <v>41</v>
      </c>
      <c r="D75" s="9">
        <v>97</v>
      </c>
    </row>
    <row r="76" spans="1:4" ht="18" customHeight="1" x14ac:dyDescent="0.15">
      <c r="A76" s="16">
        <v>59</v>
      </c>
      <c r="B76" s="29">
        <v>50</v>
      </c>
      <c r="C76" s="10">
        <v>63</v>
      </c>
      <c r="D76" s="9">
        <v>113</v>
      </c>
    </row>
    <row r="77" spans="1:4" ht="18" customHeight="1" x14ac:dyDescent="0.15">
      <c r="A77" s="8" t="s">
        <v>71</v>
      </c>
      <c r="B77" s="29">
        <v>261</v>
      </c>
      <c r="C77" s="10">
        <v>259</v>
      </c>
      <c r="D77" s="9">
        <v>520</v>
      </c>
    </row>
    <row r="78" spans="1:4" ht="18" customHeight="1" x14ac:dyDescent="0.15">
      <c r="A78" s="16">
        <v>60</v>
      </c>
      <c r="B78" s="29">
        <v>41</v>
      </c>
      <c r="C78" s="10">
        <v>54</v>
      </c>
      <c r="D78" s="9">
        <v>95</v>
      </c>
    </row>
    <row r="79" spans="1:4" ht="18" customHeight="1" x14ac:dyDescent="0.15">
      <c r="A79" s="16">
        <v>61</v>
      </c>
      <c r="B79" s="29">
        <v>46</v>
      </c>
      <c r="C79" s="10">
        <v>41</v>
      </c>
      <c r="D79" s="9">
        <v>87</v>
      </c>
    </row>
    <row r="80" spans="1:4" ht="18" customHeight="1" x14ac:dyDescent="0.15">
      <c r="A80" s="16">
        <v>62</v>
      </c>
      <c r="B80" s="29">
        <v>46</v>
      </c>
      <c r="C80" s="10">
        <v>49</v>
      </c>
      <c r="D80" s="9">
        <v>95</v>
      </c>
    </row>
    <row r="81" spans="1:4" ht="18" customHeight="1" x14ac:dyDescent="0.15">
      <c r="A81" s="16">
        <v>63</v>
      </c>
      <c r="B81" s="29">
        <v>54</v>
      </c>
      <c r="C81" s="10">
        <v>51</v>
      </c>
      <c r="D81" s="9">
        <v>105</v>
      </c>
    </row>
    <row r="82" spans="1:4" ht="18" customHeight="1" x14ac:dyDescent="0.15">
      <c r="A82" s="16">
        <v>64</v>
      </c>
      <c r="B82" s="29">
        <v>48</v>
      </c>
      <c r="C82" s="10">
        <v>44</v>
      </c>
      <c r="D82" s="9">
        <v>92</v>
      </c>
    </row>
    <row r="83" spans="1:4" ht="18" customHeight="1" x14ac:dyDescent="0.15">
      <c r="A83" s="8" t="s">
        <v>44</v>
      </c>
      <c r="B83" s="29">
        <v>235</v>
      </c>
      <c r="C83" s="10">
        <v>239</v>
      </c>
      <c r="D83" s="9">
        <v>474</v>
      </c>
    </row>
    <row r="84" spans="1:4" ht="18" customHeight="1" x14ac:dyDescent="0.15">
      <c r="A84" s="8" t="s">
        <v>43</v>
      </c>
      <c r="B84" s="29">
        <v>2479</v>
      </c>
      <c r="C84" s="10">
        <v>2170</v>
      </c>
      <c r="D84" s="9">
        <v>4649</v>
      </c>
    </row>
    <row r="85" spans="1:4" ht="18" customHeight="1" x14ac:dyDescent="0.15">
      <c r="A85" s="16">
        <v>65</v>
      </c>
      <c r="B85" s="29">
        <v>59</v>
      </c>
      <c r="C85" s="10">
        <v>46</v>
      </c>
      <c r="D85" s="9">
        <v>105</v>
      </c>
    </row>
    <row r="86" spans="1:4" ht="18" customHeight="1" x14ac:dyDescent="0.15">
      <c r="A86" s="16">
        <v>66</v>
      </c>
      <c r="B86" s="29">
        <v>41</v>
      </c>
      <c r="C86" s="10">
        <v>46</v>
      </c>
      <c r="D86" s="9">
        <v>87</v>
      </c>
    </row>
    <row r="87" spans="1:4" ht="18" customHeight="1" x14ac:dyDescent="0.15">
      <c r="A87" s="16">
        <v>67</v>
      </c>
      <c r="B87" s="29">
        <v>50</v>
      </c>
      <c r="C87" s="10">
        <v>60</v>
      </c>
      <c r="D87" s="9">
        <v>110</v>
      </c>
    </row>
    <row r="88" spans="1:4" ht="18" customHeight="1" x14ac:dyDescent="0.15">
      <c r="A88" s="16">
        <v>68</v>
      </c>
      <c r="B88" s="29">
        <v>43</v>
      </c>
      <c r="C88" s="10">
        <v>44</v>
      </c>
      <c r="D88" s="9">
        <v>87</v>
      </c>
    </row>
    <row r="89" spans="1:4" ht="18" customHeight="1" x14ac:dyDescent="0.15">
      <c r="A89" s="16">
        <v>69</v>
      </c>
      <c r="B89" s="29">
        <v>44</v>
      </c>
      <c r="C89" s="10">
        <v>44</v>
      </c>
      <c r="D89" s="9">
        <v>88</v>
      </c>
    </row>
    <row r="90" spans="1:4" ht="18" customHeight="1" x14ac:dyDescent="0.15">
      <c r="A90" s="8" t="s">
        <v>42</v>
      </c>
      <c r="B90" s="29">
        <v>237</v>
      </c>
      <c r="C90" s="10">
        <v>240</v>
      </c>
      <c r="D90" s="9">
        <v>477</v>
      </c>
    </row>
    <row r="91" spans="1:4" ht="18" customHeight="1" x14ac:dyDescent="0.15">
      <c r="A91" s="16">
        <v>70</v>
      </c>
      <c r="B91" s="29">
        <v>43</v>
      </c>
      <c r="C91" s="10">
        <v>54</v>
      </c>
      <c r="D91" s="9">
        <v>97</v>
      </c>
    </row>
    <row r="92" spans="1:4" ht="18" customHeight="1" x14ac:dyDescent="0.15">
      <c r="A92" s="16">
        <v>71</v>
      </c>
      <c r="B92" s="29">
        <v>37</v>
      </c>
      <c r="C92" s="10">
        <v>58</v>
      </c>
      <c r="D92" s="9">
        <v>95</v>
      </c>
    </row>
    <row r="93" spans="1:4" ht="18" customHeight="1" x14ac:dyDescent="0.15">
      <c r="A93" s="16">
        <v>72</v>
      </c>
      <c r="B93" s="29">
        <v>54</v>
      </c>
      <c r="C93" s="10">
        <v>65</v>
      </c>
      <c r="D93" s="9">
        <v>119</v>
      </c>
    </row>
    <row r="94" spans="1:4" ht="18" customHeight="1" x14ac:dyDescent="0.15">
      <c r="A94" s="16">
        <v>73</v>
      </c>
      <c r="B94" s="29">
        <v>60</v>
      </c>
      <c r="C94" s="10">
        <v>86</v>
      </c>
      <c r="D94" s="9">
        <v>146</v>
      </c>
    </row>
    <row r="95" spans="1:4" ht="18" customHeight="1" x14ac:dyDescent="0.15">
      <c r="A95" s="16">
        <v>74</v>
      </c>
      <c r="B95" s="29">
        <v>52</v>
      </c>
      <c r="C95" s="10">
        <v>79</v>
      </c>
      <c r="D95" s="9">
        <v>131</v>
      </c>
    </row>
    <row r="96" spans="1:4" ht="18" customHeight="1" x14ac:dyDescent="0.15">
      <c r="A96" s="8" t="s">
        <v>41</v>
      </c>
      <c r="B96" s="29">
        <v>246</v>
      </c>
      <c r="C96" s="10">
        <v>342</v>
      </c>
      <c r="D96" s="9">
        <v>588</v>
      </c>
    </row>
    <row r="97" spans="1:4" ht="18" customHeight="1" x14ac:dyDescent="0.15">
      <c r="A97" s="16">
        <v>75</v>
      </c>
      <c r="B97" s="29">
        <v>80</v>
      </c>
      <c r="C97" s="10">
        <v>86</v>
      </c>
      <c r="D97" s="9">
        <v>166</v>
      </c>
    </row>
    <row r="98" spans="1:4" ht="18" customHeight="1" x14ac:dyDescent="0.15">
      <c r="A98" s="16">
        <v>76</v>
      </c>
      <c r="B98" s="29">
        <v>57</v>
      </c>
      <c r="C98" s="10">
        <v>75</v>
      </c>
      <c r="D98" s="9">
        <v>132</v>
      </c>
    </row>
    <row r="99" spans="1:4" ht="18" customHeight="1" x14ac:dyDescent="0.15">
      <c r="A99" s="16">
        <v>77</v>
      </c>
      <c r="B99" s="29">
        <v>45</v>
      </c>
      <c r="C99" s="10">
        <v>49</v>
      </c>
      <c r="D99" s="9">
        <v>94</v>
      </c>
    </row>
    <row r="100" spans="1:4" ht="18" customHeight="1" x14ac:dyDescent="0.15">
      <c r="A100" s="16">
        <v>78</v>
      </c>
      <c r="B100" s="29">
        <v>54</v>
      </c>
      <c r="C100" s="10">
        <v>47</v>
      </c>
      <c r="D100" s="9">
        <v>101</v>
      </c>
    </row>
    <row r="101" spans="1:4" ht="18" customHeight="1" x14ac:dyDescent="0.15">
      <c r="A101" s="16">
        <v>79</v>
      </c>
      <c r="B101" s="29">
        <v>33</v>
      </c>
      <c r="C101" s="10">
        <v>65</v>
      </c>
      <c r="D101" s="9">
        <v>98</v>
      </c>
    </row>
    <row r="102" spans="1:4" ht="18" customHeight="1" x14ac:dyDescent="0.15">
      <c r="A102" s="8" t="s">
        <v>70</v>
      </c>
      <c r="B102" s="29">
        <v>269</v>
      </c>
      <c r="C102" s="10">
        <v>322</v>
      </c>
      <c r="D102" s="9">
        <v>591</v>
      </c>
    </row>
    <row r="103" spans="1:4" ht="18" customHeight="1" x14ac:dyDescent="0.15">
      <c r="A103" s="16">
        <v>80</v>
      </c>
      <c r="B103" s="29">
        <v>51</v>
      </c>
      <c r="C103" s="10">
        <v>54</v>
      </c>
      <c r="D103" s="9">
        <v>105</v>
      </c>
    </row>
    <row r="104" spans="1:4" ht="18" customHeight="1" x14ac:dyDescent="0.15">
      <c r="A104" s="16">
        <v>81</v>
      </c>
      <c r="B104" s="29">
        <v>40</v>
      </c>
      <c r="C104" s="10">
        <v>60</v>
      </c>
      <c r="D104" s="9">
        <v>100</v>
      </c>
    </row>
    <row r="105" spans="1:4" ht="18" customHeight="1" x14ac:dyDescent="0.15">
      <c r="A105" s="16">
        <v>82</v>
      </c>
      <c r="B105" s="29">
        <v>43</v>
      </c>
      <c r="C105" s="10">
        <v>59</v>
      </c>
      <c r="D105" s="9">
        <v>102</v>
      </c>
    </row>
    <row r="106" spans="1:4" ht="18" customHeight="1" x14ac:dyDescent="0.15">
      <c r="A106" s="16">
        <v>83</v>
      </c>
      <c r="B106" s="29">
        <v>31</v>
      </c>
      <c r="C106" s="10">
        <v>41</v>
      </c>
      <c r="D106" s="9">
        <v>72</v>
      </c>
    </row>
    <row r="107" spans="1:4" ht="18" customHeight="1" x14ac:dyDescent="0.15">
      <c r="A107" s="16">
        <v>84</v>
      </c>
      <c r="B107" s="29">
        <v>25</v>
      </c>
      <c r="C107" s="10">
        <v>34</v>
      </c>
      <c r="D107" s="9">
        <v>59</v>
      </c>
    </row>
    <row r="108" spans="1:4" ht="18" customHeight="1" x14ac:dyDescent="0.15">
      <c r="A108" s="8" t="s">
        <v>39</v>
      </c>
      <c r="B108" s="29">
        <v>190</v>
      </c>
      <c r="C108" s="10">
        <v>248</v>
      </c>
      <c r="D108" s="9">
        <v>438</v>
      </c>
    </row>
    <row r="109" spans="1:4" ht="18" customHeight="1" x14ac:dyDescent="0.15">
      <c r="A109" s="16">
        <v>85</v>
      </c>
      <c r="B109" s="29">
        <v>30</v>
      </c>
      <c r="C109" s="10">
        <v>50</v>
      </c>
      <c r="D109" s="9">
        <v>80</v>
      </c>
    </row>
    <row r="110" spans="1:4" ht="18" customHeight="1" x14ac:dyDescent="0.15">
      <c r="A110" s="16">
        <v>86</v>
      </c>
      <c r="B110" s="29">
        <v>15</v>
      </c>
      <c r="C110" s="10">
        <v>43</v>
      </c>
      <c r="D110" s="9">
        <v>58</v>
      </c>
    </row>
    <row r="111" spans="1:4" ht="18" customHeight="1" x14ac:dyDescent="0.15">
      <c r="A111" s="16">
        <v>87</v>
      </c>
      <c r="B111" s="29">
        <v>28</v>
      </c>
      <c r="C111" s="10">
        <v>44</v>
      </c>
      <c r="D111" s="9">
        <v>72</v>
      </c>
    </row>
    <row r="112" spans="1:4" ht="18" customHeight="1" x14ac:dyDescent="0.15">
      <c r="A112" s="16">
        <v>88</v>
      </c>
      <c r="B112" s="29">
        <v>15</v>
      </c>
      <c r="C112" s="10">
        <v>41</v>
      </c>
      <c r="D112" s="9">
        <v>56</v>
      </c>
    </row>
    <row r="113" spans="1:4" ht="18" customHeight="1" x14ac:dyDescent="0.15">
      <c r="A113" s="16">
        <v>89</v>
      </c>
      <c r="B113" s="29">
        <v>15</v>
      </c>
      <c r="C113" s="10">
        <v>36</v>
      </c>
      <c r="D113" s="9">
        <v>51</v>
      </c>
    </row>
    <row r="114" spans="1:4" ht="18" customHeight="1" x14ac:dyDescent="0.15">
      <c r="A114" s="8" t="s">
        <v>38</v>
      </c>
      <c r="B114" s="29">
        <v>103</v>
      </c>
      <c r="C114" s="10">
        <v>214</v>
      </c>
      <c r="D114" s="9">
        <v>317</v>
      </c>
    </row>
    <row r="115" spans="1:4" ht="18" customHeight="1" x14ac:dyDescent="0.15">
      <c r="A115" s="16">
        <v>90</v>
      </c>
      <c r="B115" s="29">
        <v>14</v>
      </c>
      <c r="C115" s="10">
        <v>33</v>
      </c>
      <c r="D115" s="9">
        <v>47</v>
      </c>
    </row>
    <row r="116" spans="1:4" ht="18" customHeight="1" x14ac:dyDescent="0.15">
      <c r="A116" s="16">
        <v>91</v>
      </c>
      <c r="B116" s="29">
        <v>10</v>
      </c>
      <c r="C116" s="10">
        <v>33</v>
      </c>
      <c r="D116" s="9">
        <v>43</v>
      </c>
    </row>
    <row r="117" spans="1:4" ht="18" customHeight="1" x14ac:dyDescent="0.15">
      <c r="A117" s="16">
        <v>92</v>
      </c>
      <c r="B117" s="29">
        <v>10</v>
      </c>
      <c r="C117" s="10">
        <v>23</v>
      </c>
      <c r="D117" s="9">
        <v>33</v>
      </c>
    </row>
    <row r="118" spans="1:4" ht="18" customHeight="1" x14ac:dyDescent="0.15">
      <c r="A118" s="16">
        <v>93</v>
      </c>
      <c r="B118" s="29">
        <v>5</v>
      </c>
      <c r="C118" s="10">
        <v>20</v>
      </c>
      <c r="D118" s="9">
        <v>25</v>
      </c>
    </row>
    <row r="119" spans="1:4" ht="18" customHeight="1" x14ac:dyDescent="0.15">
      <c r="A119" s="16">
        <v>94</v>
      </c>
      <c r="B119" s="29">
        <v>7</v>
      </c>
      <c r="C119" s="10">
        <v>18</v>
      </c>
      <c r="D119" s="9">
        <v>25</v>
      </c>
    </row>
    <row r="120" spans="1:4" ht="18" customHeight="1" x14ac:dyDescent="0.15">
      <c r="A120" s="8" t="s">
        <v>69</v>
      </c>
      <c r="B120" s="29">
        <v>46</v>
      </c>
      <c r="C120" s="10">
        <v>127</v>
      </c>
      <c r="D120" s="9">
        <v>173</v>
      </c>
    </row>
    <row r="121" spans="1:4" ht="18" customHeight="1" x14ac:dyDescent="0.15">
      <c r="A121" s="16">
        <v>95</v>
      </c>
      <c r="B121" s="29">
        <v>2</v>
      </c>
      <c r="C121" s="10">
        <v>11</v>
      </c>
      <c r="D121" s="9">
        <v>13</v>
      </c>
    </row>
    <row r="122" spans="1:4" ht="18" customHeight="1" x14ac:dyDescent="0.15">
      <c r="A122" s="16">
        <v>96</v>
      </c>
      <c r="B122" s="29">
        <v>3</v>
      </c>
      <c r="C122" s="10">
        <v>8</v>
      </c>
      <c r="D122" s="9">
        <v>11</v>
      </c>
    </row>
    <row r="123" spans="1:4" ht="18" customHeight="1" x14ac:dyDescent="0.15">
      <c r="A123" s="16">
        <v>97</v>
      </c>
      <c r="B123" s="29">
        <v>1</v>
      </c>
      <c r="C123" s="10">
        <v>7</v>
      </c>
      <c r="D123" s="9">
        <v>8</v>
      </c>
    </row>
    <row r="124" spans="1:4" ht="18" customHeight="1" x14ac:dyDescent="0.15">
      <c r="A124" s="16">
        <v>98</v>
      </c>
      <c r="B124" s="29">
        <v>2</v>
      </c>
      <c r="C124" s="10">
        <v>5</v>
      </c>
      <c r="D124" s="9">
        <v>7</v>
      </c>
    </row>
    <row r="125" spans="1:4" ht="18" customHeight="1" x14ac:dyDescent="0.15">
      <c r="A125" s="16">
        <v>99</v>
      </c>
      <c r="B125" s="29">
        <v>2</v>
      </c>
      <c r="C125" s="10">
        <v>5</v>
      </c>
      <c r="D125" s="9">
        <v>7</v>
      </c>
    </row>
    <row r="126" spans="1:4" ht="18" customHeight="1" x14ac:dyDescent="0.15">
      <c r="A126" s="8" t="s">
        <v>68</v>
      </c>
      <c r="B126" s="29">
        <v>10</v>
      </c>
      <c r="C126" s="10">
        <v>36</v>
      </c>
      <c r="D126" s="9">
        <v>46</v>
      </c>
    </row>
    <row r="127" spans="1:4" ht="18" customHeight="1" x14ac:dyDescent="0.15">
      <c r="A127" s="16">
        <v>100</v>
      </c>
      <c r="B127" s="29">
        <v>0</v>
      </c>
      <c r="C127" s="10">
        <v>5</v>
      </c>
      <c r="D127" s="9">
        <v>5</v>
      </c>
    </row>
    <row r="128" spans="1:4" ht="18" customHeight="1" x14ac:dyDescent="0.15">
      <c r="A128" s="15" t="s">
        <v>37</v>
      </c>
      <c r="B128" s="29">
        <v>0</v>
      </c>
      <c r="C128" s="10">
        <v>8</v>
      </c>
      <c r="D128" s="9">
        <v>8</v>
      </c>
    </row>
    <row r="129" spans="1:4" ht="18" customHeight="1" x14ac:dyDescent="0.15">
      <c r="A129" s="8" t="s">
        <v>36</v>
      </c>
      <c r="B129" s="29">
        <v>0</v>
      </c>
      <c r="C129" s="10">
        <v>13</v>
      </c>
      <c r="D129" s="9">
        <v>13</v>
      </c>
    </row>
    <row r="130" spans="1:4" ht="18" customHeight="1" x14ac:dyDescent="0.15">
      <c r="A130" s="8" t="s">
        <v>35</v>
      </c>
      <c r="B130" s="28">
        <v>1101</v>
      </c>
      <c r="C130" s="6">
        <v>1542</v>
      </c>
      <c r="D130" s="5">
        <v>2643</v>
      </c>
    </row>
    <row r="131" spans="1:4" ht="18" customHeight="1" x14ac:dyDescent="0.15">
      <c r="A131" s="4" t="s">
        <v>0</v>
      </c>
      <c r="B131" s="27">
        <v>3956</v>
      </c>
      <c r="C131" s="2">
        <v>4114</v>
      </c>
      <c r="D131" s="1">
        <v>807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9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9</v>
      </c>
      <c r="C5" s="18">
        <v>40</v>
      </c>
      <c r="D5" s="17">
        <v>79</v>
      </c>
    </row>
    <row r="6" spans="1:4" ht="18" customHeight="1" x14ac:dyDescent="0.15">
      <c r="A6" s="16">
        <v>1</v>
      </c>
      <c r="B6" s="29">
        <v>32</v>
      </c>
      <c r="C6" s="10">
        <v>31</v>
      </c>
      <c r="D6" s="9">
        <v>63</v>
      </c>
    </row>
    <row r="7" spans="1:4" ht="18" customHeight="1" x14ac:dyDescent="0.15">
      <c r="A7" s="16">
        <v>2</v>
      </c>
      <c r="B7" s="29">
        <v>37</v>
      </c>
      <c r="C7" s="10">
        <v>40</v>
      </c>
      <c r="D7" s="9">
        <v>77</v>
      </c>
    </row>
    <row r="8" spans="1:4" ht="18" customHeight="1" x14ac:dyDescent="0.15">
      <c r="A8" s="16">
        <v>3</v>
      </c>
      <c r="B8" s="29">
        <v>42</v>
      </c>
      <c r="C8" s="10">
        <v>31</v>
      </c>
      <c r="D8" s="9">
        <v>73</v>
      </c>
    </row>
    <row r="9" spans="1:4" ht="18" customHeight="1" x14ac:dyDescent="0.15">
      <c r="A9" s="16">
        <v>4</v>
      </c>
      <c r="B9" s="29">
        <v>57</v>
      </c>
      <c r="C9" s="10">
        <v>39</v>
      </c>
      <c r="D9" s="9">
        <v>96</v>
      </c>
    </row>
    <row r="10" spans="1:4" ht="18" customHeight="1" x14ac:dyDescent="0.15">
      <c r="A10" s="8" t="s">
        <v>76</v>
      </c>
      <c r="B10" s="29">
        <v>207</v>
      </c>
      <c r="C10" s="10">
        <v>181</v>
      </c>
      <c r="D10" s="9">
        <v>388</v>
      </c>
    </row>
    <row r="11" spans="1:4" ht="18" customHeight="1" x14ac:dyDescent="0.15">
      <c r="A11" s="16">
        <v>5</v>
      </c>
      <c r="B11" s="29">
        <v>37</v>
      </c>
      <c r="C11" s="10">
        <v>34</v>
      </c>
      <c r="D11" s="9">
        <v>71</v>
      </c>
    </row>
    <row r="12" spans="1:4" ht="18" customHeight="1" x14ac:dyDescent="0.15">
      <c r="A12" s="16">
        <v>6</v>
      </c>
      <c r="B12" s="29">
        <v>38</v>
      </c>
      <c r="C12" s="10">
        <v>37</v>
      </c>
      <c r="D12" s="9">
        <v>75</v>
      </c>
    </row>
    <row r="13" spans="1:4" ht="18" customHeight="1" x14ac:dyDescent="0.15">
      <c r="A13" s="16">
        <v>7</v>
      </c>
      <c r="B13" s="29">
        <v>43</v>
      </c>
      <c r="C13" s="10">
        <v>43</v>
      </c>
      <c r="D13" s="9">
        <v>86</v>
      </c>
    </row>
    <row r="14" spans="1:4" ht="18" customHeight="1" x14ac:dyDescent="0.15">
      <c r="A14" s="16">
        <v>8</v>
      </c>
      <c r="B14" s="29">
        <v>34</v>
      </c>
      <c r="C14" s="10">
        <v>43</v>
      </c>
      <c r="D14" s="9">
        <v>77</v>
      </c>
    </row>
    <row r="15" spans="1:4" ht="18" customHeight="1" x14ac:dyDescent="0.15">
      <c r="A15" s="16">
        <v>9</v>
      </c>
      <c r="B15" s="29">
        <v>45</v>
      </c>
      <c r="C15" s="10">
        <v>29</v>
      </c>
      <c r="D15" s="9">
        <v>74</v>
      </c>
    </row>
    <row r="16" spans="1:4" ht="18" customHeight="1" x14ac:dyDescent="0.15">
      <c r="A16" s="8" t="s">
        <v>50</v>
      </c>
      <c r="B16" s="29">
        <v>197</v>
      </c>
      <c r="C16" s="10">
        <v>186</v>
      </c>
      <c r="D16" s="9">
        <v>383</v>
      </c>
    </row>
    <row r="17" spans="1:4" ht="18" customHeight="1" x14ac:dyDescent="0.15">
      <c r="A17" s="16">
        <v>10</v>
      </c>
      <c r="B17" s="29">
        <v>37</v>
      </c>
      <c r="C17" s="10">
        <v>34</v>
      </c>
      <c r="D17" s="9">
        <v>71</v>
      </c>
    </row>
    <row r="18" spans="1:4" ht="18" customHeight="1" x14ac:dyDescent="0.15">
      <c r="A18" s="16">
        <v>11</v>
      </c>
      <c r="B18" s="29">
        <v>42</v>
      </c>
      <c r="C18" s="10">
        <v>45</v>
      </c>
      <c r="D18" s="9">
        <v>87</v>
      </c>
    </row>
    <row r="19" spans="1:4" ht="18" customHeight="1" x14ac:dyDescent="0.15">
      <c r="A19" s="16">
        <v>12</v>
      </c>
      <c r="B19" s="29">
        <v>46</v>
      </c>
      <c r="C19" s="10">
        <v>34</v>
      </c>
      <c r="D19" s="9">
        <v>80</v>
      </c>
    </row>
    <row r="20" spans="1:4" ht="18" customHeight="1" x14ac:dyDescent="0.15">
      <c r="A20" s="16">
        <v>13</v>
      </c>
      <c r="B20" s="29">
        <v>39</v>
      </c>
      <c r="C20" s="10">
        <v>41</v>
      </c>
      <c r="D20" s="9">
        <v>80</v>
      </c>
    </row>
    <row r="21" spans="1:4" ht="18" customHeight="1" x14ac:dyDescent="0.15">
      <c r="A21" s="16">
        <v>14</v>
      </c>
      <c r="B21" s="29">
        <v>48</v>
      </c>
      <c r="C21" s="10">
        <v>51</v>
      </c>
      <c r="D21" s="9">
        <v>99</v>
      </c>
    </row>
    <row r="22" spans="1:4" ht="18" customHeight="1" x14ac:dyDescent="0.15">
      <c r="A22" s="8" t="s">
        <v>75</v>
      </c>
      <c r="B22" s="29">
        <v>212</v>
      </c>
      <c r="C22" s="10">
        <v>205</v>
      </c>
      <c r="D22" s="9">
        <v>417</v>
      </c>
    </row>
    <row r="23" spans="1:4" ht="18" customHeight="1" x14ac:dyDescent="0.15">
      <c r="A23" s="8" t="s">
        <v>65</v>
      </c>
      <c r="B23" s="29">
        <v>616</v>
      </c>
      <c r="C23" s="10">
        <v>572</v>
      </c>
      <c r="D23" s="9">
        <v>1188</v>
      </c>
    </row>
    <row r="24" spans="1:4" ht="18" customHeight="1" x14ac:dyDescent="0.15">
      <c r="A24" s="16">
        <v>15</v>
      </c>
      <c r="B24" s="29">
        <v>51</v>
      </c>
      <c r="C24" s="10">
        <v>37</v>
      </c>
      <c r="D24" s="9">
        <v>88</v>
      </c>
    </row>
    <row r="25" spans="1:4" ht="18" customHeight="1" x14ac:dyDescent="0.15">
      <c r="A25" s="16">
        <v>16</v>
      </c>
      <c r="B25" s="29">
        <v>37</v>
      </c>
      <c r="C25" s="10">
        <v>44</v>
      </c>
      <c r="D25" s="9">
        <v>81</v>
      </c>
    </row>
    <row r="26" spans="1:4" ht="18" customHeight="1" x14ac:dyDescent="0.15">
      <c r="A26" s="16">
        <v>17</v>
      </c>
      <c r="B26" s="29">
        <v>53</v>
      </c>
      <c r="C26" s="10">
        <v>37</v>
      </c>
      <c r="D26" s="9">
        <v>90</v>
      </c>
    </row>
    <row r="27" spans="1:4" ht="18" customHeight="1" x14ac:dyDescent="0.15">
      <c r="A27" s="16">
        <v>18</v>
      </c>
      <c r="B27" s="29">
        <v>54</v>
      </c>
      <c r="C27" s="10">
        <v>43</v>
      </c>
      <c r="D27" s="9">
        <v>97</v>
      </c>
    </row>
    <row r="28" spans="1:4" ht="18" customHeight="1" x14ac:dyDescent="0.15">
      <c r="A28" s="16">
        <v>19</v>
      </c>
      <c r="B28" s="29">
        <v>42</v>
      </c>
      <c r="C28" s="10">
        <v>46</v>
      </c>
      <c r="D28" s="9">
        <v>88</v>
      </c>
    </row>
    <row r="29" spans="1:4" ht="18" customHeight="1" x14ac:dyDescent="0.15">
      <c r="A29" s="8" t="s">
        <v>48</v>
      </c>
      <c r="B29" s="29">
        <v>237</v>
      </c>
      <c r="C29" s="10">
        <v>207</v>
      </c>
      <c r="D29" s="9">
        <v>444</v>
      </c>
    </row>
    <row r="30" spans="1:4" ht="18" customHeight="1" x14ac:dyDescent="0.15">
      <c r="A30" s="16">
        <v>20</v>
      </c>
      <c r="B30" s="29">
        <v>48</v>
      </c>
      <c r="C30" s="10">
        <v>42</v>
      </c>
      <c r="D30" s="9">
        <v>90</v>
      </c>
    </row>
    <row r="31" spans="1:4" ht="18" customHeight="1" x14ac:dyDescent="0.15">
      <c r="A31" s="16">
        <v>21</v>
      </c>
      <c r="B31" s="29">
        <v>55</v>
      </c>
      <c r="C31" s="10">
        <v>47</v>
      </c>
      <c r="D31" s="9">
        <v>102</v>
      </c>
    </row>
    <row r="32" spans="1:4" ht="18" customHeight="1" x14ac:dyDescent="0.15">
      <c r="A32" s="16">
        <v>22</v>
      </c>
      <c r="B32" s="29">
        <v>49</v>
      </c>
      <c r="C32" s="10">
        <v>46</v>
      </c>
      <c r="D32" s="9">
        <v>95</v>
      </c>
    </row>
    <row r="33" spans="1:4" ht="18" customHeight="1" x14ac:dyDescent="0.15">
      <c r="A33" s="16">
        <v>23</v>
      </c>
      <c r="B33" s="29">
        <v>54</v>
      </c>
      <c r="C33" s="10">
        <v>53</v>
      </c>
      <c r="D33" s="9">
        <v>107</v>
      </c>
    </row>
    <row r="34" spans="1:4" ht="18" customHeight="1" x14ac:dyDescent="0.15">
      <c r="A34" s="16">
        <v>24</v>
      </c>
      <c r="B34" s="29">
        <v>68</v>
      </c>
      <c r="C34" s="10">
        <v>51</v>
      </c>
      <c r="D34" s="9">
        <v>119</v>
      </c>
    </row>
    <row r="35" spans="1:4" ht="18" customHeight="1" x14ac:dyDescent="0.15">
      <c r="A35" s="8" t="s">
        <v>74</v>
      </c>
      <c r="B35" s="29">
        <v>274</v>
      </c>
      <c r="C35" s="10">
        <v>239</v>
      </c>
      <c r="D35" s="9">
        <v>513</v>
      </c>
    </row>
    <row r="36" spans="1:4" ht="18" customHeight="1" x14ac:dyDescent="0.15">
      <c r="A36" s="16">
        <v>25</v>
      </c>
      <c r="B36" s="29">
        <v>67</v>
      </c>
      <c r="C36" s="10">
        <v>40</v>
      </c>
      <c r="D36" s="9">
        <v>107</v>
      </c>
    </row>
    <row r="37" spans="1:4" ht="18" customHeight="1" x14ac:dyDescent="0.15">
      <c r="A37" s="16">
        <v>26</v>
      </c>
      <c r="B37" s="29">
        <v>64</v>
      </c>
      <c r="C37" s="10">
        <v>52</v>
      </c>
      <c r="D37" s="9">
        <v>116</v>
      </c>
    </row>
    <row r="38" spans="1:4" ht="18" customHeight="1" x14ac:dyDescent="0.15">
      <c r="A38" s="16">
        <v>27</v>
      </c>
      <c r="B38" s="29">
        <v>53</v>
      </c>
      <c r="C38" s="10">
        <v>50</v>
      </c>
      <c r="D38" s="9">
        <v>103</v>
      </c>
    </row>
    <row r="39" spans="1:4" ht="18" customHeight="1" x14ac:dyDescent="0.15">
      <c r="A39" s="16">
        <v>28</v>
      </c>
      <c r="B39" s="29">
        <v>65</v>
      </c>
      <c r="C39" s="10">
        <v>53</v>
      </c>
      <c r="D39" s="9">
        <v>118</v>
      </c>
    </row>
    <row r="40" spans="1:4" ht="18" customHeight="1" x14ac:dyDescent="0.15">
      <c r="A40" s="16">
        <v>29</v>
      </c>
      <c r="B40" s="29">
        <v>62</v>
      </c>
      <c r="C40" s="10">
        <v>48</v>
      </c>
      <c r="D40" s="9">
        <v>110</v>
      </c>
    </row>
    <row r="41" spans="1:4" ht="18" customHeight="1" x14ac:dyDescent="0.15">
      <c r="A41" s="8" t="s">
        <v>73</v>
      </c>
      <c r="B41" s="29">
        <v>311</v>
      </c>
      <c r="C41" s="10">
        <v>243</v>
      </c>
      <c r="D41" s="9">
        <v>554</v>
      </c>
    </row>
    <row r="42" spans="1:4" ht="18" customHeight="1" x14ac:dyDescent="0.15">
      <c r="A42" s="16">
        <v>30</v>
      </c>
      <c r="B42" s="29">
        <v>56</v>
      </c>
      <c r="C42" s="10">
        <v>47</v>
      </c>
      <c r="D42" s="9">
        <v>103</v>
      </c>
    </row>
    <row r="43" spans="1:4" ht="18" customHeight="1" x14ac:dyDescent="0.15">
      <c r="A43" s="16">
        <v>31</v>
      </c>
      <c r="B43" s="29">
        <v>55</v>
      </c>
      <c r="C43" s="10">
        <v>47</v>
      </c>
      <c r="D43" s="9">
        <v>102</v>
      </c>
    </row>
    <row r="44" spans="1:4" ht="18" customHeight="1" x14ac:dyDescent="0.15">
      <c r="A44" s="16">
        <v>32</v>
      </c>
      <c r="B44" s="29">
        <v>47</v>
      </c>
      <c r="C44" s="10">
        <v>56</v>
      </c>
      <c r="D44" s="9">
        <v>103</v>
      </c>
    </row>
    <row r="45" spans="1:4" ht="18" customHeight="1" x14ac:dyDescent="0.15">
      <c r="A45" s="16">
        <v>33</v>
      </c>
      <c r="B45" s="29">
        <v>72</v>
      </c>
      <c r="C45" s="10">
        <v>44</v>
      </c>
      <c r="D45" s="9">
        <v>116</v>
      </c>
    </row>
    <row r="46" spans="1:4" ht="18" customHeight="1" x14ac:dyDescent="0.15">
      <c r="A46" s="16">
        <v>34</v>
      </c>
      <c r="B46" s="29">
        <v>57</v>
      </c>
      <c r="C46" s="10">
        <v>53</v>
      </c>
      <c r="D46" s="9">
        <v>110</v>
      </c>
    </row>
    <row r="47" spans="1:4" ht="18" customHeight="1" x14ac:dyDescent="0.15">
      <c r="A47" s="8" t="s">
        <v>61</v>
      </c>
      <c r="B47" s="29">
        <v>287</v>
      </c>
      <c r="C47" s="10">
        <v>247</v>
      </c>
      <c r="D47" s="9">
        <v>534</v>
      </c>
    </row>
    <row r="48" spans="1:4" ht="18" customHeight="1" x14ac:dyDescent="0.15">
      <c r="A48" s="16">
        <v>35</v>
      </c>
      <c r="B48" s="29">
        <v>60</v>
      </c>
      <c r="C48" s="10">
        <v>52</v>
      </c>
      <c r="D48" s="9">
        <v>112</v>
      </c>
    </row>
    <row r="49" spans="1:4" ht="18" customHeight="1" x14ac:dyDescent="0.15">
      <c r="A49" s="16">
        <v>36</v>
      </c>
      <c r="B49" s="29">
        <v>49</v>
      </c>
      <c r="C49" s="10">
        <v>45</v>
      </c>
      <c r="D49" s="9">
        <v>94</v>
      </c>
    </row>
    <row r="50" spans="1:4" ht="18" customHeight="1" x14ac:dyDescent="0.15">
      <c r="A50" s="16">
        <v>37</v>
      </c>
      <c r="B50" s="29">
        <v>57</v>
      </c>
      <c r="C50" s="10">
        <v>53</v>
      </c>
      <c r="D50" s="9">
        <v>110</v>
      </c>
    </row>
    <row r="51" spans="1:4" ht="18" customHeight="1" x14ac:dyDescent="0.15">
      <c r="A51" s="16">
        <v>38</v>
      </c>
      <c r="B51" s="29">
        <v>57</v>
      </c>
      <c r="C51" s="10">
        <v>54</v>
      </c>
      <c r="D51" s="9">
        <v>111</v>
      </c>
    </row>
    <row r="52" spans="1:4" ht="18" customHeight="1" x14ac:dyDescent="0.15">
      <c r="A52" s="16">
        <v>39</v>
      </c>
      <c r="B52" s="29">
        <v>56</v>
      </c>
      <c r="C52" s="10">
        <v>62</v>
      </c>
      <c r="D52" s="9">
        <v>118</v>
      </c>
    </row>
    <row r="53" spans="1:4" ht="18" customHeight="1" x14ac:dyDescent="0.15">
      <c r="A53" s="8" t="s">
        <v>72</v>
      </c>
      <c r="B53" s="29">
        <v>279</v>
      </c>
      <c r="C53" s="10">
        <v>266</v>
      </c>
      <c r="D53" s="9">
        <v>545</v>
      </c>
    </row>
    <row r="54" spans="1:4" ht="18" customHeight="1" x14ac:dyDescent="0.15">
      <c r="A54" s="16">
        <v>40</v>
      </c>
      <c r="B54" s="29">
        <v>65</v>
      </c>
      <c r="C54" s="10">
        <v>49</v>
      </c>
      <c r="D54" s="9">
        <v>114</v>
      </c>
    </row>
    <row r="55" spans="1:4" ht="18" customHeight="1" x14ac:dyDescent="0.15">
      <c r="A55" s="16">
        <v>41</v>
      </c>
      <c r="B55" s="29">
        <v>63</v>
      </c>
      <c r="C55" s="10">
        <v>51</v>
      </c>
      <c r="D55" s="9">
        <v>114</v>
      </c>
    </row>
    <row r="56" spans="1:4" ht="18" customHeight="1" x14ac:dyDescent="0.15">
      <c r="A56" s="16">
        <v>42</v>
      </c>
      <c r="B56" s="29">
        <v>57</v>
      </c>
      <c r="C56" s="10">
        <v>52</v>
      </c>
      <c r="D56" s="9">
        <v>109</v>
      </c>
    </row>
    <row r="57" spans="1:4" ht="18" customHeight="1" x14ac:dyDescent="0.15">
      <c r="A57" s="16">
        <v>43</v>
      </c>
      <c r="B57" s="29">
        <v>71</v>
      </c>
      <c r="C57" s="10">
        <v>66</v>
      </c>
      <c r="D57" s="9">
        <v>137</v>
      </c>
    </row>
    <row r="58" spans="1:4" ht="18" customHeight="1" x14ac:dyDescent="0.15">
      <c r="A58" s="16">
        <v>44</v>
      </c>
      <c r="B58" s="29">
        <v>70</v>
      </c>
      <c r="C58" s="10">
        <v>69</v>
      </c>
      <c r="D58" s="9">
        <v>139</v>
      </c>
    </row>
    <row r="59" spans="1:4" ht="18" customHeight="1" x14ac:dyDescent="0.15">
      <c r="A59" s="8" t="s">
        <v>46</v>
      </c>
      <c r="B59" s="29">
        <v>326</v>
      </c>
      <c r="C59" s="10">
        <v>287</v>
      </c>
      <c r="D59" s="9">
        <v>613</v>
      </c>
    </row>
    <row r="60" spans="1:4" ht="18" customHeight="1" x14ac:dyDescent="0.15">
      <c r="A60" s="16">
        <v>45</v>
      </c>
      <c r="B60" s="29">
        <v>75</v>
      </c>
      <c r="C60" s="10">
        <v>65</v>
      </c>
      <c r="D60" s="9">
        <v>140</v>
      </c>
    </row>
    <row r="61" spans="1:4" ht="18" customHeight="1" x14ac:dyDescent="0.15">
      <c r="A61" s="16">
        <v>46</v>
      </c>
      <c r="B61" s="29">
        <v>74</v>
      </c>
      <c r="C61" s="10">
        <v>74</v>
      </c>
      <c r="D61" s="9">
        <v>148</v>
      </c>
    </row>
    <row r="62" spans="1:4" ht="18" customHeight="1" x14ac:dyDescent="0.15">
      <c r="A62" s="16">
        <v>47</v>
      </c>
      <c r="B62" s="29">
        <v>76</v>
      </c>
      <c r="C62" s="10">
        <v>85</v>
      </c>
      <c r="D62" s="9">
        <v>161</v>
      </c>
    </row>
    <row r="63" spans="1:4" ht="18" customHeight="1" x14ac:dyDescent="0.15">
      <c r="A63" s="16">
        <v>48</v>
      </c>
      <c r="B63" s="29">
        <v>96</v>
      </c>
      <c r="C63" s="10">
        <v>79</v>
      </c>
      <c r="D63" s="9">
        <v>175</v>
      </c>
    </row>
    <row r="64" spans="1:4" ht="18" customHeight="1" x14ac:dyDescent="0.15">
      <c r="A64" s="16">
        <v>49</v>
      </c>
      <c r="B64" s="29">
        <v>86</v>
      </c>
      <c r="C64" s="10">
        <v>86</v>
      </c>
      <c r="D64" s="9">
        <v>172</v>
      </c>
    </row>
    <row r="65" spans="1:4" ht="18" customHeight="1" x14ac:dyDescent="0.15">
      <c r="A65" s="8" t="s">
        <v>45</v>
      </c>
      <c r="B65" s="29">
        <v>407</v>
      </c>
      <c r="C65" s="10">
        <v>389</v>
      </c>
      <c r="D65" s="9">
        <v>796</v>
      </c>
    </row>
    <row r="66" spans="1:4" ht="18" customHeight="1" x14ac:dyDescent="0.15">
      <c r="A66" s="16">
        <v>50</v>
      </c>
      <c r="B66" s="29">
        <v>102</v>
      </c>
      <c r="C66" s="10">
        <v>96</v>
      </c>
      <c r="D66" s="9">
        <v>198</v>
      </c>
    </row>
    <row r="67" spans="1:4" ht="18" customHeight="1" x14ac:dyDescent="0.15">
      <c r="A67" s="16">
        <v>51</v>
      </c>
      <c r="B67" s="29">
        <v>84</v>
      </c>
      <c r="C67" s="10">
        <v>99</v>
      </c>
      <c r="D67" s="9">
        <v>183</v>
      </c>
    </row>
    <row r="68" spans="1:4" ht="18" customHeight="1" x14ac:dyDescent="0.15">
      <c r="A68" s="16">
        <v>52</v>
      </c>
      <c r="B68" s="29">
        <v>91</v>
      </c>
      <c r="C68" s="10">
        <v>90</v>
      </c>
      <c r="D68" s="9">
        <v>181</v>
      </c>
    </row>
    <row r="69" spans="1:4" ht="18" customHeight="1" x14ac:dyDescent="0.15">
      <c r="A69" s="16">
        <v>53</v>
      </c>
      <c r="B69" s="29">
        <v>83</v>
      </c>
      <c r="C69" s="10">
        <v>84</v>
      </c>
      <c r="D69" s="9">
        <v>167</v>
      </c>
    </row>
    <row r="70" spans="1:4" ht="18" customHeight="1" x14ac:dyDescent="0.15">
      <c r="A70" s="16">
        <v>54</v>
      </c>
      <c r="B70" s="29">
        <v>81</v>
      </c>
      <c r="C70" s="10">
        <v>90</v>
      </c>
      <c r="D70" s="9">
        <v>171</v>
      </c>
    </row>
    <row r="71" spans="1:4" ht="18" customHeight="1" x14ac:dyDescent="0.15">
      <c r="A71" s="8" t="s">
        <v>58</v>
      </c>
      <c r="B71" s="29">
        <v>441</v>
      </c>
      <c r="C71" s="10">
        <v>459</v>
      </c>
      <c r="D71" s="9">
        <v>900</v>
      </c>
    </row>
    <row r="72" spans="1:4" ht="18" customHeight="1" x14ac:dyDescent="0.15">
      <c r="A72" s="16">
        <v>55</v>
      </c>
      <c r="B72" s="29">
        <v>87</v>
      </c>
      <c r="C72" s="10">
        <v>71</v>
      </c>
      <c r="D72" s="9">
        <v>158</v>
      </c>
    </row>
    <row r="73" spans="1:4" ht="18" customHeight="1" x14ac:dyDescent="0.15">
      <c r="A73" s="16">
        <v>56</v>
      </c>
      <c r="B73" s="29">
        <v>75</v>
      </c>
      <c r="C73" s="10">
        <v>55</v>
      </c>
      <c r="D73" s="9">
        <v>130</v>
      </c>
    </row>
    <row r="74" spans="1:4" ht="18" customHeight="1" x14ac:dyDescent="0.15">
      <c r="A74" s="16">
        <v>57</v>
      </c>
      <c r="B74" s="29">
        <v>65</v>
      </c>
      <c r="C74" s="10">
        <v>67</v>
      </c>
      <c r="D74" s="9">
        <v>132</v>
      </c>
    </row>
    <row r="75" spans="1:4" ht="18" customHeight="1" x14ac:dyDescent="0.15">
      <c r="A75" s="16">
        <v>58</v>
      </c>
      <c r="B75" s="29">
        <v>58</v>
      </c>
      <c r="C75" s="10">
        <v>67</v>
      </c>
      <c r="D75" s="9">
        <v>125</v>
      </c>
    </row>
    <row r="76" spans="1:4" ht="18" customHeight="1" x14ac:dyDescent="0.15">
      <c r="A76" s="16">
        <v>59</v>
      </c>
      <c r="B76" s="29">
        <v>63</v>
      </c>
      <c r="C76" s="10">
        <v>70</v>
      </c>
      <c r="D76" s="9">
        <v>133</v>
      </c>
    </row>
    <row r="77" spans="1:4" ht="18" customHeight="1" x14ac:dyDescent="0.15">
      <c r="A77" s="8" t="s">
        <v>71</v>
      </c>
      <c r="B77" s="29">
        <v>348</v>
      </c>
      <c r="C77" s="10">
        <v>330</v>
      </c>
      <c r="D77" s="9">
        <v>678</v>
      </c>
    </row>
    <row r="78" spans="1:4" ht="18" customHeight="1" x14ac:dyDescent="0.15">
      <c r="A78" s="16">
        <v>60</v>
      </c>
      <c r="B78" s="29">
        <v>69</v>
      </c>
      <c r="C78" s="10">
        <v>61</v>
      </c>
      <c r="D78" s="9">
        <v>130</v>
      </c>
    </row>
    <row r="79" spans="1:4" ht="18" customHeight="1" x14ac:dyDescent="0.15">
      <c r="A79" s="16">
        <v>61</v>
      </c>
      <c r="B79" s="29">
        <v>67</v>
      </c>
      <c r="C79" s="10">
        <v>66</v>
      </c>
      <c r="D79" s="9">
        <v>133</v>
      </c>
    </row>
    <row r="80" spans="1:4" ht="18" customHeight="1" x14ac:dyDescent="0.15">
      <c r="A80" s="16">
        <v>62</v>
      </c>
      <c r="B80" s="29">
        <v>46</v>
      </c>
      <c r="C80" s="10">
        <v>82</v>
      </c>
      <c r="D80" s="9">
        <v>128</v>
      </c>
    </row>
    <row r="81" spans="1:4" ht="18" customHeight="1" x14ac:dyDescent="0.15">
      <c r="A81" s="16">
        <v>63</v>
      </c>
      <c r="B81" s="29">
        <v>64</v>
      </c>
      <c r="C81" s="10">
        <v>62</v>
      </c>
      <c r="D81" s="9">
        <v>126</v>
      </c>
    </row>
    <row r="82" spans="1:4" ht="18" customHeight="1" x14ac:dyDescent="0.15">
      <c r="A82" s="16">
        <v>64</v>
      </c>
      <c r="B82" s="29">
        <v>52</v>
      </c>
      <c r="C82" s="10">
        <v>54</v>
      </c>
      <c r="D82" s="9">
        <v>106</v>
      </c>
    </row>
    <row r="83" spans="1:4" ht="18" customHeight="1" x14ac:dyDescent="0.15">
      <c r="A83" s="8" t="s">
        <v>44</v>
      </c>
      <c r="B83" s="29">
        <v>298</v>
      </c>
      <c r="C83" s="10">
        <v>325</v>
      </c>
      <c r="D83" s="9">
        <v>623</v>
      </c>
    </row>
    <row r="84" spans="1:4" ht="18" customHeight="1" x14ac:dyDescent="0.15">
      <c r="A84" s="8" t="s">
        <v>43</v>
      </c>
      <c r="B84" s="29">
        <v>3208</v>
      </c>
      <c r="C84" s="10">
        <v>2992</v>
      </c>
      <c r="D84" s="9">
        <v>6200</v>
      </c>
    </row>
    <row r="85" spans="1:4" ht="18" customHeight="1" x14ac:dyDescent="0.15">
      <c r="A85" s="16">
        <v>65</v>
      </c>
      <c r="B85" s="29">
        <v>59</v>
      </c>
      <c r="C85" s="10">
        <v>59</v>
      </c>
      <c r="D85" s="9">
        <v>118</v>
      </c>
    </row>
    <row r="86" spans="1:4" ht="18" customHeight="1" x14ac:dyDescent="0.15">
      <c r="A86" s="16">
        <v>66</v>
      </c>
      <c r="B86" s="29">
        <v>60</v>
      </c>
      <c r="C86" s="10">
        <v>60</v>
      </c>
      <c r="D86" s="9">
        <v>120</v>
      </c>
    </row>
    <row r="87" spans="1:4" ht="18" customHeight="1" x14ac:dyDescent="0.15">
      <c r="A87" s="16">
        <v>67</v>
      </c>
      <c r="B87" s="29">
        <v>57</v>
      </c>
      <c r="C87" s="10">
        <v>66</v>
      </c>
      <c r="D87" s="9">
        <v>123</v>
      </c>
    </row>
    <row r="88" spans="1:4" ht="18" customHeight="1" x14ac:dyDescent="0.15">
      <c r="A88" s="16">
        <v>68</v>
      </c>
      <c r="B88" s="29">
        <v>56</v>
      </c>
      <c r="C88" s="10">
        <v>67</v>
      </c>
      <c r="D88" s="9">
        <v>123</v>
      </c>
    </row>
    <row r="89" spans="1:4" ht="18" customHeight="1" x14ac:dyDescent="0.15">
      <c r="A89" s="16">
        <v>69</v>
      </c>
      <c r="B89" s="29">
        <v>60</v>
      </c>
      <c r="C89" s="10">
        <v>69</v>
      </c>
      <c r="D89" s="9">
        <v>129</v>
      </c>
    </row>
    <row r="90" spans="1:4" ht="18" customHeight="1" x14ac:dyDescent="0.15">
      <c r="A90" s="8" t="s">
        <v>42</v>
      </c>
      <c r="B90" s="29">
        <v>292</v>
      </c>
      <c r="C90" s="10">
        <v>321</v>
      </c>
      <c r="D90" s="9">
        <v>613</v>
      </c>
    </row>
    <row r="91" spans="1:4" ht="18" customHeight="1" x14ac:dyDescent="0.15">
      <c r="A91" s="16">
        <v>70</v>
      </c>
      <c r="B91" s="29">
        <v>63</v>
      </c>
      <c r="C91" s="10">
        <v>69</v>
      </c>
      <c r="D91" s="9">
        <v>132</v>
      </c>
    </row>
    <row r="92" spans="1:4" ht="18" customHeight="1" x14ac:dyDescent="0.15">
      <c r="A92" s="16">
        <v>71</v>
      </c>
      <c r="B92" s="29">
        <v>66</v>
      </c>
      <c r="C92" s="10">
        <v>68</v>
      </c>
      <c r="D92" s="9">
        <v>134</v>
      </c>
    </row>
    <row r="93" spans="1:4" ht="18" customHeight="1" x14ac:dyDescent="0.15">
      <c r="A93" s="16">
        <v>72</v>
      </c>
      <c r="B93" s="29">
        <v>59</v>
      </c>
      <c r="C93" s="10">
        <v>77</v>
      </c>
      <c r="D93" s="9">
        <v>136</v>
      </c>
    </row>
    <row r="94" spans="1:4" ht="18" customHeight="1" x14ac:dyDescent="0.15">
      <c r="A94" s="16">
        <v>73</v>
      </c>
      <c r="B94" s="29">
        <v>69</v>
      </c>
      <c r="C94" s="10">
        <v>83</v>
      </c>
      <c r="D94" s="9">
        <v>152</v>
      </c>
    </row>
    <row r="95" spans="1:4" ht="18" customHeight="1" x14ac:dyDescent="0.15">
      <c r="A95" s="16">
        <v>74</v>
      </c>
      <c r="B95" s="29">
        <v>71</v>
      </c>
      <c r="C95" s="10">
        <v>88</v>
      </c>
      <c r="D95" s="9">
        <v>159</v>
      </c>
    </row>
    <row r="96" spans="1:4" ht="18" customHeight="1" x14ac:dyDescent="0.15">
      <c r="A96" s="8" t="s">
        <v>41</v>
      </c>
      <c r="B96" s="29">
        <v>328</v>
      </c>
      <c r="C96" s="10">
        <v>385</v>
      </c>
      <c r="D96" s="9">
        <v>713</v>
      </c>
    </row>
    <row r="97" spans="1:4" ht="18" customHeight="1" x14ac:dyDescent="0.15">
      <c r="A97" s="16">
        <v>75</v>
      </c>
      <c r="B97" s="29">
        <v>70</v>
      </c>
      <c r="C97" s="10">
        <v>108</v>
      </c>
      <c r="D97" s="9">
        <v>178</v>
      </c>
    </row>
    <row r="98" spans="1:4" ht="18" customHeight="1" x14ac:dyDescent="0.15">
      <c r="A98" s="16">
        <v>76</v>
      </c>
      <c r="B98" s="29">
        <v>54</v>
      </c>
      <c r="C98" s="10">
        <v>71</v>
      </c>
      <c r="D98" s="9">
        <v>125</v>
      </c>
    </row>
    <row r="99" spans="1:4" ht="18" customHeight="1" x14ac:dyDescent="0.15">
      <c r="A99" s="16">
        <v>77</v>
      </c>
      <c r="B99" s="29">
        <v>27</v>
      </c>
      <c r="C99" s="10">
        <v>50</v>
      </c>
      <c r="D99" s="9">
        <v>77</v>
      </c>
    </row>
    <row r="100" spans="1:4" ht="18" customHeight="1" x14ac:dyDescent="0.15">
      <c r="A100" s="16">
        <v>78</v>
      </c>
      <c r="B100" s="29">
        <v>55</v>
      </c>
      <c r="C100" s="10">
        <v>60</v>
      </c>
      <c r="D100" s="9">
        <v>115</v>
      </c>
    </row>
    <row r="101" spans="1:4" ht="18" customHeight="1" x14ac:dyDescent="0.15">
      <c r="A101" s="16">
        <v>79</v>
      </c>
      <c r="B101" s="29">
        <v>69</v>
      </c>
      <c r="C101" s="10">
        <v>75</v>
      </c>
      <c r="D101" s="9">
        <v>144</v>
      </c>
    </row>
    <row r="102" spans="1:4" ht="18" customHeight="1" x14ac:dyDescent="0.15">
      <c r="A102" s="8" t="s">
        <v>70</v>
      </c>
      <c r="B102" s="29">
        <v>275</v>
      </c>
      <c r="C102" s="10">
        <v>364</v>
      </c>
      <c r="D102" s="9">
        <v>639</v>
      </c>
    </row>
    <row r="103" spans="1:4" ht="18" customHeight="1" x14ac:dyDescent="0.15">
      <c r="A103" s="16">
        <v>80</v>
      </c>
      <c r="B103" s="29">
        <v>40</v>
      </c>
      <c r="C103" s="10">
        <v>54</v>
      </c>
      <c r="D103" s="9">
        <v>94</v>
      </c>
    </row>
    <row r="104" spans="1:4" ht="18" customHeight="1" x14ac:dyDescent="0.15">
      <c r="A104" s="16">
        <v>81</v>
      </c>
      <c r="B104" s="29">
        <v>45</v>
      </c>
      <c r="C104" s="10">
        <v>64</v>
      </c>
      <c r="D104" s="9">
        <v>109</v>
      </c>
    </row>
    <row r="105" spans="1:4" ht="18" customHeight="1" x14ac:dyDescent="0.15">
      <c r="A105" s="16">
        <v>82</v>
      </c>
      <c r="B105" s="29">
        <v>35</v>
      </c>
      <c r="C105" s="10">
        <v>60</v>
      </c>
      <c r="D105" s="9">
        <v>95</v>
      </c>
    </row>
    <row r="106" spans="1:4" ht="18" customHeight="1" x14ac:dyDescent="0.15">
      <c r="A106" s="16">
        <v>83</v>
      </c>
      <c r="B106" s="29">
        <v>30</v>
      </c>
      <c r="C106" s="10">
        <v>53</v>
      </c>
      <c r="D106" s="9">
        <v>83</v>
      </c>
    </row>
    <row r="107" spans="1:4" ht="18" customHeight="1" x14ac:dyDescent="0.15">
      <c r="A107" s="16">
        <v>84</v>
      </c>
      <c r="B107" s="29">
        <v>25</v>
      </c>
      <c r="C107" s="10">
        <v>51</v>
      </c>
      <c r="D107" s="9">
        <v>76</v>
      </c>
    </row>
    <row r="108" spans="1:4" ht="18" customHeight="1" x14ac:dyDescent="0.15">
      <c r="A108" s="8" t="s">
        <v>39</v>
      </c>
      <c r="B108" s="29">
        <v>175</v>
      </c>
      <c r="C108" s="10">
        <v>282</v>
      </c>
      <c r="D108" s="9">
        <v>457</v>
      </c>
    </row>
    <row r="109" spans="1:4" ht="18" customHeight="1" x14ac:dyDescent="0.15">
      <c r="A109" s="16">
        <v>85</v>
      </c>
      <c r="B109" s="29">
        <v>36</v>
      </c>
      <c r="C109" s="10">
        <v>60</v>
      </c>
      <c r="D109" s="9">
        <v>96</v>
      </c>
    </row>
    <row r="110" spans="1:4" ht="18" customHeight="1" x14ac:dyDescent="0.15">
      <c r="A110" s="16">
        <v>86</v>
      </c>
      <c r="B110" s="29">
        <v>30</v>
      </c>
      <c r="C110" s="10">
        <v>51</v>
      </c>
      <c r="D110" s="9">
        <v>81</v>
      </c>
    </row>
    <row r="111" spans="1:4" ht="18" customHeight="1" x14ac:dyDescent="0.15">
      <c r="A111" s="16">
        <v>87</v>
      </c>
      <c r="B111" s="29">
        <v>23</v>
      </c>
      <c r="C111" s="10">
        <v>55</v>
      </c>
      <c r="D111" s="9">
        <v>78</v>
      </c>
    </row>
    <row r="112" spans="1:4" ht="18" customHeight="1" x14ac:dyDescent="0.15">
      <c r="A112" s="16">
        <v>88</v>
      </c>
      <c r="B112" s="29">
        <v>23</v>
      </c>
      <c r="C112" s="10">
        <v>40</v>
      </c>
      <c r="D112" s="9">
        <v>63</v>
      </c>
    </row>
    <row r="113" spans="1:4" ht="18" customHeight="1" x14ac:dyDescent="0.15">
      <c r="A113" s="16">
        <v>89</v>
      </c>
      <c r="B113" s="29">
        <v>25</v>
      </c>
      <c r="C113" s="10">
        <v>58</v>
      </c>
      <c r="D113" s="9">
        <v>83</v>
      </c>
    </row>
    <row r="114" spans="1:4" ht="18" customHeight="1" x14ac:dyDescent="0.15">
      <c r="A114" s="8" t="s">
        <v>38</v>
      </c>
      <c r="B114" s="29">
        <v>137</v>
      </c>
      <c r="C114" s="10">
        <v>264</v>
      </c>
      <c r="D114" s="9">
        <v>401</v>
      </c>
    </row>
    <row r="115" spans="1:4" ht="18" customHeight="1" x14ac:dyDescent="0.15">
      <c r="A115" s="16">
        <v>90</v>
      </c>
      <c r="B115" s="29">
        <v>14</v>
      </c>
      <c r="C115" s="10">
        <v>41</v>
      </c>
      <c r="D115" s="9">
        <v>55</v>
      </c>
    </row>
    <row r="116" spans="1:4" ht="18" customHeight="1" x14ac:dyDescent="0.15">
      <c r="A116" s="16">
        <v>91</v>
      </c>
      <c r="B116" s="29">
        <v>15</v>
      </c>
      <c r="C116" s="10">
        <v>34</v>
      </c>
      <c r="D116" s="9">
        <v>49</v>
      </c>
    </row>
    <row r="117" spans="1:4" ht="18" customHeight="1" x14ac:dyDescent="0.15">
      <c r="A117" s="16">
        <v>92</v>
      </c>
      <c r="B117" s="29">
        <v>13</v>
      </c>
      <c r="C117" s="10">
        <v>31</v>
      </c>
      <c r="D117" s="9">
        <v>44</v>
      </c>
    </row>
    <row r="118" spans="1:4" ht="18" customHeight="1" x14ac:dyDescent="0.15">
      <c r="A118" s="16">
        <v>93</v>
      </c>
      <c r="B118" s="29">
        <v>8</v>
      </c>
      <c r="C118" s="10">
        <v>21</v>
      </c>
      <c r="D118" s="9">
        <v>29</v>
      </c>
    </row>
    <row r="119" spans="1:4" ht="18" customHeight="1" x14ac:dyDescent="0.15">
      <c r="A119" s="16">
        <v>94</v>
      </c>
      <c r="B119" s="29">
        <v>3</v>
      </c>
      <c r="C119" s="10">
        <v>18</v>
      </c>
      <c r="D119" s="9">
        <v>21</v>
      </c>
    </row>
    <row r="120" spans="1:4" ht="18" customHeight="1" x14ac:dyDescent="0.15">
      <c r="A120" s="8" t="s">
        <v>69</v>
      </c>
      <c r="B120" s="29">
        <v>53</v>
      </c>
      <c r="C120" s="10">
        <v>145</v>
      </c>
      <c r="D120" s="9">
        <v>198</v>
      </c>
    </row>
    <row r="121" spans="1:4" ht="18" customHeight="1" x14ac:dyDescent="0.15">
      <c r="A121" s="16">
        <v>95</v>
      </c>
      <c r="B121" s="29">
        <v>6</v>
      </c>
      <c r="C121" s="10">
        <v>20</v>
      </c>
      <c r="D121" s="9">
        <v>26</v>
      </c>
    </row>
    <row r="122" spans="1:4" ht="18" customHeight="1" x14ac:dyDescent="0.15">
      <c r="A122" s="16">
        <v>96</v>
      </c>
      <c r="B122" s="29">
        <v>6</v>
      </c>
      <c r="C122" s="10">
        <v>13</v>
      </c>
      <c r="D122" s="9">
        <v>19</v>
      </c>
    </row>
    <row r="123" spans="1:4" ht="18" customHeight="1" x14ac:dyDescent="0.15">
      <c r="A123" s="16">
        <v>97</v>
      </c>
      <c r="B123" s="29">
        <v>4</v>
      </c>
      <c r="C123" s="10">
        <v>10</v>
      </c>
      <c r="D123" s="9">
        <v>14</v>
      </c>
    </row>
    <row r="124" spans="1:4" ht="18" customHeight="1" x14ac:dyDescent="0.15">
      <c r="A124" s="16">
        <v>98</v>
      </c>
      <c r="B124" s="29">
        <v>2</v>
      </c>
      <c r="C124" s="10">
        <v>8</v>
      </c>
      <c r="D124" s="9">
        <v>10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18</v>
      </c>
      <c r="C126" s="10">
        <v>54</v>
      </c>
      <c r="D126" s="9">
        <v>72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0</v>
      </c>
      <c r="C128" s="10">
        <v>7</v>
      </c>
      <c r="D128" s="9">
        <v>7</v>
      </c>
    </row>
    <row r="129" spans="1:4" ht="18" customHeight="1" x14ac:dyDescent="0.15">
      <c r="A129" s="8" t="s">
        <v>36</v>
      </c>
      <c r="B129" s="29">
        <v>0</v>
      </c>
      <c r="C129" s="10">
        <v>10</v>
      </c>
      <c r="D129" s="9">
        <v>10</v>
      </c>
    </row>
    <row r="130" spans="1:4" ht="18" customHeight="1" x14ac:dyDescent="0.15">
      <c r="A130" s="8" t="s">
        <v>35</v>
      </c>
      <c r="B130" s="28">
        <v>1278</v>
      </c>
      <c r="C130" s="6">
        <v>1825</v>
      </c>
      <c r="D130" s="5">
        <v>3103</v>
      </c>
    </row>
    <row r="131" spans="1:4" ht="18" customHeight="1" x14ac:dyDescent="0.15">
      <c r="A131" s="4" t="s">
        <v>0</v>
      </c>
      <c r="B131" s="27">
        <v>5102</v>
      </c>
      <c r="C131" s="2">
        <v>5389</v>
      </c>
      <c r="D131" s="1">
        <v>1049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0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2</v>
      </c>
      <c r="C5" s="18">
        <v>24</v>
      </c>
      <c r="D5" s="17">
        <v>46</v>
      </c>
    </row>
    <row r="6" spans="1:4" ht="18" customHeight="1" x14ac:dyDescent="0.15">
      <c r="A6" s="16">
        <v>1</v>
      </c>
      <c r="B6" s="29">
        <v>36</v>
      </c>
      <c r="C6" s="10">
        <v>29</v>
      </c>
      <c r="D6" s="9">
        <v>65</v>
      </c>
    </row>
    <row r="7" spans="1:4" ht="18" customHeight="1" x14ac:dyDescent="0.15">
      <c r="A7" s="16">
        <v>2</v>
      </c>
      <c r="B7" s="29">
        <v>36</v>
      </c>
      <c r="C7" s="10">
        <v>22</v>
      </c>
      <c r="D7" s="9">
        <v>58</v>
      </c>
    </row>
    <row r="8" spans="1:4" ht="18" customHeight="1" x14ac:dyDescent="0.15">
      <c r="A8" s="16">
        <v>3</v>
      </c>
      <c r="B8" s="29">
        <v>34</v>
      </c>
      <c r="C8" s="10">
        <v>23</v>
      </c>
      <c r="D8" s="9">
        <v>57</v>
      </c>
    </row>
    <row r="9" spans="1:4" ht="18" customHeight="1" x14ac:dyDescent="0.15">
      <c r="A9" s="16">
        <v>4</v>
      </c>
      <c r="B9" s="29">
        <v>31</v>
      </c>
      <c r="C9" s="10">
        <v>35</v>
      </c>
      <c r="D9" s="9">
        <v>66</v>
      </c>
    </row>
    <row r="10" spans="1:4" ht="18" customHeight="1" x14ac:dyDescent="0.15">
      <c r="A10" s="8" t="s">
        <v>66</v>
      </c>
      <c r="B10" s="29">
        <v>159</v>
      </c>
      <c r="C10" s="10">
        <v>133</v>
      </c>
      <c r="D10" s="9">
        <v>292</v>
      </c>
    </row>
    <row r="11" spans="1:4" ht="18" customHeight="1" x14ac:dyDescent="0.15">
      <c r="A11" s="16">
        <v>5</v>
      </c>
      <c r="B11" s="29">
        <v>22</v>
      </c>
      <c r="C11" s="10">
        <v>33</v>
      </c>
      <c r="D11" s="9">
        <v>55</v>
      </c>
    </row>
    <row r="12" spans="1:4" ht="18" customHeight="1" x14ac:dyDescent="0.15">
      <c r="A12" s="16">
        <v>6</v>
      </c>
      <c r="B12" s="29">
        <v>39</v>
      </c>
      <c r="C12" s="10">
        <v>48</v>
      </c>
      <c r="D12" s="9">
        <v>87</v>
      </c>
    </row>
    <row r="13" spans="1:4" ht="18" customHeight="1" x14ac:dyDescent="0.15">
      <c r="A13" s="16">
        <v>7</v>
      </c>
      <c r="B13" s="29">
        <v>31</v>
      </c>
      <c r="C13" s="10">
        <v>30</v>
      </c>
      <c r="D13" s="9">
        <v>61</v>
      </c>
    </row>
    <row r="14" spans="1:4" ht="18" customHeight="1" x14ac:dyDescent="0.15">
      <c r="A14" s="16">
        <v>8</v>
      </c>
      <c r="B14" s="29">
        <v>37</v>
      </c>
      <c r="C14" s="10">
        <v>31</v>
      </c>
      <c r="D14" s="9">
        <v>68</v>
      </c>
    </row>
    <row r="15" spans="1:4" ht="18" customHeight="1" x14ac:dyDescent="0.15">
      <c r="A15" s="16">
        <v>9</v>
      </c>
      <c r="B15" s="29">
        <v>34</v>
      </c>
      <c r="C15" s="10">
        <v>35</v>
      </c>
      <c r="D15" s="9">
        <v>69</v>
      </c>
    </row>
    <row r="16" spans="1:4" ht="18" customHeight="1" x14ac:dyDescent="0.15">
      <c r="A16" s="8" t="s">
        <v>50</v>
      </c>
      <c r="B16" s="29">
        <v>163</v>
      </c>
      <c r="C16" s="10">
        <v>177</v>
      </c>
      <c r="D16" s="9">
        <v>340</v>
      </c>
    </row>
    <row r="17" spans="1:4" ht="18" customHeight="1" x14ac:dyDescent="0.15">
      <c r="A17" s="16">
        <v>10</v>
      </c>
      <c r="B17" s="29">
        <v>35</v>
      </c>
      <c r="C17" s="10">
        <v>34</v>
      </c>
      <c r="D17" s="9">
        <v>69</v>
      </c>
    </row>
    <row r="18" spans="1:4" ht="18" customHeight="1" x14ac:dyDescent="0.15">
      <c r="A18" s="16">
        <v>11</v>
      </c>
      <c r="B18" s="29">
        <v>25</v>
      </c>
      <c r="C18" s="10">
        <v>29</v>
      </c>
      <c r="D18" s="9">
        <v>54</v>
      </c>
    </row>
    <row r="19" spans="1:4" ht="18" customHeight="1" x14ac:dyDescent="0.15">
      <c r="A19" s="16">
        <v>12</v>
      </c>
      <c r="B19" s="29">
        <v>42</v>
      </c>
      <c r="C19" s="10">
        <v>33</v>
      </c>
      <c r="D19" s="9">
        <v>75</v>
      </c>
    </row>
    <row r="20" spans="1:4" ht="18" customHeight="1" x14ac:dyDescent="0.15">
      <c r="A20" s="16">
        <v>13</v>
      </c>
      <c r="B20" s="29">
        <v>38</v>
      </c>
      <c r="C20" s="10">
        <v>26</v>
      </c>
      <c r="D20" s="9">
        <v>64</v>
      </c>
    </row>
    <row r="21" spans="1:4" ht="18" customHeight="1" x14ac:dyDescent="0.15">
      <c r="A21" s="16">
        <v>14</v>
      </c>
      <c r="B21" s="29">
        <v>32</v>
      </c>
      <c r="C21" s="10">
        <v>16</v>
      </c>
      <c r="D21" s="9">
        <v>48</v>
      </c>
    </row>
    <row r="22" spans="1:4" ht="18" customHeight="1" x14ac:dyDescent="0.15">
      <c r="A22" s="8" t="s">
        <v>49</v>
      </c>
      <c r="B22" s="29">
        <v>172</v>
      </c>
      <c r="C22" s="10">
        <v>138</v>
      </c>
      <c r="D22" s="9">
        <v>310</v>
      </c>
    </row>
    <row r="23" spans="1:4" ht="18" customHeight="1" x14ac:dyDescent="0.15">
      <c r="A23" s="8" t="s">
        <v>104</v>
      </c>
      <c r="B23" s="29">
        <v>494</v>
      </c>
      <c r="C23" s="10">
        <v>448</v>
      </c>
      <c r="D23" s="9">
        <v>942</v>
      </c>
    </row>
    <row r="24" spans="1:4" ht="18" customHeight="1" x14ac:dyDescent="0.15">
      <c r="A24" s="16">
        <v>15</v>
      </c>
      <c r="B24" s="29">
        <v>27</v>
      </c>
      <c r="C24" s="10">
        <v>33</v>
      </c>
      <c r="D24" s="9">
        <v>60</v>
      </c>
    </row>
    <row r="25" spans="1:4" ht="18" customHeight="1" x14ac:dyDescent="0.15">
      <c r="A25" s="16">
        <v>16</v>
      </c>
      <c r="B25" s="29">
        <v>33</v>
      </c>
      <c r="C25" s="10">
        <v>25</v>
      </c>
      <c r="D25" s="9">
        <v>58</v>
      </c>
    </row>
    <row r="26" spans="1:4" ht="18" customHeight="1" x14ac:dyDescent="0.15">
      <c r="A26" s="16">
        <v>17</v>
      </c>
      <c r="B26" s="29">
        <v>33</v>
      </c>
      <c r="C26" s="10">
        <v>26</v>
      </c>
      <c r="D26" s="9">
        <v>59</v>
      </c>
    </row>
    <row r="27" spans="1:4" ht="18" customHeight="1" x14ac:dyDescent="0.15">
      <c r="A27" s="16">
        <v>18</v>
      </c>
      <c r="B27" s="29">
        <v>18</v>
      </c>
      <c r="C27" s="10">
        <v>31</v>
      </c>
      <c r="D27" s="9">
        <v>49</v>
      </c>
    </row>
    <row r="28" spans="1:4" ht="18" customHeight="1" x14ac:dyDescent="0.15">
      <c r="A28" s="16">
        <v>19</v>
      </c>
      <c r="B28" s="29">
        <v>33</v>
      </c>
      <c r="C28" s="10">
        <v>33</v>
      </c>
      <c r="D28" s="9">
        <v>66</v>
      </c>
    </row>
    <row r="29" spans="1:4" ht="18" customHeight="1" x14ac:dyDescent="0.15">
      <c r="A29" s="8" t="s">
        <v>48</v>
      </c>
      <c r="B29" s="29">
        <v>144</v>
      </c>
      <c r="C29" s="10">
        <v>148</v>
      </c>
      <c r="D29" s="9">
        <v>292</v>
      </c>
    </row>
    <row r="30" spans="1:4" ht="18" customHeight="1" x14ac:dyDescent="0.15">
      <c r="A30" s="16">
        <v>20</v>
      </c>
      <c r="B30" s="29">
        <v>28</v>
      </c>
      <c r="C30" s="10">
        <v>20</v>
      </c>
      <c r="D30" s="9">
        <v>48</v>
      </c>
    </row>
    <row r="31" spans="1:4" ht="18" customHeight="1" x14ac:dyDescent="0.15">
      <c r="A31" s="16">
        <v>21</v>
      </c>
      <c r="B31" s="29">
        <v>36</v>
      </c>
      <c r="C31" s="10">
        <v>23</v>
      </c>
      <c r="D31" s="9">
        <v>59</v>
      </c>
    </row>
    <row r="32" spans="1:4" ht="18" customHeight="1" x14ac:dyDescent="0.15">
      <c r="A32" s="16">
        <v>22</v>
      </c>
      <c r="B32" s="29">
        <v>34</v>
      </c>
      <c r="C32" s="10">
        <v>28</v>
      </c>
      <c r="D32" s="9">
        <v>62</v>
      </c>
    </row>
    <row r="33" spans="1:4" ht="18" customHeight="1" x14ac:dyDescent="0.15">
      <c r="A33" s="16">
        <v>23</v>
      </c>
      <c r="B33" s="29">
        <v>44</v>
      </c>
      <c r="C33" s="10">
        <v>29</v>
      </c>
      <c r="D33" s="9">
        <v>73</v>
      </c>
    </row>
    <row r="34" spans="1:4" ht="18" customHeight="1" x14ac:dyDescent="0.15">
      <c r="A34" s="16">
        <v>24</v>
      </c>
      <c r="B34" s="29">
        <v>34</v>
      </c>
      <c r="C34" s="10">
        <v>53</v>
      </c>
      <c r="D34" s="9">
        <v>87</v>
      </c>
    </row>
    <row r="35" spans="1:4" ht="18" customHeight="1" x14ac:dyDescent="0.15">
      <c r="A35" s="8" t="s">
        <v>74</v>
      </c>
      <c r="B35" s="29">
        <v>176</v>
      </c>
      <c r="C35" s="10">
        <v>153</v>
      </c>
      <c r="D35" s="9">
        <v>329</v>
      </c>
    </row>
    <row r="36" spans="1:4" ht="18" customHeight="1" x14ac:dyDescent="0.15">
      <c r="A36" s="16">
        <v>25</v>
      </c>
      <c r="B36" s="29">
        <v>40</v>
      </c>
      <c r="C36" s="10">
        <v>35</v>
      </c>
      <c r="D36" s="9">
        <v>75</v>
      </c>
    </row>
    <row r="37" spans="1:4" ht="18" customHeight="1" x14ac:dyDescent="0.15">
      <c r="A37" s="16">
        <v>26</v>
      </c>
      <c r="B37" s="29">
        <v>40</v>
      </c>
      <c r="C37" s="10">
        <v>47</v>
      </c>
      <c r="D37" s="9">
        <v>87</v>
      </c>
    </row>
    <row r="38" spans="1:4" ht="18" customHeight="1" x14ac:dyDescent="0.15">
      <c r="A38" s="16">
        <v>27</v>
      </c>
      <c r="B38" s="29">
        <v>37</v>
      </c>
      <c r="C38" s="10">
        <v>26</v>
      </c>
      <c r="D38" s="9">
        <v>63</v>
      </c>
    </row>
    <row r="39" spans="1:4" ht="18" customHeight="1" x14ac:dyDescent="0.15">
      <c r="A39" s="16">
        <v>28</v>
      </c>
      <c r="B39" s="29">
        <v>54</v>
      </c>
      <c r="C39" s="10">
        <v>37</v>
      </c>
      <c r="D39" s="9">
        <v>91</v>
      </c>
    </row>
    <row r="40" spans="1:4" ht="18" customHeight="1" x14ac:dyDescent="0.15">
      <c r="A40" s="16">
        <v>29</v>
      </c>
      <c r="B40" s="29">
        <v>46</v>
      </c>
      <c r="C40" s="10">
        <v>44</v>
      </c>
      <c r="D40" s="9">
        <v>90</v>
      </c>
    </row>
    <row r="41" spans="1:4" ht="18" customHeight="1" x14ac:dyDescent="0.15">
      <c r="A41" s="8" t="s">
        <v>73</v>
      </c>
      <c r="B41" s="29">
        <v>217</v>
      </c>
      <c r="C41" s="10">
        <v>189</v>
      </c>
      <c r="D41" s="9">
        <v>406</v>
      </c>
    </row>
    <row r="42" spans="1:4" ht="18" customHeight="1" x14ac:dyDescent="0.15">
      <c r="A42" s="16">
        <v>30</v>
      </c>
      <c r="B42" s="29">
        <v>48</v>
      </c>
      <c r="C42" s="10">
        <v>55</v>
      </c>
      <c r="D42" s="9">
        <v>103</v>
      </c>
    </row>
    <row r="43" spans="1:4" ht="18" customHeight="1" x14ac:dyDescent="0.15">
      <c r="A43" s="16">
        <v>31</v>
      </c>
      <c r="B43" s="29">
        <v>44</v>
      </c>
      <c r="C43" s="10">
        <v>35</v>
      </c>
      <c r="D43" s="9">
        <v>79</v>
      </c>
    </row>
    <row r="44" spans="1:4" ht="18" customHeight="1" x14ac:dyDescent="0.15">
      <c r="A44" s="16">
        <v>32</v>
      </c>
      <c r="B44" s="29">
        <v>41</v>
      </c>
      <c r="C44" s="10">
        <v>40</v>
      </c>
      <c r="D44" s="9">
        <v>81</v>
      </c>
    </row>
    <row r="45" spans="1:4" ht="18" customHeight="1" x14ac:dyDescent="0.15">
      <c r="A45" s="16">
        <v>33</v>
      </c>
      <c r="B45" s="29">
        <v>45</v>
      </c>
      <c r="C45" s="10">
        <v>44</v>
      </c>
      <c r="D45" s="9">
        <v>89</v>
      </c>
    </row>
    <row r="46" spans="1:4" ht="18" customHeight="1" x14ac:dyDescent="0.15">
      <c r="A46" s="16">
        <v>34</v>
      </c>
      <c r="B46" s="29">
        <v>34</v>
      </c>
      <c r="C46" s="10">
        <v>39</v>
      </c>
      <c r="D46" s="9">
        <v>73</v>
      </c>
    </row>
    <row r="47" spans="1:4" ht="18" customHeight="1" x14ac:dyDescent="0.15">
      <c r="A47" s="8" t="s">
        <v>61</v>
      </c>
      <c r="B47" s="29">
        <v>212</v>
      </c>
      <c r="C47" s="10">
        <v>213</v>
      </c>
      <c r="D47" s="9">
        <v>425</v>
      </c>
    </row>
    <row r="48" spans="1:4" ht="18" customHeight="1" x14ac:dyDescent="0.15">
      <c r="A48" s="16">
        <v>35</v>
      </c>
      <c r="B48" s="29">
        <v>48</v>
      </c>
      <c r="C48" s="10">
        <v>43</v>
      </c>
      <c r="D48" s="9">
        <v>91</v>
      </c>
    </row>
    <row r="49" spans="1:4" ht="18" customHeight="1" x14ac:dyDescent="0.15">
      <c r="A49" s="16">
        <v>36</v>
      </c>
      <c r="B49" s="29">
        <v>46</v>
      </c>
      <c r="C49" s="10">
        <v>42</v>
      </c>
      <c r="D49" s="9">
        <v>88</v>
      </c>
    </row>
    <row r="50" spans="1:4" ht="18" customHeight="1" x14ac:dyDescent="0.15">
      <c r="A50" s="16">
        <v>37</v>
      </c>
      <c r="B50" s="29">
        <v>54</v>
      </c>
      <c r="C50" s="10">
        <v>43</v>
      </c>
      <c r="D50" s="9">
        <v>97</v>
      </c>
    </row>
    <row r="51" spans="1:4" ht="18" customHeight="1" x14ac:dyDescent="0.15">
      <c r="A51" s="16">
        <v>38</v>
      </c>
      <c r="B51" s="29">
        <v>53</v>
      </c>
      <c r="C51" s="10">
        <v>44</v>
      </c>
      <c r="D51" s="9">
        <v>97</v>
      </c>
    </row>
    <row r="52" spans="1:4" ht="18" customHeight="1" x14ac:dyDescent="0.15">
      <c r="A52" s="16">
        <v>39</v>
      </c>
      <c r="B52" s="29">
        <v>45</v>
      </c>
      <c r="C52" s="10">
        <v>45</v>
      </c>
      <c r="D52" s="9">
        <v>90</v>
      </c>
    </row>
    <row r="53" spans="1:4" ht="18" customHeight="1" x14ac:dyDescent="0.15">
      <c r="A53" s="8" t="s">
        <v>32</v>
      </c>
      <c r="B53" s="29">
        <v>246</v>
      </c>
      <c r="C53" s="10">
        <v>217</v>
      </c>
      <c r="D53" s="9">
        <v>463</v>
      </c>
    </row>
    <row r="54" spans="1:4" ht="18" customHeight="1" x14ac:dyDescent="0.15">
      <c r="A54" s="16">
        <v>40</v>
      </c>
      <c r="B54" s="29">
        <v>69</v>
      </c>
      <c r="C54" s="10">
        <v>47</v>
      </c>
      <c r="D54" s="9">
        <v>116</v>
      </c>
    </row>
    <row r="55" spans="1:4" ht="18" customHeight="1" x14ac:dyDescent="0.15">
      <c r="A55" s="16">
        <v>41</v>
      </c>
      <c r="B55" s="29">
        <v>42</v>
      </c>
      <c r="C55" s="10">
        <v>44</v>
      </c>
      <c r="D55" s="9">
        <v>86</v>
      </c>
    </row>
    <row r="56" spans="1:4" ht="18" customHeight="1" x14ac:dyDescent="0.15">
      <c r="A56" s="16">
        <v>42</v>
      </c>
      <c r="B56" s="29">
        <v>40</v>
      </c>
      <c r="C56" s="10">
        <v>45</v>
      </c>
      <c r="D56" s="9">
        <v>85</v>
      </c>
    </row>
    <row r="57" spans="1:4" ht="18" customHeight="1" x14ac:dyDescent="0.15">
      <c r="A57" s="16">
        <v>43</v>
      </c>
      <c r="B57" s="29">
        <v>46</v>
      </c>
      <c r="C57" s="10">
        <v>47</v>
      </c>
      <c r="D57" s="9">
        <v>93</v>
      </c>
    </row>
    <row r="58" spans="1:4" ht="18" customHeight="1" x14ac:dyDescent="0.15">
      <c r="A58" s="16">
        <v>44</v>
      </c>
      <c r="B58" s="29">
        <v>50</v>
      </c>
      <c r="C58" s="10">
        <v>37</v>
      </c>
      <c r="D58" s="9">
        <v>87</v>
      </c>
    </row>
    <row r="59" spans="1:4" ht="18" customHeight="1" x14ac:dyDescent="0.15">
      <c r="A59" s="8" t="s">
        <v>81</v>
      </c>
      <c r="B59" s="29">
        <v>247</v>
      </c>
      <c r="C59" s="10">
        <v>220</v>
      </c>
      <c r="D59" s="9">
        <v>467</v>
      </c>
    </row>
    <row r="60" spans="1:4" ht="18" customHeight="1" x14ac:dyDescent="0.15">
      <c r="A60" s="16">
        <v>45</v>
      </c>
      <c r="B60" s="29">
        <v>52</v>
      </c>
      <c r="C60" s="10">
        <v>50</v>
      </c>
      <c r="D60" s="9">
        <v>102</v>
      </c>
    </row>
    <row r="61" spans="1:4" ht="18" customHeight="1" x14ac:dyDescent="0.15">
      <c r="A61" s="16">
        <v>46</v>
      </c>
      <c r="B61" s="29">
        <v>52</v>
      </c>
      <c r="C61" s="10">
        <v>61</v>
      </c>
      <c r="D61" s="9">
        <v>113</v>
      </c>
    </row>
    <row r="62" spans="1:4" ht="18" customHeight="1" x14ac:dyDescent="0.15">
      <c r="A62" s="16">
        <v>47</v>
      </c>
      <c r="B62" s="29">
        <v>60</v>
      </c>
      <c r="C62" s="10">
        <v>55</v>
      </c>
      <c r="D62" s="9">
        <v>115</v>
      </c>
    </row>
    <row r="63" spans="1:4" ht="18" customHeight="1" x14ac:dyDescent="0.15">
      <c r="A63" s="16">
        <v>48</v>
      </c>
      <c r="B63" s="29">
        <v>54</v>
      </c>
      <c r="C63" s="10">
        <v>49</v>
      </c>
      <c r="D63" s="9">
        <v>103</v>
      </c>
    </row>
    <row r="64" spans="1:4" ht="18" customHeight="1" x14ac:dyDescent="0.15">
      <c r="A64" s="16">
        <v>49</v>
      </c>
      <c r="B64" s="29">
        <v>68</v>
      </c>
      <c r="C64" s="10">
        <v>53</v>
      </c>
      <c r="D64" s="9">
        <v>121</v>
      </c>
    </row>
    <row r="65" spans="1:4" ht="18" customHeight="1" x14ac:dyDescent="0.15">
      <c r="A65" s="8" t="s">
        <v>103</v>
      </c>
      <c r="B65" s="29">
        <v>286</v>
      </c>
      <c r="C65" s="10">
        <v>268</v>
      </c>
      <c r="D65" s="9">
        <v>554</v>
      </c>
    </row>
    <row r="66" spans="1:4" ht="18" customHeight="1" x14ac:dyDescent="0.15">
      <c r="A66" s="16">
        <v>50</v>
      </c>
      <c r="B66" s="29">
        <v>71</v>
      </c>
      <c r="C66" s="10">
        <v>58</v>
      </c>
      <c r="D66" s="9">
        <v>129</v>
      </c>
    </row>
    <row r="67" spans="1:4" ht="18" customHeight="1" x14ac:dyDescent="0.15">
      <c r="A67" s="16">
        <v>51</v>
      </c>
      <c r="B67" s="29">
        <v>56</v>
      </c>
      <c r="C67" s="10">
        <v>64</v>
      </c>
      <c r="D67" s="9">
        <v>120</v>
      </c>
    </row>
    <row r="68" spans="1:4" ht="18" customHeight="1" x14ac:dyDescent="0.15">
      <c r="A68" s="16">
        <v>52</v>
      </c>
      <c r="B68" s="29">
        <v>48</v>
      </c>
      <c r="C68" s="10">
        <v>48</v>
      </c>
      <c r="D68" s="9">
        <v>96</v>
      </c>
    </row>
    <row r="69" spans="1:4" ht="18" customHeight="1" x14ac:dyDescent="0.15">
      <c r="A69" s="16">
        <v>53</v>
      </c>
      <c r="B69" s="29">
        <v>57</v>
      </c>
      <c r="C69" s="10">
        <v>62</v>
      </c>
      <c r="D69" s="9">
        <v>119</v>
      </c>
    </row>
    <row r="70" spans="1:4" ht="18" customHeight="1" x14ac:dyDescent="0.15">
      <c r="A70" s="16">
        <v>54</v>
      </c>
      <c r="B70" s="29">
        <v>56</v>
      </c>
      <c r="C70" s="10">
        <v>56</v>
      </c>
      <c r="D70" s="9">
        <v>112</v>
      </c>
    </row>
    <row r="71" spans="1:4" ht="18" customHeight="1" x14ac:dyDescent="0.15">
      <c r="A71" s="8" t="s">
        <v>58</v>
      </c>
      <c r="B71" s="29">
        <v>288</v>
      </c>
      <c r="C71" s="10">
        <v>288</v>
      </c>
      <c r="D71" s="9">
        <v>576</v>
      </c>
    </row>
    <row r="72" spans="1:4" ht="18" customHeight="1" x14ac:dyDescent="0.15">
      <c r="A72" s="16">
        <v>55</v>
      </c>
      <c r="B72" s="29">
        <v>64</v>
      </c>
      <c r="C72" s="10">
        <v>59</v>
      </c>
      <c r="D72" s="9">
        <v>123</v>
      </c>
    </row>
    <row r="73" spans="1:4" ht="18" customHeight="1" x14ac:dyDescent="0.15">
      <c r="A73" s="16">
        <v>56</v>
      </c>
      <c r="B73" s="29">
        <v>50</v>
      </c>
      <c r="C73" s="10">
        <v>52</v>
      </c>
      <c r="D73" s="9">
        <v>102</v>
      </c>
    </row>
    <row r="74" spans="1:4" ht="18" customHeight="1" x14ac:dyDescent="0.15">
      <c r="A74" s="16">
        <v>57</v>
      </c>
      <c r="B74" s="29">
        <v>65</v>
      </c>
      <c r="C74" s="10">
        <v>57</v>
      </c>
      <c r="D74" s="9">
        <v>122</v>
      </c>
    </row>
    <row r="75" spans="1:4" ht="18" customHeight="1" x14ac:dyDescent="0.15">
      <c r="A75" s="16">
        <v>58</v>
      </c>
      <c r="B75" s="29">
        <v>63</v>
      </c>
      <c r="C75" s="10">
        <v>54</v>
      </c>
      <c r="D75" s="9">
        <v>117</v>
      </c>
    </row>
    <row r="76" spans="1:4" ht="18" customHeight="1" x14ac:dyDescent="0.15">
      <c r="A76" s="16">
        <v>59</v>
      </c>
      <c r="B76" s="29">
        <v>46</v>
      </c>
      <c r="C76" s="10">
        <v>66</v>
      </c>
      <c r="D76" s="9">
        <v>112</v>
      </c>
    </row>
    <row r="77" spans="1:4" ht="18" customHeight="1" x14ac:dyDescent="0.15">
      <c r="A77" s="8" t="s">
        <v>102</v>
      </c>
      <c r="B77" s="29">
        <v>288</v>
      </c>
      <c r="C77" s="10">
        <v>288</v>
      </c>
      <c r="D77" s="9">
        <v>576</v>
      </c>
    </row>
    <row r="78" spans="1:4" ht="18" customHeight="1" x14ac:dyDescent="0.15">
      <c r="A78" s="16">
        <v>60</v>
      </c>
      <c r="B78" s="29">
        <v>42</v>
      </c>
      <c r="C78" s="10">
        <v>55</v>
      </c>
      <c r="D78" s="9">
        <v>97</v>
      </c>
    </row>
    <row r="79" spans="1:4" ht="18" customHeight="1" x14ac:dyDescent="0.15">
      <c r="A79" s="16">
        <v>61</v>
      </c>
      <c r="B79" s="29">
        <v>49</v>
      </c>
      <c r="C79" s="10">
        <v>49</v>
      </c>
      <c r="D79" s="9">
        <v>98</v>
      </c>
    </row>
    <row r="80" spans="1:4" ht="18" customHeight="1" x14ac:dyDescent="0.15">
      <c r="A80" s="16">
        <v>62</v>
      </c>
      <c r="B80" s="29">
        <v>47</v>
      </c>
      <c r="C80" s="10">
        <v>39</v>
      </c>
      <c r="D80" s="9">
        <v>86</v>
      </c>
    </row>
    <row r="81" spans="1:4" ht="18" customHeight="1" x14ac:dyDescent="0.15">
      <c r="A81" s="16">
        <v>63</v>
      </c>
      <c r="B81" s="29">
        <v>57</v>
      </c>
      <c r="C81" s="10">
        <v>36</v>
      </c>
      <c r="D81" s="9">
        <v>93</v>
      </c>
    </row>
    <row r="82" spans="1:4" ht="18" customHeight="1" x14ac:dyDescent="0.15">
      <c r="A82" s="16">
        <v>64</v>
      </c>
      <c r="B82" s="29">
        <v>50</v>
      </c>
      <c r="C82" s="10">
        <v>50</v>
      </c>
      <c r="D82" s="9">
        <v>100</v>
      </c>
    </row>
    <row r="83" spans="1:4" ht="18" customHeight="1" x14ac:dyDescent="0.15">
      <c r="A83" s="8" t="s">
        <v>101</v>
      </c>
      <c r="B83" s="29">
        <v>245</v>
      </c>
      <c r="C83" s="10">
        <v>229</v>
      </c>
      <c r="D83" s="9">
        <v>474</v>
      </c>
    </row>
    <row r="84" spans="1:4" ht="18" customHeight="1" x14ac:dyDescent="0.15">
      <c r="A84" s="8" t="s">
        <v>100</v>
      </c>
      <c r="B84" s="29">
        <v>2349</v>
      </c>
      <c r="C84" s="10">
        <v>2213</v>
      </c>
      <c r="D84" s="9">
        <v>4562</v>
      </c>
    </row>
    <row r="85" spans="1:4" ht="18" customHeight="1" x14ac:dyDescent="0.15">
      <c r="A85" s="16">
        <v>65</v>
      </c>
      <c r="B85" s="29">
        <v>47</v>
      </c>
      <c r="C85" s="10">
        <v>37</v>
      </c>
      <c r="D85" s="9">
        <v>84</v>
      </c>
    </row>
    <row r="86" spans="1:4" ht="18" customHeight="1" x14ac:dyDescent="0.15">
      <c r="A86" s="16">
        <v>66</v>
      </c>
      <c r="B86" s="29">
        <v>42</v>
      </c>
      <c r="C86" s="10">
        <v>33</v>
      </c>
      <c r="D86" s="9">
        <v>75</v>
      </c>
    </row>
    <row r="87" spans="1:4" ht="18" customHeight="1" x14ac:dyDescent="0.15">
      <c r="A87" s="16">
        <v>67</v>
      </c>
      <c r="B87" s="29">
        <v>42</v>
      </c>
      <c r="C87" s="10">
        <v>43</v>
      </c>
      <c r="D87" s="9">
        <v>85</v>
      </c>
    </row>
    <row r="88" spans="1:4" ht="18" customHeight="1" x14ac:dyDescent="0.15">
      <c r="A88" s="16">
        <v>68</v>
      </c>
      <c r="B88" s="29">
        <v>34</v>
      </c>
      <c r="C88" s="10">
        <v>57</v>
      </c>
      <c r="D88" s="9">
        <v>91</v>
      </c>
    </row>
    <row r="89" spans="1:4" ht="18" customHeight="1" x14ac:dyDescent="0.15">
      <c r="A89" s="16">
        <v>69</v>
      </c>
      <c r="B89" s="29">
        <v>50</v>
      </c>
      <c r="C89" s="10">
        <v>43</v>
      </c>
      <c r="D89" s="9">
        <v>93</v>
      </c>
    </row>
    <row r="90" spans="1:4" ht="18" customHeight="1" x14ac:dyDescent="0.15">
      <c r="A90" s="8" t="s">
        <v>99</v>
      </c>
      <c r="B90" s="29">
        <v>215</v>
      </c>
      <c r="C90" s="10">
        <v>213</v>
      </c>
      <c r="D90" s="9">
        <v>428</v>
      </c>
    </row>
    <row r="91" spans="1:4" ht="18" customHeight="1" x14ac:dyDescent="0.15">
      <c r="A91" s="16">
        <v>70</v>
      </c>
      <c r="B91" s="29">
        <v>38</v>
      </c>
      <c r="C91" s="10">
        <v>53</v>
      </c>
      <c r="D91" s="9">
        <v>91</v>
      </c>
    </row>
    <row r="92" spans="1:4" ht="18" customHeight="1" x14ac:dyDescent="0.15">
      <c r="A92" s="16">
        <v>71</v>
      </c>
      <c r="B92" s="29">
        <v>31</v>
      </c>
      <c r="C92" s="10">
        <v>55</v>
      </c>
      <c r="D92" s="9">
        <v>86</v>
      </c>
    </row>
    <row r="93" spans="1:4" ht="18" customHeight="1" x14ac:dyDescent="0.15">
      <c r="A93" s="16">
        <v>72</v>
      </c>
      <c r="B93" s="29">
        <v>53</v>
      </c>
      <c r="C93" s="10">
        <v>65</v>
      </c>
      <c r="D93" s="9">
        <v>118</v>
      </c>
    </row>
    <row r="94" spans="1:4" ht="18" customHeight="1" x14ac:dyDescent="0.15">
      <c r="A94" s="16">
        <v>73</v>
      </c>
      <c r="B94" s="29">
        <v>60</v>
      </c>
      <c r="C94" s="10">
        <v>50</v>
      </c>
      <c r="D94" s="9">
        <v>110</v>
      </c>
    </row>
    <row r="95" spans="1:4" ht="18" customHeight="1" x14ac:dyDescent="0.15">
      <c r="A95" s="16">
        <v>74</v>
      </c>
      <c r="B95" s="29">
        <v>76</v>
      </c>
      <c r="C95" s="10">
        <v>84</v>
      </c>
      <c r="D95" s="9">
        <v>160</v>
      </c>
    </row>
    <row r="96" spans="1:4" ht="18" customHeight="1" x14ac:dyDescent="0.15">
      <c r="A96" s="8" t="s">
        <v>41</v>
      </c>
      <c r="B96" s="29">
        <v>258</v>
      </c>
      <c r="C96" s="10">
        <v>307</v>
      </c>
      <c r="D96" s="9">
        <v>565</v>
      </c>
    </row>
    <row r="97" spans="1:4" ht="18" customHeight="1" x14ac:dyDescent="0.15">
      <c r="A97" s="16">
        <v>75</v>
      </c>
      <c r="B97" s="29">
        <v>49</v>
      </c>
      <c r="C97" s="10">
        <v>80</v>
      </c>
      <c r="D97" s="9">
        <v>129</v>
      </c>
    </row>
    <row r="98" spans="1:4" ht="18" customHeight="1" x14ac:dyDescent="0.15">
      <c r="A98" s="16">
        <v>76</v>
      </c>
      <c r="B98" s="29">
        <v>51</v>
      </c>
      <c r="C98" s="10">
        <v>61</v>
      </c>
      <c r="D98" s="9">
        <v>112</v>
      </c>
    </row>
    <row r="99" spans="1:4" ht="18" customHeight="1" x14ac:dyDescent="0.15">
      <c r="A99" s="16">
        <v>77</v>
      </c>
      <c r="B99" s="29">
        <v>26</v>
      </c>
      <c r="C99" s="10">
        <v>43</v>
      </c>
      <c r="D99" s="9">
        <v>69</v>
      </c>
    </row>
    <row r="100" spans="1:4" ht="18" customHeight="1" x14ac:dyDescent="0.15">
      <c r="A100" s="16">
        <v>78</v>
      </c>
      <c r="B100" s="29">
        <v>42</v>
      </c>
      <c r="C100" s="10">
        <v>66</v>
      </c>
      <c r="D100" s="9">
        <v>108</v>
      </c>
    </row>
    <row r="101" spans="1:4" ht="18" customHeight="1" x14ac:dyDescent="0.15">
      <c r="A101" s="16">
        <v>79</v>
      </c>
      <c r="B101" s="29">
        <v>52</v>
      </c>
      <c r="C101" s="10">
        <v>69</v>
      </c>
      <c r="D101" s="9">
        <v>121</v>
      </c>
    </row>
    <row r="102" spans="1:4" ht="18" customHeight="1" x14ac:dyDescent="0.15">
      <c r="A102" s="8" t="s">
        <v>40</v>
      </c>
      <c r="B102" s="29">
        <v>220</v>
      </c>
      <c r="C102" s="10">
        <v>319</v>
      </c>
      <c r="D102" s="9">
        <v>539</v>
      </c>
    </row>
    <row r="103" spans="1:4" ht="18" customHeight="1" x14ac:dyDescent="0.15">
      <c r="A103" s="16">
        <v>80</v>
      </c>
      <c r="B103" s="29">
        <v>43</v>
      </c>
      <c r="C103" s="10">
        <v>55</v>
      </c>
      <c r="D103" s="9">
        <v>98</v>
      </c>
    </row>
    <row r="104" spans="1:4" ht="18" customHeight="1" x14ac:dyDescent="0.15">
      <c r="A104" s="16">
        <v>81</v>
      </c>
      <c r="B104" s="29">
        <v>41</v>
      </c>
      <c r="C104" s="10">
        <v>70</v>
      </c>
      <c r="D104" s="9">
        <v>111</v>
      </c>
    </row>
    <row r="105" spans="1:4" ht="18" customHeight="1" x14ac:dyDescent="0.15">
      <c r="A105" s="16">
        <v>82</v>
      </c>
      <c r="B105" s="29">
        <v>45</v>
      </c>
      <c r="C105" s="10">
        <v>62</v>
      </c>
      <c r="D105" s="9">
        <v>107</v>
      </c>
    </row>
    <row r="106" spans="1:4" ht="18" customHeight="1" x14ac:dyDescent="0.15">
      <c r="A106" s="16">
        <v>83</v>
      </c>
      <c r="B106" s="29">
        <v>31</v>
      </c>
      <c r="C106" s="10">
        <v>45</v>
      </c>
      <c r="D106" s="9">
        <v>76</v>
      </c>
    </row>
    <row r="107" spans="1:4" ht="18" customHeight="1" x14ac:dyDescent="0.15">
      <c r="A107" s="16">
        <v>84</v>
      </c>
      <c r="B107" s="29">
        <v>32</v>
      </c>
      <c r="C107" s="10">
        <v>46</v>
      </c>
      <c r="D107" s="9">
        <v>78</v>
      </c>
    </row>
    <row r="108" spans="1:4" ht="18" customHeight="1" x14ac:dyDescent="0.15">
      <c r="A108" s="8" t="s">
        <v>98</v>
      </c>
      <c r="B108" s="29">
        <v>192</v>
      </c>
      <c r="C108" s="10">
        <v>278</v>
      </c>
      <c r="D108" s="9">
        <v>470</v>
      </c>
    </row>
    <row r="109" spans="1:4" ht="18" customHeight="1" x14ac:dyDescent="0.15">
      <c r="A109" s="16">
        <v>85</v>
      </c>
      <c r="B109" s="29">
        <v>26</v>
      </c>
      <c r="C109" s="10">
        <v>39</v>
      </c>
      <c r="D109" s="9">
        <v>65</v>
      </c>
    </row>
    <row r="110" spans="1:4" ht="18" customHeight="1" x14ac:dyDescent="0.15">
      <c r="A110" s="16">
        <v>86</v>
      </c>
      <c r="B110" s="29">
        <v>27</v>
      </c>
      <c r="C110" s="10">
        <v>48</v>
      </c>
      <c r="D110" s="9">
        <v>75</v>
      </c>
    </row>
    <row r="111" spans="1:4" ht="18" customHeight="1" x14ac:dyDescent="0.15">
      <c r="A111" s="16">
        <v>87</v>
      </c>
      <c r="B111" s="29">
        <v>28</v>
      </c>
      <c r="C111" s="10">
        <v>41</v>
      </c>
      <c r="D111" s="9">
        <v>69</v>
      </c>
    </row>
    <row r="112" spans="1:4" ht="18" customHeight="1" x14ac:dyDescent="0.15">
      <c r="A112" s="16">
        <v>88</v>
      </c>
      <c r="B112" s="29">
        <v>27</v>
      </c>
      <c r="C112" s="10">
        <v>29</v>
      </c>
      <c r="D112" s="9">
        <v>56</v>
      </c>
    </row>
    <row r="113" spans="1:4" ht="18" customHeight="1" x14ac:dyDescent="0.15">
      <c r="A113" s="16">
        <v>89</v>
      </c>
      <c r="B113" s="29">
        <v>17</v>
      </c>
      <c r="C113" s="10">
        <v>36</v>
      </c>
      <c r="D113" s="9">
        <v>53</v>
      </c>
    </row>
    <row r="114" spans="1:4" ht="18" customHeight="1" x14ac:dyDescent="0.15">
      <c r="A114" s="8" t="s">
        <v>97</v>
      </c>
      <c r="B114" s="29">
        <v>125</v>
      </c>
      <c r="C114" s="10">
        <v>193</v>
      </c>
      <c r="D114" s="9">
        <v>318</v>
      </c>
    </row>
    <row r="115" spans="1:4" ht="18" customHeight="1" x14ac:dyDescent="0.15">
      <c r="A115" s="16">
        <v>90</v>
      </c>
      <c r="B115" s="29">
        <v>8</v>
      </c>
      <c r="C115" s="10">
        <v>37</v>
      </c>
      <c r="D115" s="9">
        <v>45</v>
      </c>
    </row>
    <row r="116" spans="1:4" ht="18" customHeight="1" x14ac:dyDescent="0.15">
      <c r="A116" s="16">
        <v>91</v>
      </c>
      <c r="B116" s="29">
        <v>9</v>
      </c>
      <c r="C116" s="10">
        <v>19</v>
      </c>
      <c r="D116" s="9">
        <v>28</v>
      </c>
    </row>
    <row r="117" spans="1:4" ht="18" customHeight="1" x14ac:dyDescent="0.15">
      <c r="A117" s="16">
        <v>92</v>
      </c>
      <c r="B117" s="29">
        <v>6</v>
      </c>
      <c r="C117" s="10">
        <v>30</v>
      </c>
      <c r="D117" s="9">
        <v>36</v>
      </c>
    </row>
    <row r="118" spans="1:4" ht="18" customHeight="1" x14ac:dyDescent="0.15">
      <c r="A118" s="16">
        <v>93</v>
      </c>
      <c r="B118" s="29">
        <v>10</v>
      </c>
      <c r="C118" s="10">
        <v>20</v>
      </c>
      <c r="D118" s="9">
        <v>30</v>
      </c>
    </row>
    <row r="119" spans="1:4" ht="18" customHeight="1" x14ac:dyDescent="0.15">
      <c r="A119" s="16">
        <v>94</v>
      </c>
      <c r="B119" s="29">
        <v>3</v>
      </c>
      <c r="C119" s="10">
        <v>19</v>
      </c>
      <c r="D119" s="9">
        <v>22</v>
      </c>
    </row>
    <row r="120" spans="1:4" ht="18" customHeight="1" x14ac:dyDescent="0.15">
      <c r="A120" s="8" t="s">
        <v>96</v>
      </c>
      <c r="B120" s="29">
        <v>36</v>
      </c>
      <c r="C120" s="10">
        <v>125</v>
      </c>
      <c r="D120" s="9">
        <v>161</v>
      </c>
    </row>
    <row r="121" spans="1:4" ht="18" customHeight="1" x14ac:dyDescent="0.15">
      <c r="A121" s="16">
        <v>95</v>
      </c>
      <c r="B121" s="29">
        <v>3</v>
      </c>
      <c r="C121" s="10">
        <v>7</v>
      </c>
      <c r="D121" s="9">
        <v>10</v>
      </c>
    </row>
    <row r="122" spans="1:4" ht="18" customHeight="1" x14ac:dyDescent="0.15">
      <c r="A122" s="16">
        <v>96</v>
      </c>
      <c r="B122" s="29">
        <v>3</v>
      </c>
      <c r="C122" s="10">
        <v>10</v>
      </c>
      <c r="D122" s="9">
        <v>13</v>
      </c>
    </row>
    <row r="123" spans="1:4" ht="18" customHeight="1" x14ac:dyDescent="0.15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15">
      <c r="A124" s="16">
        <v>98</v>
      </c>
      <c r="B124" s="29">
        <v>0</v>
      </c>
      <c r="C124" s="10">
        <v>6</v>
      </c>
      <c r="D124" s="9">
        <v>6</v>
      </c>
    </row>
    <row r="125" spans="1:4" ht="18" customHeight="1" x14ac:dyDescent="0.15">
      <c r="A125" s="16">
        <v>99</v>
      </c>
      <c r="B125" s="29">
        <v>0</v>
      </c>
      <c r="C125" s="10">
        <v>6</v>
      </c>
      <c r="D125" s="9">
        <v>6</v>
      </c>
    </row>
    <row r="126" spans="1:4" ht="18" customHeight="1" x14ac:dyDescent="0.15">
      <c r="A126" s="8" t="s">
        <v>68</v>
      </c>
      <c r="B126" s="29">
        <v>7</v>
      </c>
      <c r="C126" s="10">
        <v>35</v>
      </c>
      <c r="D126" s="9">
        <v>42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0</v>
      </c>
      <c r="C128" s="10">
        <v>5</v>
      </c>
      <c r="D128" s="9">
        <v>5</v>
      </c>
    </row>
    <row r="129" spans="1:4" ht="18" customHeight="1" x14ac:dyDescent="0.15">
      <c r="A129" s="8" t="s">
        <v>95</v>
      </c>
      <c r="B129" s="29">
        <v>0</v>
      </c>
      <c r="C129" s="10">
        <v>8</v>
      </c>
      <c r="D129" s="9">
        <v>8</v>
      </c>
    </row>
    <row r="130" spans="1:4" ht="18" customHeight="1" x14ac:dyDescent="0.15">
      <c r="A130" s="8" t="s">
        <v>94</v>
      </c>
      <c r="B130" s="28">
        <v>1053</v>
      </c>
      <c r="C130" s="6">
        <v>1478</v>
      </c>
      <c r="D130" s="5">
        <v>2531</v>
      </c>
    </row>
    <row r="131" spans="1:4" ht="18" customHeight="1" x14ac:dyDescent="0.15">
      <c r="A131" s="4" t="s">
        <v>0</v>
      </c>
      <c r="B131" s="27">
        <v>3896</v>
      </c>
      <c r="C131" s="2">
        <v>4139</v>
      </c>
      <c r="D131" s="1">
        <v>803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0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9</v>
      </c>
      <c r="C5" s="18">
        <v>18</v>
      </c>
      <c r="D5" s="17">
        <v>37</v>
      </c>
    </row>
    <row r="6" spans="1:4" ht="18" customHeight="1" x14ac:dyDescent="0.15">
      <c r="A6" s="16">
        <v>1</v>
      </c>
      <c r="B6" s="29">
        <v>20</v>
      </c>
      <c r="C6" s="10">
        <v>22</v>
      </c>
      <c r="D6" s="9">
        <v>42</v>
      </c>
    </row>
    <row r="7" spans="1:4" ht="18" customHeight="1" x14ac:dyDescent="0.15">
      <c r="A7" s="16">
        <v>2</v>
      </c>
      <c r="B7" s="29">
        <v>19</v>
      </c>
      <c r="C7" s="10">
        <v>27</v>
      </c>
      <c r="D7" s="9">
        <v>46</v>
      </c>
    </row>
    <row r="8" spans="1:4" ht="18" customHeight="1" x14ac:dyDescent="0.15">
      <c r="A8" s="16">
        <v>3</v>
      </c>
      <c r="B8" s="29">
        <v>18</v>
      </c>
      <c r="C8" s="10">
        <v>31</v>
      </c>
      <c r="D8" s="9">
        <v>49</v>
      </c>
    </row>
    <row r="9" spans="1:4" ht="18" customHeight="1" x14ac:dyDescent="0.15">
      <c r="A9" s="16">
        <v>4</v>
      </c>
      <c r="B9" s="29">
        <v>20</v>
      </c>
      <c r="C9" s="10">
        <v>36</v>
      </c>
      <c r="D9" s="9">
        <v>56</v>
      </c>
    </row>
    <row r="10" spans="1:4" ht="18" customHeight="1" x14ac:dyDescent="0.15">
      <c r="A10" s="8" t="s">
        <v>76</v>
      </c>
      <c r="B10" s="29">
        <v>96</v>
      </c>
      <c r="C10" s="10">
        <v>134</v>
      </c>
      <c r="D10" s="9">
        <v>230</v>
      </c>
    </row>
    <row r="11" spans="1:4" ht="18" customHeight="1" x14ac:dyDescent="0.15">
      <c r="A11" s="16">
        <v>5</v>
      </c>
      <c r="B11" s="29">
        <v>21</v>
      </c>
      <c r="C11" s="10">
        <v>22</v>
      </c>
      <c r="D11" s="9">
        <v>43</v>
      </c>
    </row>
    <row r="12" spans="1:4" ht="18" customHeight="1" x14ac:dyDescent="0.15">
      <c r="A12" s="16">
        <v>6</v>
      </c>
      <c r="B12" s="29">
        <v>25</v>
      </c>
      <c r="C12" s="10">
        <v>37</v>
      </c>
      <c r="D12" s="9">
        <v>62</v>
      </c>
    </row>
    <row r="13" spans="1:4" ht="18" customHeight="1" x14ac:dyDescent="0.15">
      <c r="A13" s="16">
        <v>7</v>
      </c>
      <c r="B13" s="29">
        <v>33</v>
      </c>
      <c r="C13" s="10">
        <v>24</v>
      </c>
      <c r="D13" s="9">
        <v>57</v>
      </c>
    </row>
    <row r="14" spans="1:4" ht="18" customHeight="1" x14ac:dyDescent="0.15">
      <c r="A14" s="16">
        <v>8</v>
      </c>
      <c r="B14" s="29">
        <v>32</v>
      </c>
      <c r="C14" s="10">
        <v>32</v>
      </c>
      <c r="D14" s="9">
        <v>64</v>
      </c>
    </row>
    <row r="15" spans="1:4" ht="18" customHeight="1" x14ac:dyDescent="0.15">
      <c r="A15" s="16">
        <v>9</v>
      </c>
      <c r="B15" s="29">
        <v>28</v>
      </c>
      <c r="C15" s="10">
        <v>14</v>
      </c>
      <c r="D15" s="9">
        <v>42</v>
      </c>
    </row>
    <row r="16" spans="1:4" ht="18" customHeight="1" x14ac:dyDescent="0.15">
      <c r="A16" s="8" t="s">
        <v>106</v>
      </c>
      <c r="B16" s="29">
        <v>139</v>
      </c>
      <c r="C16" s="10">
        <v>129</v>
      </c>
      <c r="D16" s="9">
        <v>268</v>
      </c>
    </row>
    <row r="17" spans="1:4" ht="18" customHeight="1" x14ac:dyDescent="0.15">
      <c r="A17" s="16">
        <v>10</v>
      </c>
      <c r="B17" s="29">
        <v>21</v>
      </c>
      <c r="C17" s="10">
        <v>31</v>
      </c>
      <c r="D17" s="9">
        <v>52</v>
      </c>
    </row>
    <row r="18" spans="1:4" ht="18" customHeight="1" x14ac:dyDescent="0.15">
      <c r="A18" s="16">
        <v>11</v>
      </c>
      <c r="B18" s="29">
        <v>23</v>
      </c>
      <c r="C18" s="10">
        <v>25</v>
      </c>
      <c r="D18" s="9">
        <v>48</v>
      </c>
    </row>
    <row r="19" spans="1:4" ht="18" customHeight="1" x14ac:dyDescent="0.15">
      <c r="A19" s="16">
        <v>12</v>
      </c>
      <c r="B19" s="29">
        <v>31</v>
      </c>
      <c r="C19" s="10">
        <v>19</v>
      </c>
      <c r="D19" s="9">
        <v>50</v>
      </c>
    </row>
    <row r="20" spans="1:4" ht="18" customHeight="1" x14ac:dyDescent="0.15">
      <c r="A20" s="16">
        <v>13</v>
      </c>
      <c r="B20" s="29">
        <v>26</v>
      </c>
      <c r="C20" s="10">
        <v>22</v>
      </c>
      <c r="D20" s="9">
        <v>48</v>
      </c>
    </row>
    <row r="21" spans="1:4" ht="18" customHeight="1" x14ac:dyDescent="0.15">
      <c r="A21" s="16">
        <v>14</v>
      </c>
      <c r="B21" s="29">
        <v>28</v>
      </c>
      <c r="C21" s="10">
        <v>30</v>
      </c>
      <c r="D21" s="9">
        <v>58</v>
      </c>
    </row>
    <row r="22" spans="1:4" ht="18" customHeight="1" x14ac:dyDescent="0.15">
      <c r="A22" s="8" t="s">
        <v>23</v>
      </c>
      <c r="B22" s="29">
        <v>129</v>
      </c>
      <c r="C22" s="10">
        <v>127</v>
      </c>
      <c r="D22" s="9">
        <v>256</v>
      </c>
    </row>
    <row r="23" spans="1:4" ht="18" customHeight="1" x14ac:dyDescent="0.15">
      <c r="A23" s="8" t="s">
        <v>22</v>
      </c>
      <c r="B23" s="29">
        <v>364</v>
      </c>
      <c r="C23" s="10">
        <v>390</v>
      </c>
      <c r="D23" s="9">
        <v>754</v>
      </c>
    </row>
    <row r="24" spans="1:4" ht="18" customHeight="1" x14ac:dyDescent="0.15">
      <c r="A24" s="16">
        <v>15</v>
      </c>
      <c r="B24" s="29">
        <v>32</v>
      </c>
      <c r="C24" s="10">
        <v>30</v>
      </c>
      <c r="D24" s="9">
        <v>62</v>
      </c>
    </row>
    <row r="25" spans="1:4" ht="18" customHeight="1" x14ac:dyDescent="0.15">
      <c r="A25" s="16">
        <v>16</v>
      </c>
      <c r="B25" s="29">
        <v>23</v>
      </c>
      <c r="C25" s="10">
        <v>25</v>
      </c>
      <c r="D25" s="9">
        <v>48</v>
      </c>
    </row>
    <row r="26" spans="1:4" ht="18" customHeight="1" x14ac:dyDescent="0.15">
      <c r="A26" s="16">
        <v>17</v>
      </c>
      <c r="B26" s="29">
        <v>37</v>
      </c>
      <c r="C26" s="10">
        <v>25</v>
      </c>
      <c r="D26" s="9">
        <v>62</v>
      </c>
    </row>
    <row r="27" spans="1:4" ht="18" customHeight="1" x14ac:dyDescent="0.15">
      <c r="A27" s="16">
        <v>18</v>
      </c>
      <c r="B27" s="29">
        <v>30</v>
      </c>
      <c r="C27" s="10">
        <v>24</v>
      </c>
      <c r="D27" s="9">
        <v>54</v>
      </c>
    </row>
    <row r="28" spans="1:4" ht="18" customHeight="1" x14ac:dyDescent="0.15">
      <c r="A28" s="16">
        <v>19</v>
      </c>
      <c r="B28" s="29">
        <v>32</v>
      </c>
      <c r="C28" s="10">
        <v>34</v>
      </c>
      <c r="D28" s="9">
        <v>66</v>
      </c>
    </row>
    <row r="29" spans="1:4" ht="18" customHeight="1" x14ac:dyDescent="0.15">
      <c r="A29" s="8" t="s">
        <v>48</v>
      </c>
      <c r="B29" s="29">
        <v>154</v>
      </c>
      <c r="C29" s="10">
        <v>138</v>
      </c>
      <c r="D29" s="9">
        <v>292</v>
      </c>
    </row>
    <row r="30" spans="1:4" ht="18" customHeight="1" x14ac:dyDescent="0.15">
      <c r="A30" s="16">
        <v>20</v>
      </c>
      <c r="B30" s="29">
        <v>46</v>
      </c>
      <c r="C30" s="10">
        <v>28</v>
      </c>
      <c r="D30" s="9">
        <v>74</v>
      </c>
    </row>
    <row r="31" spans="1:4" ht="18" customHeight="1" x14ac:dyDescent="0.15">
      <c r="A31" s="16">
        <v>21</v>
      </c>
      <c r="B31" s="29">
        <v>32</v>
      </c>
      <c r="C31" s="10">
        <v>30</v>
      </c>
      <c r="D31" s="9">
        <v>62</v>
      </c>
    </row>
    <row r="32" spans="1:4" ht="18" customHeight="1" x14ac:dyDescent="0.15">
      <c r="A32" s="16">
        <v>22</v>
      </c>
      <c r="B32" s="29">
        <v>36</v>
      </c>
      <c r="C32" s="10">
        <v>28</v>
      </c>
      <c r="D32" s="9">
        <v>64</v>
      </c>
    </row>
    <row r="33" spans="1:4" ht="18" customHeight="1" x14ac:dyDescent="0.15">
      <c r="A33" s="16">
        <v>23</v>
      </c>
      <c r="B33" s="29">
        <v>29</v>
      </c>
      <c r="C33" s="10">
        <v>23</v>
      </c>
      <c r="D33" s="9">
        <v>52</v>
      </c>
    </row>
    <row r="34" spans="1:4" ht="18" customHeight="1" x14ac:dyDescent="0.15">
      <c r="A34" s="16">
        <v>24</v>
      </c>
      <c r="B34" s="29">
        <v>25</v>
      </c>
      <c r="C34" s="10">
        <v>17</v>
      </c>
      <c r="D34" s="9">
        <v>42</v>
      </c>
    </row>
    <row r="35" spans="1:4" ht="18" customHeight="1" x14ac:dyDescent="0.15">
      <c r="A35" s="8" t="s">
        <v>20</v>
      </c>
      <c r="B35" s="29">
        <v>168</v>
      </c>
      <c r="C35" s="10">
        <v>126</v>
      </c>
      <c r="D35" s="9">
        <v>294</v>
      </c>
    </row>
    <row r="36" spans="1:4" ht="18" customHeight="1" x14ac:dyDescent="0.15">
      <c r="A36" s="16">
        <v>25</v>
      </c>
      <c r="B36" s="29">
        <v>27</v>
      </c>
      <c r="C36" s="10">
        <v>24</v>
      </c>
      <c r="D36" s="9">
        <v>51</v>
      </c>
    </row>
    <row r="37" spans="1:4" ht="18" customHeight="1" x14ac:dyDescent="0.15">
      <c r="A37" s="16">
        <v>26</v>
      </c>
      <c r="B37" s="29">
        <v>17</v>
      </c>
      <c r="C37" s="10">
        <v>31</v>
      </c>
      <c r="D37" s="9">
        <v>48</v>
      </c>
    </row>
    <row r="38" spans="1:4" ht="18" customHeight="1" x14ac:dyDescent="0.15">
      <c r="A38" s="16">
        <v>27</v>
      </c>
      <c r="B38" s="29">
        <v>24</v>
      </c>
      <c r="C38" s="10">
        <v>23</v>
      </c>
      <c r="D38" s="9">
        <v>47</v>
      </c>
    </row>
    <row r="39" spans="1:4" ht="18" customHeight="1" x14ac:dyDescent="0.15">
      <c r="A39" s="16">
        <v>28</v>
      </c>
      <c r="B39" s="29">
        <v>24</v>
      </c>
      <c r="C39" s="10">
        <v>14</v>
      </c>
      <c r="D39" s="9">
        <v>38</v>
      </c>
    </row>
    <row r="40" spans="1:4" ht="18" customHeight="1" x14ac:dyDescent="0.15">
      <c r="A40" s="16">
        <v>29</v>
      </c>
      <c r="B40" s="29">
        <v>23</v>
      </c>
      <c r="C40" s="10">
        <v>16</v>
      </c>
      <c r="D40" s="9">
        <v>39</v>
      </c>
    </row>
    <row r="41" spans="1:4" ht="18" customHeight="1" x14ac:dyDescent="0.15">
      <c r="A41" s="8" t="s">
        <v>19</v>
      </c>
      <c r="B41" s="29">
        <v>115</v>
      </c>
      <c r="C41" s="10">
        <v>108</v>
      </c>
      <c r="D41" s="9">
        <v>223</v>
      </c>
    </row>
    <row r="42" spans="1:4" ht="18" customHeight="1" x14ac:dyDescent="0.15">
      <c r="A42" s="16">
        <v>30</v>
      </c>
      <c r="B42" s="29">
        <v>26</v>
      </c>
      <c r="C42" s="10">
        <v>27</v>
      </c>
      <c r="D42" s="9">
        <v>53</v>
      </c>
    </row>
    <row r="43" spans="1:4" ht="18" customHeight="1" x14ac:dyDescent="0.15">
      <c r="A43" s="16">
        <v>31</v>
      </c>
      <c r="B43" s="29">
        <v>24</v>
      </c>
      <c r="C43" s="10">
        <v>19</v>
      </c>
      <c r="D43" s="9">
        <v>43</v>
      </c>
    </row>
    <row r="44" spans="1:4" ht="18" customHeight="1" x14ac:dyDescent="0.15">
      <c r="A44" s="16">
        <v>32</v>
      </c>
      <c r="B44" s="29">
        <v>36</v>
      </c>
      <c r="C44" s="10">
        <v>29</v>
      </c>
      <c r="D44" s="9">
        <v>65</v>
      </c>
    </row>
    <row r="45" spans="1:4" ht="18" customHeight="1" x14ac:dyDescent="0.15">
      <c r="A45" s="16">
        <v>33</v>
      </c>
      <c r="B45" s="29">
        <v>29</v>
      </c>
      <c r="C45" s="10">
        <v>28</v>
      </c>
      <c r="D45" s="9">
        <v>57</v>
      </c>
    </row>
    <row r="46" spans="1:4" ht="18" customHeight="1" x14ac:dyDescent="0.15">
      <c r="A46" s="16">
        <v>34</v>
      </c>
      <c r="B46" s="29">
        <v>33</v>
      </c>
      <c r="C46" s="10">
        <v>28</v>
      </c>
      <c r="D46" s="9">
        <v>61</v>
      </c>
    </row>
    <row r="47" spans="1:4" ht="18" customHeight="1" x14ac:dyDescent="0.15">
      <c r="A47" s="8" t="s">
        <v>18</v>
      </c>
      <c r="B47" s="29">
        <v>148</v>
      </c>
      <c r="C47" s="10">
        <v>131</v>
      </c>
      <c r="D47" s="9">
        <v>279</v>
      </c>
    </row>
    <row r="48" spans="1:4" ht="18" customHeight="1" x14ac:dyDescent="0.15">
      <c r="A48" s="16">
        <v>35</v>
      </c>
      <c r="B48" s="29">
        <v>34</v>
      </c>
      <c r="C48" s="10">
        <v>35</v>
      </c>
      <c r="D48" s="9">
        <v>69</v>
      </c>
    </row>
    <row r="49" spans="1:4" ht="18" customHeight="1" x14ac:dyDescent="0.15">
      <c r="A49" s="16">
        <v>36</v>
      </c>
      <c r="B49" s="29">
        <v>32</v>
      </c>
      <c r="C49" s="10">
        <v>33</v>
      </c>
      <c r="D49" s="9">
        <v>65</v>
      </c>
    </row>
    <row r="50" spans="1:4" ht="18" customHeight="1" x14ac:dyDescent="0.15">
      <c r="A50" s="16">
        <v>37</v>
      </c>
      <c r="B50" s="29">
        <v>24</v>
      </c>
      <c r="C50" s="10">
        <v>29</v>
      </c>
      <c r="D50" s="9">
        <v>53</v>
      </c>
    </row>
    <row r="51" spans="1:4" ht="18" customHeight="1" x14ac:dyDescent="0.15">
      <c r="A51" s="16">
        <v>38</v>
      </c>
      <c r="B51" s="29">
        <v>33</v>
      </c>
      <c r="C51" s="10">
        <v>30</v>
      </c>
      <c r="D51" s="9">
        <v>63</v>
      </c>
    </row>
    <row r="52" spans="1:4" ht="18" customHeight="1" x14ac:dyDescent="0.15">
      <c r="A52" s="16">
        <v>39</v>
      </c>
      <c r="B52" s="29">
        <v>36</v>
      </c>
      <c r="C52" s="10">
        <v>27</v>
      </c>
      <c r="D52" s="9">
        <v>63</v>
      </c>
    </row>
    <row r="53" spans="1:4" ht="18" customHeight="1" x14ac:dyDescent="0.15">
      <c r="A53" s="8" t="s">
        <v>17</v>
      </c>
      <c r="B53" s="29">
        <v>159</v>
      </c>
      <c r="C53" s="10">
        <v>154</v>
      </c>
      <c r="D53" s="9">
        <v>313</v>
      </c>
    </row>
    <row r="54" spans="1:4" ht="18" customHeight="1" x14ac:dyDescent="0.15">
      <c r="A54" s="16">
        <v>40</v>
      </c>
      <c r="B54" s="29">
        <v>32</v>
      </c>
      <c r="C54" s="10">
        <v>43</v>
      </c>
      <c r="D54" s="9">
        <v>75</v>
      </c>
    </row>
    <row r="55" spans="1:4" ht="18" customHeight="1" x14ac:dyDescent="0.15">
      <c r="A55" s="16">
        <v>41</v>
      </c>
      <c r="B55" s="29">
        <v>36</v>
      </c>
      <c r="C55" s="10">
        <v>33</v>
      </c>
      <c r="D55" s="9">
        <v>69</v>
      </c>
    </row>
    <row r="56" spans="1:4" ht="18" customHeight="1" x14ac:dyDescent="0.15">
      <c r="A56" s="16">
        <v>42</v>
      </c>
      <c r="B56" s="29">
        <v>30</v>
      </c>
      <c r="C56" s="10">
        <v>25</v>
      </c>
      <c r="D56" s="9">
        <v>55</v>
      </c>
    </row>
    <row r="57" spans="1:4" ht="18" customHeight="1" x14ac:dyDescent="0.15">
      <c r="A57" s="16">
        <v>43</v>
      </c>
      <c r="B57" s="29">
        <v>36</v>
      </c>
      <c r="C57" s="10">
        <v>34</v>
      </c>
      <c r="D57" s="9">
        <v>70</v>
      </c>
    </row>
    <row r="58" spans="1:4" ht="18" customHeight="1" x14ac:dyDescent="0.15">
      <c r="A58" s="16">
        <v>44</v>
      </c>
      <c r="B58" s="29">
        <v>29</v>
      </c>
      <c r="C58" s="10">
        <v>33</v>
      </c>
      <c r="D58" s="9">
        <v>62</v>
      </c>
    </row>
    <row r="59" spans="1:4" ht="18" customHeight="1" x14ac:dyDescent="0.15">
      <c r="A59" s="8" t="s">
        <v>16</v>
      </c>
      <c r="B59" s="29">
        <v>163</v>
      </c>
      <c r="C59" s="10">
        <v>168</v>
      </c>
      <c r="D59" s="9">
        <v>331</v>
      </c>
    </row>
    <row r="60" spans="1:4" ht="18" customHeight="1" x14ac:dyDescent="0.15">
      <c r="A60" s="16">
        <v>45</v>
      </c>
      <c r="B60" s="29">
        <v>36</v>
      </c>
      <c r="C60" s="10">
        <v>47</v>
      </c>
      <c r="D60" s="9">
        <v>83</v>
      </c>
    </row>
    <row r="61" spans="1:4" ht="18" customHeight="1" x14ac:dyDescent="0.15">
      <c r="A61" s="16">
        <v>46</v>
      </c>
      <c r="B61" s="29">
        <v>53</v>
      </c>
      <c r="C61" s="10">
        <v>31</v>
      </c>
      <c r="D61" s="9">
        <v>84</v>
      </c>
    </row>
    <row r="62" spans="1:4" ht="18" customHeight="1" x14ac:dyDescent="0.15">
      <c r="A62" s="16">
        <v>47</v>
      </c>
      <c r="B62" s="29">
        <v>46</v>
      </c>
      <c r="C62" s="10">
        <v>44</v>
      </c>
      <c r="D62" s="9">
        <v>90</v>
      </c>
    </row>
    <row r="63" spans="1:4" ht="18" customHeight="1" x14ac:dyDescent="0.15">
      <c r="A63" s="16">
        <v>48</v>
      </c>
      <c r="B63" s="29">
        <v>45</v>
      </c>
      <c r="C63" s="10">
        <v>39</v>
      </c>
      <c r="D63" s="9">
        <v>84</v>
      </c>
    </row>
    <row r="64" spans="1:4" ht="18" customHeight="1" x14ac:dyDescent="0.15">
      <c r="A64" s="16">
        <v>49</v>
      </c>
      <c r="B64" s="29">
        <v>47</v>
      </c>
      <c r="C64" s="10">
        <v>55</v>
      </c>
      <c r="D64" s="9">
        <v>102</v>
      </c>
    </row>
    <row r="65" spans="1:4" ht="18" customHeight="1" x14ac:dyDescent="0.15">
      <c r="A65" s="8" t="s">
        <v>15</v>
      </c>
      <c r="B65" s="29">
        <v>227</v>
      </c>
      <c r="C65" s="10">
        <v>216</v>
      </c>
      <c r="D65" s="9">
        <v>443</v>
      </c>
    </row>
    <row r="66" spans="1:4" ht="18" customHeight="1" x14ac:dyDescent="0.15">
      <c r="A66" s="16">
        <v>50</v>
      </c>
      <c r="B66" s="29">
        <v>52</v>
      </c>
      <c r="C66" s="10">
        <v>61</v>
      </c>
      <c r="D66" s="9">
        <v>113</v>
      </c>
    </row>
    <row r="67" spans="1:4" ht="18" customHeight="1" x14ac:dyDescent="0.15">
      <c r="A67" s="16">
        <v>51</v>
      </c>
      <c r="B67" s="29">
        <v>40</v>
      </c>
      <c r="C67" s="10">
        <v>37</v>
      </c>
      <c r="D67" s="9">
        <v>77</v>
      </c>
    </row>
    <row r="68" spans="1:4" ht="18" customHeight="1" x14ac:dyDescent="0.15">
      <c r="A68" s="16">
        <v>52</v>
      </c>
      <c r="B68" s="29">
        <v>49</v>
      </c>
      <c r="C68" s="10">
        <v>39</v>
      </c>
      <c r="D68" s="9">
        <v>88</v>
      </c>
    </row>
    <row r="69" spans="1:4" ht="18" customHeight="1" x14ac:dyDescent="0.15">
      <c r="A69" s="16">
        <v>53</v>
      </c>
      <c r="B69" s="29">
        <v>40</v>
      </c>
      <c r="C69" s="10">
        <v>42</v>
      </c>
      <c r="D69" s="9">
        <v>82</v>
      </c>
    </row>
    <row r="70" spans="1:4" ht="18" customHeight="1" x14ac:dyDescent="0.15">
      <c r="A70" s="16">
        <v>54</v>
      </c>
      <c r="B70" s="29">
        <v>42</v>
      </c>
      <c r="C70" s="10">
        <v>38</v>
      </c>
      <c r="D70" s="9">
        <v>80</v>
      </c>
    </row>
    <row r="71" spans="1:4" ht="18" customHeight="1" x14ac:dyDescent="0.15">
      <c r="A71" s="8" t="s">
        <v>14</v>
      </c>
      <c r="B71" s="29">
        <v>223</v>
      </c>
      <c r="C71" s="10">
        <v>217</v>
      </c>
      <c r="D71" s="9">
        <v>440</v>
      </c>
    </row>
    <row r="72" spans="1:4" ht="18" customHeight="1" x14ac:dyDescent="0.15">
      <c r="A72" s="16">
        <v>55</v>
      </c>
      <c r="B72" s="29">
        <v>35</v>
      </c>
      <c r="C72" s="10">
        <v>45</v>
      </c>
      <c r="D72" s="9">
        <v>80</v>
      </c>
    </row>
    <row r="73" spans="1:4" ht="18" customHeight="1" x14ac:dyDescent="0.15">
      <c r="A73" s="16">
        <v>56</v>
      </c>
      <c r="B73" s="29">
        <v>34</v>
      </c>
      <c r="C73" s="10">
        <v>29</v>
      </c>
      <c r="D73" s="9">
        <v>63</v>
      </c>
    </row>
    <row r="74" spans="1:4" ht="18" customHeight="1" x14ac:dyDescent="0.15">
      <c r="A74" s="16">
        <v>57</v>
      </c>
      <c r="B74" s="29">
        <v>42</v>
      </c>
      <c r="C74" s="10">
        <v>37</v>
      </c>
      <c r="D74" s="9">
        <v>79</v>
      </c>
    </row>
    <row r="75" spans="1:4" ht="18" customHeight="1" x14ac:dyDescent="0.15">
      <c r="A75" s="16">
        <v>58</v>
      </c>
      <c r="B75" s="29">
        <v>32</v>
      </c>
      <c r="C75" s="10">
        <v>46</v>
      </c>
      <c r="D75" s="9">
        <v>78</v>
      </c>
    </row>
    <row r="76" spans="1:4" ht="18" customHeight="1" x14ac:dyDescent="0.15">
      <c r="A76" s="16">
        <v>59</v>
      </c>
      <c r="B76" s="29">
        <v>33</v>
      </c>
      <c r="C76" s="10">
        <v>32</v>
      </c>
      <c r="D76" s="9">
        <v>65</v>
      </c>
    </row>
    <row r="77" spans="1:4" ht="18" customHeight="1" x14ac:dyDescent="0.15">
      <c r="A77" s="8" t="s">
        <v>71</v>
      </c>
      <c r="B77" s="29">
        <v>176</v>
      </c>
      <c r="C77" s="10">
        <v>189</v>
      </c>
      <c r="D77" s="9">
        <v>365</v>
      </c>
    </row>
    <row r="78" spans="1:4" ht="18" customHeight="1" x14ac:dyDescent="0.15">
      <c r="A78" s="16">
        <v>60</v>
      </c>
      <c r="B78" s="29">
        <v>41</v>
      </c>
      <c r="C78" s="10">
        <v>27</v>
      </c>
      <c r="D78" s="9">
        <v>68</v>
      </c>
    </row>
    <row r="79" spans="1:4" ht="18" customHeight="1" x14ac:dyDescent="0.15">
      <c r="A79" s="16">
        <v>61</v>
      </c>
      <c r="B79" s="29">
        <v>42</v>
      </c>
      <c r="C79" s="10">
        <v>30</v>
      </c>
      <c r="D79" s="9">
        <v>72</v>
      </c>
    </row>
    <row r="80" spans="1:4" ht="18" customHeight="1" x14ac:dyDescent="0.15">
      <c r="A80" s="16">
        <v>62</v>
      </c>
      <c r="B80" s="29">
        <v>41</v>
      </c>
      <c r="C80" s="10">
        <v>32</v>
      </c>
      <c r="D80" s="9">
        <v>73</v>
      </c>
    </row>
    <row r="81" spans="1:4" ht="18" customHeight="1" x14ac:dyDescent="0.15">
      <c r="A81" s="16">
        <v>63</v>
      </c>
      <c r="B81" s="29">
        <v>33</v>
      </c>
      <c r="C81" s="10">
        <v>36</v>
      </c>
      <c r="D81" s="9">
        <v>69</v>
      </c>
    </row>
    <row r="82" spans="1:4" ht="18" customHeight="1" x14ac:dyDescent="0.15">
      <c r="A82" s="16">
        <v>64</v>
      </c>
      <c r="B82" s="29">
        <v>28</v>
      </c>
      <c r="C82" s="10">
        <v>32</v>
      </c>
      <c r="D82" s="9">
        <v>60</v>
      </c>
    </row>
    <row r="83" spans="1:4" ht="18" customHeight="1" x14ac:dyDescent="0.15">
      <c r="A83" s="8" t="s">
        <v>12</v>
      </c>
      <c r="B83" s="29">
        <v>185</v>
      </c>
      <c r="C83" s="10">
        <v>157</v>
      </c>
      <c r="D83" s="9">
        <v>342</v>
      </c>
    </row>
    <row r="84" spans="1:4" ht="18" customHeight="1" x14ac:dyDescent="0.15">
      <c r="A84" s="8" t="s">
        <v>11</v>
      </c>
      <c r="B84" s="29">
        <v>1718</v>
      </c>
      <c r="C84" s="10">
        <v>1604</v>
      </c>
      <c r="D84" s="9">
        <v>3322</v>
      </c>
    </row>
    <row r="85" spans="1:4" ht="18" customHeight="1" x14ac:dyDescent="0.15">
      <c r="A85" s="16">
        <v>65</v>
      </c>
      <c r="B85" s="29">
        <v>31</v>
      </c>
      <c r="C85" s="10">
        <v>35</v>
      </c>
      <c r="D85" s="9">
        <v>66</v>
      </c>
    </row>
    <row r="86" spans="1:4" ht="18" customHeight="1" x14ac:dyDescent="0.15">
      <c r="A86" s="16">
        <v>66</v>
      </c>
      <c r="B86" s="29">
        <v>24</v>
      </c>
      <c r="C86" s="10">
        <v>31</v>
      </c>
      <c r="D86" s="9">
        <v>55</v>
      </c>
    </row>
    <row r="87" spans="1:4" ht="18" customHeight="1" x14ac:dyDescent="0.15">
      <c r="A87" s="16">
        <v>67</v>
      </c>
      <c r="B87" s="29">
        <v>33</v>
      </c>
      <c r="C87" s="10">
        <v>40</v>
      </c>
      <c r="D87" s="9">
        <v>73</v>
      </c>
    </row>
    <row r="88" spans="1:4" ht="18" customHeight="1" x14ac:dyDescent="0.15">
      <c r="A88" s="16">
        <v>68</v>
      </c>
      <c r="B88" s="29">
        <v>38</v>
      </c>
      <c r="C88" s="10">
        <v>37</v>
      </c>
      <c r="D88" s="9">
        <v>75</v>
      </c>
    </row>
    <row r="89" spans="1:4" ht="18" customHeight="1" x14ac:dyDescent="0.15">
      <c r="A89" s="16">
        <v>69</v>
      </c>
      <c r="B89" s="29">
        <v>36</v>
      </c>
      <c r="C89" s="10">
        <v>24</v>
      </c>
      <c r="D89" s="9">
        <v>60</v>
      </c>
    </row>
    <row r="90" spans="1:4" ht="18" customHeight="1" x14ac:dyDescent="0.15">
      <c r="A90" s="8" t="s">
        <v>10</v>
      </c>
      <c r="B90" s="29">
        <v>162</v>
      </c>
      <c r="C90" s="10">
        <v>167</v>
      </c>
      <c r="D90" s="9">
        <v>329</v>
      </c>
    </row>
    <row r="91" spans="1:4" ht="18" customHeight="1" x14ac:dyDescent="0.15">
      <c r="A91" s="16">
        <v>70</v>
      </c>
      <c r="B91" s="29">
        <v>30</v>
      </c>
      <c r="C91" s="10">
        <v>40</v>
      </c>
      <c r="D91" s="9">
        <v>70</v>
      </c>
    </row>
    <row r="92" spans="1:4" ht="18" customHeight="1" x14ac:dyDescent="0.15">
      <c r="A92" s="16">
        <v>71</v>
      </c>
      <c r="B92" s="29">
        <v>38</v>
      </c>
      <c r="C92" s="10">
        <v>35</v>
      </c>
      <c r="D92" s="9">
        <v>73</v>
      </c>
    </row>
    <row r="93" spans="1:4" ht="18" customHeight="1" x14ac:dyDescent="0.15">
      <c r="A93" s="16">
        <v>72</v>
      </c>
      <c r="B93" s="29">
        <v>25</v>
      </c>
      <c r="C93" s="10">
        <v>39</v>
      </c>
      <c r="D93" s="9">
        <v>64</v>
      </c>
    </row>
    <row r="94" spans="1:4" ht="18" customHeight="1" x14ac:dyDescent="0.15">
      <c r="A94" s="16">
        <v>73</v>
      </c>
      <c r="B94" s="29">
        <v>38</v>
      </c>
      <c r="C94" s="10">
        <v>42</v>
      </c>
      <c r="D94" s="9">
        <v>80</v>
      </c>
    </row>
    <row r="95" spans="1:4" ht="18" customHeight="1" x14ac:dyDescent="0.15">
      <c r="A95" s="16">
        <v>74</v>
      </c>
      <c r="B95" s="29">
        <v>31</v>
      </c>
      <c r="C95" s="10">
        <v>49</v>
      </c>
      <c r="D95" s="9">
        <v>80</v>
      </c>
    </row>
    <row r="96" spans="1:4" ht="18" customHeight="1" x14ac:dyDescent="0.15">
      <c r="A96" s="8" t="s">
        <v>41</v>
      </c>
      <c r="B96" s="29">
        <v>162</v>
      </c>
      <c r="C96" s="10">
        <v>205</v>
      </c>
      <c r="D96" s="9">
        <v>367</v>
      </c>
    </row>
    <row r="97" spans="1:4" ht="18" customHeight="1" x14ac:dyDescent="0.15">
      <c r="A97" s="16">
        <v>75</v>
      </c>
      <c r="B97" s="29">
        <v>46</v>
      </c>
      <c r="C97" s="10">
        <v>52</v>
      </c>
      <c r="D97" s="9">
        <v>98</v>
      </c>
    </row>
    <row r="98" spans="1:4" ht="18" customHeight="1" x14ac:dyDescent="0.15">
      <c r="A98" s="16">
        <v>76</v>
      </c>
      <c r="B98" s="29">
        <v>25</v>
      </c>
      <c r="C98" s="10">
        <v>41</v>
      </c>
      <c r="D98" s="9">
        <v>66</v>
      </c>
    </row>
    <row r="99" spans="1:4" ht="18" customHeight="1" x14ac:dyDescent="0.15">
      <c r="A99" s="16">
        <v>77</v>
      </c>
      <c r="B99" s="29">
        <v>23</v>
      </c>
      <c r="C99" s="10">
        <v>20</v>
      </c>
      <c r="D99" s="9">
        <v>43</v>
      </c>
    </row>
    <row r="100" spans="1:4" ht="18" customHeight="1" x14ac:dyDescent="0.15">
      <c r="A100" s="16">
        <v>78</v>
      </c>
      <c r="B100" s="29">
        <v>21</v>
      </c>
      <c r="C100" s="10">
        <v>33</v>
      </c>
      <c r="D100" s="9">
        <v>54</v>
      </c>
    </row>
    <row r="101" spans="1:4" ht="18" customHeight="1" x14ac:dyDescent="0.15">
      <c r="A101" s="16">
        <v>79</v>
      </c>
      <c r="B101" s="29">
        <v>27</v>
      </c>
      <c r="C101" s="10">
        <v>39</v>
      </c>
      <c r="D101" s="9">
        <v>66</v>
      </c>
    </row>
    <row r="102" spans="1:4" ht="18" customHeight="1" x14ac:dyDescent="0.15">
      <c r="A102" s="8" t="s">
        <v>8</v>
      </c>
      <c r="B102" s="29">
        <v>142</v>
      </c>
      <c r="C102" s="10">
        <v>185</v>
      </c>
      <c r="D102" s="9">
        <v>327</v>
      </c>
    </row>
    <row r="103" spans="1:4" ht="18" customHeight="1" x14ac:dyDescent="0.15">
      <c r="A103" s="16">
        <v>80</v>
      </c>
      <c r="B103" s="29">
        <v>30</v>
      </c>
      <c r="C103" s="10">
        <v>38</v>
      </c>
      <c r="D103" s="9">
        <v>68</v>
      </c>
    </row>
    <row r="104" spans="1:4" ht="18" customHeight="1" x14ac:dyDescent="0.15">
      <c r="A104" s="16">
        <v>81</v>
      </c>
      <c r="B104" s="29">
        <v>30</v>
      </c>
      <c r="C104" s="10">
        <v>28</v>
      </c>
      <c r="D104" s="9">
        <v>58</v>
      </c>
    </row>
    <row r="105" spans="1:4" ht="18" customHeight="1" x14ac:dyDescent="0.15">
      <c r="A105" s="16">
        <v>82</v>
      </c>
      <c r="B105" s="29">
        <v>21</v>
      </c>
      <c r="C105" s="10">
        <v>37</v>
      </c>
      <c r="D105" s="9">
        <v>58</v>
      </c>
    </row>
    <row r="106" spans="1:4" ht="18" customHeight="1" x14ac:dyDescent="0.15">
      <c r="A106" s="16">
        <v>83</v>
      </c>
      <c r="B106" s="29">
        <v>20</v>
      </c>
      <c r="C106" s="10">
        <v>25</v>
      </c>
      <c r="D106" s="9">
        <v>45</v>
      </c>
    </row>
    <row r="107" spans="1:4" ht="18" customHeight="1" x14ac:dyDescent="0.15">
      <c r="A107" s="16">
        <v>84</v>
      </c>
      <c r="B107" s="29">
        <v>9</v>
      </c>
      <c r="C107" s="10">
        <v>21</v>
      </c>
      <c r="D107" s="9">
        <v>30</v>
      </c>
    </row>
    <row r="108" spans="1:4" ht="18" customHeight="1" x14ac:dyDescent="0.15">
      <c r="A108" s="8" t="s">
        <v>7</v>
      </c>
      <c r="B108" s="29">
        <v>110</v>
      </c>
      <c r="C108" s="10">
        <v>149</v>
      </c>
      <c r="D108" s="9">
        <v>259</v>
      </c>
    </row>
    <row r="109" spans="1:4" ht="18" customHeight="1" x14ac:dyDescent="0.15">
      <c r="A109" s="16">
        <v>85</v>
      </c>
      <c r="B109" s="29">
        <v>15</v>
      </c>
      <c r="C109" s="10">
        <v>23</v>
      </c>
      <c r="D109" s="9">
        <v>38</v>
      </c>
    </row>
    <row r="110" spans="1:4" ht="18" customHeight="1" x14ac:dyDescent="0.15">
      <c r="A110" s="16">
        <v>86</v>
      </c>
      <c r="B110" s="29">
        <v>16</v>
      </c>
      <c r="C110" s="10">
        <v>27</v>
      </c>
      <c r="D110" s="9">
        <v>43</v>
      </c>
    </row>
    <row r="111" spans="1:4" ht="18" customHeight="1" x14ac:dyDescent="0.15">
      <c r="A111" s="16">
        <v>87</v>
      </c>
      <c r="B111" s="29">
        <v>11</v>
      </c>
      <c r="C111" s="10">
        <v>35</v>
      </c>
      <c r="D111" s="9">
        <v>46</v>
      </c>
    </row>
    <row r="112" spans="1:4" ht="18" customHeight="1" x14ac:dyDescent="0.15">
      <c r="A112" s="16">
        <v>88</v>
      </c>
      <c r="B112" s="29">
        <v>4</v>
      </c>
      <c r="C112" s="10">
        <v>19</v>
      </c>
      <c r="D112" s="9">
        <v>23</v>
      </c>
    </row>
    <row r="113" spans="1:4" ht="18" customHeight="1" x14ac:dyDescent="0.15">
      <c r="A113" s="16">
        <v>89</v>
      </c>
      <c r="B113" s="29">
        <v>13</v>
      </c>
      <c r="C113" s="10">
        <v>26</v>
      </c>
      <c r="D113" s="9">
        <v>39</v>
      </c>
    </row>
    <row r="114" spans="1:4" ht="18" customHeight="1" x14ac:dyDescent="0.15">
      <c r="A114" s="8" t="s">
        <v>38</v>
      </c>
      <c r="B114" s="29">
        <v>59</v>
      </c>
      <c r="C114" s="10">
        <v>130</v>
      </c>
      <c r="D114" s="9">
        <v>189</v>
      </c>
    </row>
    <row r="115" spans="1:4" ht="18" customHeight="1" x14ac:dyDescent="0.15">
      <c r="A115" s="16">
        <v>90</v>
      </c>
      <c r="B115" s="29">
        <v>10</v>
      </c>
      <c r="C115" s="10">
        <v>25</v>
      </c>
      <c r="D115" s="9">
        <v>35</v>
      </c>
    </row>
    <row r="116" spans="1:4" ht="18" customHeight="1" x14ac:dyDescent="0.15">
      <c r="A116" s="16">
        <v>91</v>
      </c>
      <c r="B116" s="29">
        <v>7</v>
      </c>
      <c r="C116" s="10">
        <v>15</v>
      </c>
      <c r="D116" s="9">
        <v>22</v>
      </c>
    </row>
    <row r="117" spans="1:4" ht="18" customHeight="1" x14ac:dyDescent="0.15">
      <c r="A117" s="16">
        <v>92</v>
      </c>
      <c r="B117" s="29">
        <v>5</v>
      </c>
      <c r="C117" s="10">
        <v>14</v>
      </c>
      <c r="D117" s="9">
        <v>19</v>
      </c>
    </row>
    <row r="118" spans="1:4" ht="18" customHeight="1" x14ac:dyDescent="0.15">
      <c r="A118" s="16">
        <v>93</v>
      </c>
      <c r="B118" s="29">
        <v>3</v>
      </c>
      <c r="C118" s="10">
        <v>11</v>
      </c>
      <c r="D118" s="9">
        <v>14</v>
      </c>
    </row>
    <row r="119" spans="1:4" ht="18" customHeight="1" x14ac:dyDescent="0.15">
      <c r="A119" s="16">
        <v>94</v>
      </c>
      <c r="B119" s="29">
        <v>2</v>
      </c>
      <c r="C119" s="10">
        <v>6</v>
      </c>
      <c r="D119" s="9">
        <v>8</v>
      </c>
    </row>
    <row r="120" spans="1:4" ht="18" customHeight="1" x14ac:dyDescent="0.15">
      <c r="A120" s="8" t="s">
        <v>5</v>
      </c>
      <c r="B120" s="29">
        <v>27</v>
      </c>
      <c r="C120" s="10">
        <v>71</v>
      </c>
      <c r="D120" s="9">
        <v>98</v>
      </c>
    </row>
    <row r="121" spans="1:4" ht="18" customHeight="1" x14ac:dyDescent="0.15">
      <c r="A121" s="16">
        <v>95</v>
      </c>
      <c r="B121" s="29">
        <v>1</v>
      </c>
      <c r="C121" s="10">
        <v>10</v>
      </c>
      <c r="D121" s="9">
        <v>11</v>
      </c>
    </row>
    <row r="122" spans="1:4" ht="18" customHeight="1" x14ac:dyDescent="0.15">
      <c r="A122" s="16">
        <v>96</v>
      </c>
      <c r="B122" s="29">
        <v>2</v>
      </c>
      <c r="C122" s="10">
        <v>9</v>
      </c>
      <c r="D122" s="9">
        <v>11</v>
      </c>
    </row>
    <row r="123" spans="1:4" ht="18" customHeight="1" x14ac:dyDescent="0.15">
      <c r="A123" s="16">
        <v>97</v>
      </c>
      <c r="B123" s="29">
        <v>2</v>
      </c>
      <c r="C123" s="10">
        <v>5</v>
      </c>
      <c r="D123" s="9">
        <v>7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4</v>
      </c>
      <c r="B126" s="29">
        <v>5</v>
      </c>
      <c r="C126" s="10">
        <v>29</v>
      </c>
      <c r="D126" s="9">
        <v>34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3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2</v>
      </c>
      <c r="D129" s="9">
        <v>2</v>
      </c>
    </row>
    <row r="130" spans="1:4" ht="18" customHeight="1" x14ac:dyDescent="0.15">
      <c r="A130" s="8" t="s">
        <v>1</v>
      </c>
      <c r="B130" s="28">
        <v>667</v>
      </c>
      <c r="C130" s="6">
        <v>938</v>
      </c>
      <c r="D130" s="5">
        <v>1605</v>
      </c>
    </row>
    <row r="131" spans="1:4" ht="18" customHeight="1" x14ac:dyDescent="0.15">
      <c r="A131" s="4" t="s">
        <v>0</v>
      </c>
      <c r="B131" s="27">
        <v>2749</v>
      </c>
      <c r="C131" s="2">
        <v>2932</v>
      </c>
      <c r="D131" s="1">
        <v>568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0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1</v>
      </c>
      <c r="C5" s="18">
        <v>34</v>
      </c>
      <c r="D5" s="17">
        <v>55</v>
      </c>
    </row>
    <row r="6" spans="1:4" ht="18" customHeight="1" x14ac:dyDescent="0.15">
      <c r="A6" s="16">
        <v>1</v>
      </c>
      <c r="B6" s="29">
        <v>28</v>
      </c>
      <c r="C6" s="10">
        <v>19</v>
      </c>
      <c r="D6" s="9">
        <v>47</v>
      </c>
    </row>
    <row r="7" spans="1:4" ht="18" customHeight="1" x14ac:dyDescent="0.15">
      <c r="A7" s="16">
        <v>2</v>
      </c>
      <c r="B7" s="29">
        <v>23</v>
      </c>
      <c r="C7" s="10">
        <v>27</v>
      </c>
      <c r="D7" s="9">
        <v>50</v>
      </c>
    </row>
    <row r="8" spans="1:4" ht="18" customHeight="1" x14ac:dyDescent="0.15">
      <c r="A8" s="16">
        <v>3</v>
      </c>
      <c r="B8" s="29">
        <v>34</v>
      </c>
      <c r="C8" s="10">
        <v>21</v>
      </c>
      <c r="D8" s="9">
        <v>55</v>
      </c>
    </row>
    <row r="9" spans="1:4" ht="18" customHeight="1" x14ac:dyDescent="0.15">
      <c r="A9" s="16">
        <v>4</v>
      </c>
      <c r="B9" s="29">
        <v>26</v>
      </c>
      <c r="C9" s="10">
        <v>34</v>
      </c>
      <c r="D9" s="9">
        <v>60</v>
      </c>
    </row>
    <row r="10" spans="1:4" ht="18" customHeight="1" x14ac:dyDescent="0.15">
      <c r="A10" s="8" t="s">
        <v>76</v>
      </c>
      <c r="B10" s="29">
        <v>132</v>
      </c>
      <c r="C10" s="10">
        <v>135</v>
      </c>
      <c r="D10" s="9">
        <v>267</v>
      </c>
    </row>
    <row r="11" spans="1:4" ht="18" customHeight="1" x14ac:dyDescent="0.15">
      <c r="A11" s="16">
        <v>5</v>
      </c>
      <c r="B11" s="29">
        <v>27</v>
      </c>
      <c r="C11" s="10">
        <v>36</v>
      </c>
      <c r="D11" s="9">
        <v>63</v>
      </c>
    </row>
    <row r="12" spans="1:4" ht="18" customHeight="1" x14ac:dyDescent="0.15">
      <c r="A12" s="16">
        <v>6</v>
      </c>
      <c r="B12" s="29">
        <v>29</v>
      </c>
      <c r="C12" s="10">
        <v>30</v>
      </c>
      <c r="D12" s="9">
        <v>59</v>
      </c>
    </row>
    <row r="13" spans="1:4" ht="18" customHeight="1" x14ac:dyDescent="0.15">
      <c r="A13" s="16">
        <v>7</v>
      </c>
      <c r="B13" s="29">
        <v>26</v>
      </c>
      <c r="C13" s="10">
        <v>25</v>
      </c>
      <c r="D13" s="9">
        <v>51</v>
      </c>
    </row>
    <row r="14" spans="1:4" ht="18" customHeight="1" x14ac:dyDescent="0.15">
      <c r="A14" s="16">
        <v>8</v>
      </c>
      <c r="B14" s="29">
        <v>32</v>
      </c>
      <c r="C14" s="10">
        <v>36</v>
      </c>
      <c r="D14" s="9">
        <v>68</v>
      </c>
    </row>
    <row r="15" spans="1:4" ht="18" customHeight="1" x14ac:dyDescent="0.15">
      <c r="A15" s="16">
        <v>9</v>
      </c>
      <c r="B15" s="29">
        <v>30</v>
      </c>
      <c r="C15" s="10">
        <v>39</v>
      </c>
      <c r="D15" s="9">
        <v>69</v>
      </c>
    </row>
    <row r="16" spans="1:4" ht="18" customHeight="1" x14ac:dyDescent="0.15">
      <c r="A16" s="8" t="s">
        <v>50</v>
      </c>
      <c r="B16" s="29">
        <v>144</v>
      </c>
      <c r="C16" s="10">
        <v>166</v>
      </c>
      <c r="D16" s="9">
        <v>310</v>
      </c>
    </row>
    <row r="17" spans="1:4" ht="18" customHeight="1" x14ac:dyDescent="0.15">
      <c r="A17" s="16">
        <v>10</v>
      </c>
      <c r="B17" s="29">
        <v>40</v>
      </c>
      <c r="C17" s="10">
        <v>28</v>
      </c>
      <c r="D17" s="9">
        <v>68</v>
      </c>
    </row>
    <row r="18" spans="1:4" ht="18" customHeight="1" x14ac:dyDescent="0.15">
      <c r="A18" s="16">
        <v>11</v>
      </c>
      <c r="B18" s="29">
        <v>34</v>
      </c>
      <c r="C18" s="10">
        <v>41</v>
      </c>
      <c r="D18" s="9">
        <v>75</v>
      </c>
    </row>
    <row r="19" spans="1:4" ht="18" customHeight="1" x14ac:dyDescent="0.15">
      <c r="A19" s="16">
        <v>12</v>
      </c>
      <c r="B19" s="29">
        <v>39</v>
      </c>
      <c r="C19" s="10">
        <v>39</v>
      </c>
      <c r="D19" s="9">
        <v>78</v>
      </c>
    </row>
    <row r="20" spans="1:4" ht="18" customHeight="1" x14ac:dyDescent="0.15">
      <c r="A20" s="16">
        <v>13</v>
      </c>
      <c r="B20" s="29">
        <v>34</v>
      </c>
      <c r="C20" s="10">
        <v>45</v>
      </c>
      <c r="D20" s="9">
        <v>79</v>
      </c>
    </row>
    <row r="21" spans="1:4" ht="18" customHeight="1" x14ac:dyDescent="0.15">
      <c r="A21" s="16">
        <v>14</v>
      </c>
      <c r="B21" s="29">
        <v>40</v>
      </c>
      <c r="C21" s="10">
        <v>41</v>
      </c>
      <c r="D21" s="9">
        <v>81</v>
      </c>
    </row>
    <row r="22" spans="1:4" ht="18" customHeight="1" x14ac:dyDescent="0.15">
      <c r="A22" s="8" t="s">
        <v>23</v>
      </c>
      <c r="B22" s="29">
        <v>187</v>
      </c>
      <c r="C22" s="10">
        <v>194</v>
      </c>
      <c r="D22" s="9">
        <v>381</v>
      </c>
    </row>
    <row r="23" spans="1:4" ht="18" customHeight="1" x14ac:dyDescent="0.15">
      <c r="A23" s="8" t="s">
        <v>22</v>
      </c>
      <c r="B23" s="29">
        <v>463</v>
      </c>
      <c r="C23" s="10">
        <v>495</v>
      </c>
      <c r="D23" s="9">
        <v>958</v>
      </c>
    </row>
    <row r="24" spans="1:4" ht="18" customHeight="1" x14ac:dyDescent="0.15">
      <c r="A24" s="16">
        <v>15</v>
      </c>
      <c r="B24" s="29">
        <v>40</v>
      </c>
      <c r="C24" s="10">
        <v>44</v>
      </c>
      <c r="D24" s="9">
        <v>84</v>
      </c>
    </row>
    <row r="25" spans="1:4" ht="18" customHeight="1" x14ac:dyDescent="0.15">
      <c r="A25" s="16">
        <v>16</v>
      </c>
      <c r="B25" s="29">
        <v>40</v>
      </c>
      <c r="C25" s="10">
        <v>40</v>
      </c>
      <c r="D25" s="9">
        <v>80</v>
      </c>
    </row>
    <row r="26" spans="1:4" ht="18" customHeight="1" x14ac:dyDescent="0.15">
      <c r="A26" s="16">
        <v>17</v>
      </c>
      <c r="B26" s="29">
        <v>50</v>
      </c>
      <c r="C26" s="10">
        <v>30</v>
      </c>
      <c r="D26" s="9">
        <v>80</v>
      </c>
    </row>
    <row r="27" spans="1:4" ht="18" customHeight="1" x14ac:dyDescent="0.15">
      <c r="A27" s="16">
        <v>18</v>
      </c>
      <c r="B27" s="29">
        <v>66</v>
      </c>
      <c r="C27" s="10">
        <v>67</v>
      </c>
      <c r="D27" s="9">
        <v>133</v>
      </c>
    </row>
    <row r="28" spans="1:4" ht="18" customHeight="1" x14ac:dyDescent="0.15">
      <c r="A28" s="16">
        <v>19</v>
      </c>
      <c r="B28" s="29">
        <v>165</v>
      </c>
      <c r="C28" s="10">
        <v>101</v>
      </c>
      <c r="D28" s="9">
        <v>266</v>
      </c>
    </row>
    <row r="29" spans="1:4" ht="18" customHeight="1" x14ac:dyDescent="0.15">
      <c r="A29" s="8" t="s">
        <v>48</v>
      </c>
      <c r="B29" s="29">
        <v>361</v>
      </c>
      <c r="C29" s="10">
        <v>282</v>
      </c>
      <c r="D29" s="9">
        <v>643</v>
      </c>
    </row>
    <row r="30" spans="1:4" ht="18" customHeight="1" x14ac:dyDescent="0.15">
      <c r="A30" s="16">
        <v>20</v>
      </c>
      <c r="B30" s="29">
        <v>224</v>
      </c>
      <c r="C30" s="10">
        <v>98</v>
      </c>
      <c r="D30" s="9">
        <v>322</v>
      </c>
    </row>
    <row r="31" spans="1:4" ht="18" customHeight="1" x14ac:dyDescent="0.15">
      <c r="A31" s="16">
        <v>21</v>
      </c>
      <c r="B31" s="29">
        <v>192</v>
      </c>
      <c r="C31" s="10">
        <v>116</v>
      </c>
      <c r="D31" s="9">
        <v>308</v>
      </c>
    </row>
    <row r="32" spans="1:4" ht="18" customHeight="1" x14ac:dyDescent="0.15">
      <c r="A32" s="16">
        <v>22</v>
      </c>
      <c r="B32" s="29">
        <v>179</v>
      </c>
      <c r="C32" s="10">
        <v>71</v>
      </c>
      <c r="D32" s="9">
        <v>250</v>
      </c>
    </row>
    <row r="33" spans="1:4" ht="18" customHeight="1" x14ac:dyDescent="0.15">
      <c r="A33" s="16">
        <v>23</v>
      </c>
      <c r="B33" s="29">
        <v>166</v>
      </c>
      <c r="C33" s="10">
        <v>81</v>
      </c>
      <c r="D33" s="9">
        <v>247</v>
      </c>
    </row>
    <row r="34" spans="1:4" ht="18" customHeight="1" x14ac:dyDescent="0.15">
      <c r="A34" s="16">
        <v>24</v>
      </c>
      <c r="B34" s="29">
        <v>107</v>
      </c>
      <c r="C34" s="10">
        <v>61</v>
      </c>
      <c r="D34" s="9">
        <v>168</v>
      </c>
    </row>
    <row r="35" spans="1:4" ht="18" customHeight="1" x14ac:dyDescent="0.15">
      <c r="A35" s="8" t="s">
        <v>74</v>
      </c>
      <c r="B35" s="29">
        <v>868</v>
      </c>
      <c r="C35" s="10">
        <v>427</v>
      </c>
      <c r="D35" s="9">
        <v>1295</v>
      </c>
    </row>
    <row r="36" spans="1:4" ht="18" customHeight="1" x14ac:dyDescent="0.15">
      <c r="A36" s="16">
        <v>25</v>
      </c>
      <c r="B36" s="29">
        <v>92</v>
      </c>
      <c r="C36" s="10">
        <v>55</v>
      </c>
      <c r="D36" s="9">
        <v>147</v>
      </c>
    </row>
    <row r="37" spans="1:4" ht="18" customHeight="1" x14ac:dyDescent="0.15">
      <c r="A37" s="16">
        <v>26</v>
      </c>
      <c r="B37" s="29">
        <v>69</v>
      </c>
      <c r="C37" s="10">
        <v>51</v>
      </c>
      <c r="D37" s="9">
        <v>120</v>
      </c>
    </row>
    <row r="38" spans="1:4" ht="18" customHeight="1" x14ac:dyDescent="0.15">
      <c r="A38" s="16">
        <v>27</v>
      </c>
      <c r="B38" s="29">
        <v>60</v>
      </c>
      <c r="C38" s="10">
        <v>55</v>
      </c>
      <c r="D38" s="9">
        <v>115</v>
      </c>
    </row>
    <row r="39" spans="1:4" ht="18" customHeight="1" x14ac:dyDescent="0.15">
      <c r="A39" s="16">
        <v>28</v>
      </c>
      <c r="B39" s="29">
        <v>70</v>
      </c>
      <c r="C39" s="10">
        <v>57</v>
      </c>
      <c r="D39" s="9">
        <v>127</v>
      </c>
    </row>
    <row r="40" spans="1:4" ht="18" customHeight="1" x14ac:dyDescent="0.15">
      <c r="A40" s="16">
        <v>29</v>
      </c>
      <c r="B40" s="29">
        <v>46</v>
      </c>
      <c r="C40" s="10">
        <v>44</v>
      </c>
      <c r="D40" s="9">
        <v>90</v>
      </c>
    </row>
    <row r="41" spans="1:4" ht="18" customHeight="1" x14ac:dyDescent="0.15">
      <c r="A41" s="8" t="s">
        <v>73</v>
      </c>
      <c r="B41" s="29">
        <v>337</v>
      </c>
      <c r="C41" s="10">
        <v>262</v>
      </c>
      <c r="D41" s="9">
        <v>599</v>
      </c>
    </row>
    <row r="42" spans="1:4" ht="18" customHeight="1" x14ac:dyDescent="0.15">
      <c r="A42" s="16">
        <v>30</v>
      </c>
      <c r="B42" s="29">
        <v>49</v>
      </c>
      <c r="C42" s="10">
        <v>53</v>
      </c>
      <c r="D42" s="9">
        <v>102</v>
      </c>
    </row>
    <row r="43" spans="1:4" ht="18" customHeight="1" x14ac:dyDescent="0.15">
      <c r="A43" s="16">
        <v>31</v>
      </c>
      <c r="B43" s="29">
        <v>57</v>
      </c>
      <c r="C43" s="10">
        <v>40</v>
      </c>
      <c r="D43" s="9">
        <v>97</v>
      </c>
    </row>
    <row r="44" spans="1:4" ht="18" customHeight="1" x14ac:dyDescent="0.15">
      <c r="A44" s="16">
        <v>32</v>
      </c>
      <c r="B44" s="29">
        <v>52</v>
      </c>
      <c r="C44" s="10">
        <v>33</v>
      </c>
      <c r="D44" s="9">
        <v>85</v>
      </c>
    </row>
    <row r="45" spans="1:4" ht="18" customHeight="1" x14ac:dyDescent="0.15">
      <c r="A45" s="16">
        <v>33</v>
      </c>
      <c r="B45" s="29">
        <v>58</v>
      </c>
      <c r="C45" s="10">
        <v>35</v>
      </c>
      <c r="D45" s="9">
        <v>93</v>
      </c>
    </row>
    <row r="46" spans="1:4" ht="18" customHeight="1" x14ac:dyDescent="0.15">
      <c r="A46" s="16">
        <v>34</v>
      </c>
      <c r="B46" s="29">
        <v>45</v>
      </c>
      <c r="C46" s="10">
        <v>40</v>
      </c>
      <c r="D46" s="9">
        <v>85</v>
      </c>
    </row>
    <row r="47" spans="1:4" ht="18" customHeight="1" x14ac:dyDescent="0.15">
      <c r="A47" s="8" t="s">
        <v>18</v>
      </c>
      <c r="B47" s="29">
        <v>261</v>
      </c>
      <c r="C47" s="10">
        <v>201</v>
      </c>
      <c r="D47" s="9">
        <v>462</v>
      </c>
    </row>
    <row r="48" spans="1:4" ht="18" customHeight="1" x14ac:dyDescent="0.15">
      <c r="A48" s="16">
        <v>35</v>
      </c>
      <c r="B48" s="29">
        <v>62</v>
      </c>
      <c r="C48" s="10">
        <v>41</v>
      </c>
      <c r="D48" s="9">
        <v>103</v>
      </c>
    </row>
    <row r="49" spans="1:4" ht="18" customHeight="1" x14ac:dyDescent="0.15">
      <c r="A49" s="16">
        <v>36</v>
      </c>
      <c r="B49" s="29">
        <v>45</v>
      </c>
      <c r="C49" s="10">
        <v>38</v>
      </c>
      <c r="D49" s="9">
        <v>83</v>
      </c>
    </row>
    <row r="50" spans="1:4" ht="18" customHeight="1" x14ac:dyDescent="0.15">
      <c r="A50" s="16">
        <v>37</v>
      </c>
      <c r="B50" s="29">
        <v>41</v>
      </c>
      <c r="C50" s="10">
        <v>45</v>
      </c>
      <c r="D50" s="9">
        <v>86</v>
      </c>
    </row>
    <row r="51" spans="1:4" ht="18" customHeight="1" x14ac:dyDescent="0.15">
      <c r="A51" s="16">
        <v>38</v>
      </c>
      <c r="B51" s="29">
        <v>54</v>
      </c>
      <c r="C51" s="10">
        <v>54</v>
      </c>
      <c r="D51" s="9">
        <v>108</v>
      </c>
    </row>
    <row r="52" spans="1:4" ht="18" customHeight="1" x14ac:dyDescent="0.15">
      <c r="A52" s="16">
        <v>39</v>
      </c>
      <c r="B52" s="29">
        <v>54</v>
      </c>
      <c r="C52" s="10">
        <v>53</v>
      </c>
      <c r="D52" s="9">
        <v>107</v>
      </c>
    </row>
    <row r="53" spans="1:4" ht="18" customHeight="1" x14ac:dyDescent="0.15">
      <c r="A53" s="8" t="s">
        <v>72</v>
      </c>
      <c r="B53" s="29">
        <v>256</v>
      </c>
      <c r="C53" s="10">
        <v>231</v>
      </c>
      <c r="D53" s="9">
        <v>487</v>
      </c>
    </row>
    <row r="54" spans="1:4" ht="18" customHeight="1" x14ac:dyDescent="0.15">
      <c r="A54" s="16">
        <v>40</v>
      </c>
      <c r="B54" s="29">
        <v>56</v>
      </c>
      <c r="C54" s="10">
        <v>47</v>
      </c>
      <c r="D54" s="9">
        <v>103</v>
      </c>
    </row>
    <row r="55" spans="1:4" ht="18" customHeight="1" x14ac:dyDescent="0.15">
      <c r="A55" s="16">
        <v>41</v>
      </c>
      <c r="B55" s="29">
        <v>45</v>
      </c>
      <c r="C55" s="10">
        <v>54</v>
      </c>
      <c r="D55" s="9">
        <v>99</v>
      </c>
    </row>
    <row r="56" spans="1:4" ht="18" customHeight="1" x14ac:dyDescent="0.15">
      <c r="A56" s="16">
        <v>42</v>
      </c>
      <c r="B56" s="29">
        <v>57</v>
      </c>
      <c r="C56" s="10">
        <v>49</v>
      </c>
      <c r="D56" s="9">
        <v>106</v>
      </c>
    </row>
    <row r="57" spans="1:4" ht="18" customHeight="1" x14ac:dyDescent="0.15">
      <c r="A57" s="16">
        <v>43</v>
      </c>
      <c r="B57" s="29">
        <v>75</v>
      </c>
      <c r="C57" s="10">
        <v>57</v>
      </c>
      <c r="D57" s="9">
        <v>132</v>
      </c>
    </row>
    <row r="58" spans="1:4" ht="18" customHeight="1" x14ac:dyDescent="0.15">
      <c r="A58" s="16">
        <v>44</v>
      </c>
      <c r="B58" s="29">
        <v>74</v>
      </c>
      <c r="C58" s="10">
        <v>69</v>
      </c>
      <c r="D58" s="9">
        <v>143</v>
      </c>
    </row>
    <row r="59" spans="1:4" ht="18" customHeight="1" x14ac:dyDescent="0.15">
      <c r="A59" s="8" t="s">
        <v>16</v>
      </c>
      <c r="B59" s="29">
        <v>307</v>
      </c>
      <c r="C59" s="10">
        <v>276</v>
      </c>
      <c r="D59" s="9">
        <v>583</v>
      </c>
    </row>
    <row r="60" spans="1:4" ht="18" customHeight="1" x14ac:dyDescent="0.15">
      <c r="A60" s="16">
        <v>45</v>
      </c>
      <c r="B60" s="29">
        <v>56</v>
      </c>
      <c r="C60" s="10">
        <v>58</v>
      </c>
      <c r="D60" s="9">
        <v>114</v>
      </c>
    </row>
    <row r="61" spans="1:4" ht="18" customHeight="1" x14ac:dyDescent="0.15">
      <c r="A61" s="16">
        <v>46</v>
      </c>
      <c r="B61" s="29">
        <v>59</v>
      </c>
      <c r="C61" s="10">
        <v>57</v>
      </c>
      <c r="D61" s="9">
        <v>116</v>
      </c>
    </row>
    <row r="62" spans="1:4" ht="18" customHeight="1" x14ac:dyDescent="0.15">
      <c r="A62" s="16">
        <v>47</v>
      </c>
      <c r="B62" s="29">
        <v>67</v>
      </c>
      <c r="C62" s="10">
        <v>60</v>
      </c>
      <c r="D62" s="9">
        <v>127</v>
      </c>
    </row>
    <row r="63" spans="1:4" ht="18" customHeight="1" x14ac:dyDescent="0.15">
      <c r="A63" s="16">
        <v>48</v>
      </c>
      <c r="B63" s="29">
        <v>71</v>
      </c>
      <c r="C63" s="10">
        <v>77</v>
      </c>
      <c r="D63" s="9">
        <v>148</v>
      </c>
    </row>
    <row r="64" spans="1:4" ht="18" customHeight="1" x14ac:dyDescent="0.15">
      <c r="A64" s="16">
        <v>49</v>
      </c>
      <c r="B64" s="29">
        <v>76</v>
      </c>
      <c r="C64" s="10">
        <v>88</v>
      </c>
      <c r="D64" s="9">
        <v>164</v>
      </c>
    </row>
    <row r="65" spans="1:4" ht="18" customHeight="1" x14ac:dyDescent="0.15">
      <c r="A65" s="8" t="s">
        <v>45</v>
      </c>
      <c r="B65" s="29">
        <v>329</v>
      </c>
      <c r="C65" s="10">
        <v>340</v>
      </c>
      <c r="D65" s="9">
        <v>669</v>
      </c>
    </row>
    <row r="66" spans="1:4" ht="18" customHeight="1" x14ac:dyDescent="0.15">
      <c r="A66" s="16">
        <v>50</v>
      </c>
      <c r="B66" s="29">
        <v>90</v>
      </c>
      <c r="C66" s="10">
        <v>84</v>
      </c>
      <c r="D66" s="9">
        <v>174</v>
      </c>
    </row>
    <row r="67" spans="1:4" ht="18" customHeight="1" x14ac:dyDescent="0.15">
      <c r="A67" s="16">
        <v>51</v>
      </c>
      <c r="B67" s="29">
        <v>83</v>
      </c>
      <c r="C67" s="10">
        <v>71</v>
      </c>
      <c r="D67" s="9">
        <v>154</v>
      </c>
    </row>
    <row r="68" spans="1:4" ht="18" customHeight="1" x14ac:dyDescent="0.15">
      <c r="A68" s="16">
        <v>52</v>
      </c>
      <c r="B68" s="29">
        <v>80</v>
      </c>
      <c r="C68" s="10">
        <v>66</v>
      </c>
      <c r="D68" s="9">
        <v>146</v>
      </c>
    </row>
    <row r="69" spans="1:4" ht="18" customHeight="1" x14ac:dyDescent="0.15">
      <c r="A69" s="16">
        <v>53</v>
      </c>
      <c r="B69" s="29">
        <v>69</v>
      </c>
      <c r="C69" s="10">
        <v>66</v>
      </c>
      <c r="D69" s="9">
        <v>135</v>
      </c>
    </row>
    <row r="70" spans="1:4" ht="18" customHeight="1" x14ac:dyDescent="0.15">
      <c r="A70" s="16">
        <v>54</v>
      </c>
      <c r="B70" s="29">
        <v>66</v>
      </c>
      <c r="C70" s="10">
        <v>79</v>
      </c>
      <c r="D70" s="9">
        <v>145</v>
      </c>
    </row>
    <row r="71" spans="1:4" ht="18" customHeight="1" x14ac:dyDescent="0.15">
      <c r="A71" s="8" t="s">
        <v>58</v>
      </c>
      <c r="B71" s="29">
        <v>388</v>
      </c>
      <c r="C71" s="10">
        <v>366</v>
      </c>
      <c r="D71" s="9">
        <v>754</v>
      </c>
    </row>
    <row r="72" spans="1:4" ht="18" customHeight="1" x14ac:dyDescent="0.15">
      <c r="A72" s="16">
        <v>55</v>
      </c>
      <c r="B72" s="29">
        <v>60</v>
      </c>
      <c r="C72" s="10">
        <v>70</v>
      </c>
      <c r="D72" s="9">
        <v>130</v>
      </c>
    </row>
    <row r="73" spans="1:4" ht="18" customHeight="1" x14ac:dyDescent="0.15">
      <c r="A73" s="16">
        <v>56</v>
      </c>
      <c r="B73" s="29">
        <v>61</v>
      </c>
      <c r="C73" s="10">
        <v>54</v>
      </c>
      <c r="D73" s="9">
        <v>115</v>
      </c>
    </row>
    <row r="74" spans="1:4" ht="18" customHeight="1" x14ac:dyDescent="0.15">
      <c r="A74" s="16">
        <v>57</v>
      </c>
      <c r="B74" s="29">
        <v>53</v>
      </c>
      <c r="C74" s="10">
        <v>36</v>
      </c>
      <c r="D74" s="9">
        <v>89</v>
      </c>
    </row>
    <row r="75" spans="1:4" ht="18" customHeight="1" x14ac:dyDescent="0.15">
      <c r="A75" s="16">
        <v>58</v>
      </c>
      <c r="B75" s="29">
        <v>54</v>
      </c>
      <c r="C75" s="10">
        <v>55</v>
      </c>
      <c r="D75" s="9">
        <v>109</v>
      </c>
    </row>
    <row r="76" spans="1:4" ht="18" customHeight="1" x14ac:dyDescent="0.15">
      <c r="A76" s="16">
        <v>59</v>
      </c>
      <c r="B76" s="29">
        <v>62</v>
      </c>
      <c r="C76" s="10">
        <v>49</v>
      </c>
      <c r="D76" s="9">
        <v>111</v>
      </c>
    </row>
    <row r="77" spans="1:4" ht="18" customHeight="1" x14ac:dyDescent="0.15">
      <c r="A77" s="8" t="s">
        <v>71</v>
      </c>
      <c r="B77" s="29">
        <v>290</v>
      </c>
      <c r="C77" s="10">
        <v>264</v>
      </c>
      <c r="D77" s="9">
        <v>554</v>
      </c>
    </row>
    <row r="78" spans="1:4" ht="18" customHeight="1" x14ac:dyDescent="0.15">
      <c r="A78" s="16">
        <v>60</v>
      </c>
      <c r="B78" s="29">
        <v>70</v>
      </c>
      <c r="C78" s="10">
        <v>53</v>
      </c>
      <c r="D78" s="9">
        <v>123</v>
      </c>
    </row>
    <row r="79" spans="1:4" ht="18" customHeight="1" x14ac:dyDescent="0.15">
      <c r="A79" s="16">
        <v>61</v>
      </c>
      <c r="B79" s="29">
        <v>50</v>
      </c>
      <c r="C79" s="10">
        <v>49</v>
      </c>
      <c r="D79" s="9">
        <v>99</v>
      </c>
    </row>
    <row r="80" spans="1:4" ht="18" customHeight="1" x14ac:dyDescent="0.15">
      <c r="A80" s="16">
        <v>62</v>
      </c>
      <c r="B80" s="29">
        <v>49</v>
      </c>
      <c r="C80" s="10">
        <v>58</v>
      </c>
      <c r="D80" s="9">
        <v>107</v>
      </c>
    </row>
    <row r="81" spans="1:4" ht="18" customHeight="1" x14ac:dyDescent="0.15">
      <c r="A81" s="16">
        <v>63</v>
      </c>
      <c r="B81" s="29">
        <v>57</v>
      </c>
      <c r="C81" s="10">
        <v>52</v>
      </c>
      <c r="D81" s="9">
        <v>109</v>
      </c>
    </row>
    <row r="82" spans="1:4" ht="18" customHeight="1" x14ac:dyDescent="0.15">
      <c r="A82" s="16">
        <v>64</v>
      </c>
      <c r="B82" s="29">
        <v>60</v>
      </c>
      <c r="C82" s="10">
        <v>43</v>
      </c>
      <c r="D82" s="9">
        <v>103</v>
      </c>
    </row>
    <row r="83" spans="1:4" ht="18" customHeight="1" x14ac:dyDescent="0.15">
      <c r="A83" s="8" t="s">
        <v>44</v>
      </c>
      <c r="B83" s="29">
        <v>286</v>
      </c>
      <c r="C83" s="10">
        <v>255</v>
      </c>
      <c r="D83" s="9">
        <v>541</v>
      </c>
    </row>
    <row r="84" spans="1:4" ht="18" customHeight="1" x14ac:dyDescent="0.15">
      <c r="A84" s="8" t="s">
        <v>43</v>
      </c>
      <c r="B84" s="29">
        <v>3683</v>
      </c>
      <c r="C84" s="10">
        <v>2904</v>
      </c>
      <c r="D84" s="9">
        <v>6587</v>
      </c>
    </row>
    <row r="85" spans="1:4" ht="18" customHeight="1" x14ac:dyDescent="0.15">
      <c r="A85" s="16">
        <v>65</v>
      </c>
      <c r="B85" s="29">
        <v>46</v>
      </c>
      <c r="C85" s="10">
        <v>40</v>
      </c>
      <c r="D85" s="9">
        <v>86</v>
      </c>
    </row>
    <row r="86" spans="1:4" ht="18" customHeight="1" x14ac:dyDescent="0.15">
      <c r="A86" s="16">
        <v>66</v>
      </c>
      <c r="B86" s="29">
        <v>53</v>
      </c>
      <c r="C86" s="10">
        <v>38</v>
      </c>
      <c r="D86" s="9">
        <v>91</v>
      </c>
    </row>
    <row r="87" spans="1:4" ht="18" customHeight="1" x14ac:dyDescent="0.15">
      <c r="A87" s="16">
        <v>67</v>
      </c>
      <c r="B87" s="29">
        <v>41</v>
      </c>
      <c r="C87" s="10">
        <v>52</v>
      </c>
      <c r="D87" s="9">
        <v>93</v>
      </c>
    </row>
    <row r="88" spans="1:4" ht="18" customHeight="1" x14ac:dyDescent="0.15">
      <c r="A88" s="16">
        <v>68</v>
      </c>
      <c r="B88" s="29">
        <v>46</v>
      </c>
      <c r="C88" s="10">
        <v>46</v>
      </c>
      <c r="D88" s="9">
        <v>92</v>
      </c>
    </row>
    <row r="89" spans="1:4" ht="18" customHeight="1" x14ac:dyDescent="0.15">
      <c r="A89" s="16">
        <v>69</v>
      </c>
      <c r="B89" s="29">
        <v>44</v>
      </c>
      <c r="C89" s="10">
        <v>54</v>
      </c>
      <c r="D89" s="9">
        <v>98</v>
      </c>
    </row>
    <row r="90" spans="1:4" ht="18" customHeight="1" x14ac:dyDescent="0.15">
      <c r="A90" s="8" t="s">
        <v>42</v>
      </c>
      <c r="B90" s="29">
        <v>230</v>
      </c>
      <c r="C90" s="10">
        <v>230</v>
      </c>
      <c r="D90" s="9">
        <v>460</v>
      </c>
    </row>
    <row r="91" spans="1:4" ht="18" customHeight="1" x14ac:dyDescent="0.15">
      <c r="A91" s="16">
        <v>70</v>
      </c>
      <c r="B91" s="29">
        <v>55</v>
      </c>
      <c r="C91" s="10">
        <v>58</v>
      </c>
      <c r="D91" s="9">
        <v>113</v>
      </c>
    </row>
    <row r="92" spans="1:4" ht="18" customHeight="1" x14ac:dyDescent="0.15">
      <c r="A92" s="16">
        <v>71</v>
      </c>
      <c r="B92" s="29">
        <v>44</v>
      </c>
      <c r="C92" s="10">
        <v>53</v>
      </c>
      <c r="D92" s="9">
        <v>97</v>
      </c>
    </row>
    <row r="93" spans="1:4" ht="18" customHeight="1" x14ac:dyDescent="0.15">
      <c r="A93" s="16">
        <v>72</v>
      </c>
      <c r="B93" s="29">
        <v>52</v>
      </c>
      <c r="C93" s="10">
        <v>54</v>
      </c>
      <c r="D93" s="9">
        <v>106</v>
      </c>
    </row>
    <row r="94" spans="1:4" ht="18" customHeight="1" x14ac:dyDescent="0.15">
      <c r="A94" s="16">
        <v>73</v>
      </c>
      <c r="B94" s="29">
        <v>61</v>
      </c>
      <c r="C94" s="10">
        <v>72</v>
      </c>
      <c r="D94" s="9">
        <v>133</v>
      </c>
    </row>
    <row r="95" spans="1:4" ht="18" customHeight="1" x14ac:dyDescent="0.15">
      <c r="A95" s="16">
        <v>74</v>
      </c>
      <c r="B95" s="29">
        <v>59</v>
      </c>
      <c r="C95" s="10">
        <v>81</v>
      </c>
      <c r="D95" s="9">
        <v>140</v>
      </c>
    </row>
    <row r="96" spans="1:4" ht="18" customHeight="1" x14ac:dyDescent="0.15">
      <c r="A96" s="8" t="s">
        <v>41</v>
      </c>
      <c r="B96" s="29">
        <v>271</v>
      </c>
      <c r="C96" s="10">
        <v>318</v>
      </c>
      <c r="D96" s="9">
        <v>589</v>
      </c>
    </row>
    <row r="97" spans="1:4" ht="18" customHeight="1" x14ac:dyDescent="0.15">
      <c r="A97" s="16">
        <v>75</v>
      </c>
      <c r="B97" s="29">
        <v>87</v>
      </c>
      <c r="C97" s="10">
        <v>82</v>
      </c>
      <c r="D97" s="9">
        <v>169</v>
      </c>
    </row>
    <row r="98" spans="1:4" ht="18" customHeight="1" x14ac:dyDescent="0.15">
      <c r="A98" s="16">
        <v>76</v>
      </c>
      <c r="B98" s="29">
        <v>58</v>
      </c>
      <c r="C98" s="10">
        <v>58</v>
      </c>
      <c r="D98" s="9">
        <v>116</v>
      </c>
    </row>
    <row r="99" spans="1:4" ht="18" customHeight="1" x14ac:dyDescent="0.15">
      <c r="A99" s="16">
        <v>77</v>
      </c>
      <c r="B99" s="29">
        <v>38</v>
      </c>
      <c r="C99" s="10">
        <v>34</v>
      </c>
      <c r="D99" s="9">
        <v>72</v>
      </c>
    </row>
    <row r="100" spans="1:4" ht="18" customHeight="1" x14ac:dyDescent="0.15">
      <c r="A100" s="16">
        <v>78</v>
      </c>
      <c r="B100" s="29">
        <v>45</v>
      </c>
      <c r="C100" s="10">
        <v>61</v>
      </c>
      <c r="D100" s="9">
        <v>106</v>
      </c>
    </row>
    <row r="101" spans="1:4" ht="18" customHeight="1" x14ac:dyDescent="0.15">
      <c r="A101" s="16">
        <v>79</v>
      </c>
      <c r="B101" s="29">
        <v>38</v>
      </c>
      <c r="C101" s="10">
        <v>50</v>
      </c>
      <c r="D101" s="9">
        <v>88</v>
      </c>
    </row>
    <row r="102" spans="1:4" ht="18" customHeight="1" x14ac:dyDescent="0.15">
      <c r="A102" s="8" t="s">
        <v>70</v>
      </c>
      <c r="B102" s="29">
        <v>266</v>
      </c>
      <c r="C102" s="10">
        <v>285</v>
      </c>
      <c r="D102" s="9">
        <v>551</v>
      </c>
    </row>
    <row r="103" spans="1:4" ht="18" customHeight="1" x14ac:dyDescent="0.15">
      <c r="A103" s="16">
        <v>80</v>
      </c>
      <c r="B103" s="29">
        <v>33</v>
      </c>
      <c r="C103" s="10">
        <v>46</v>
      </c>
      <c r="D103" s="9">
        <v>79</v>
      </c>
    </row>
    <row r="104" spans="1:4" ht="18" customHeight="1" x14ac:dyDescent="0.15">
      <c r="A104" s="16">
        <v>81</v>
      </c>
      <c r="B104" s="29">
        <v>49</v>
      </c>
      <c r="C104" s="10">
        <v>39</v>
      </c>
      <c r="D104" s="9">
        <v>88</v>
      </c>
    </row>
    <row r="105" spans="1:4" ht="18" customHeight="1" x14ac:dyDescent="0.15">
      <c r="A105" s="16">
        <v>82</v>
      </c>
      <c r="B105" s="29">
        <v>27</v>
      </c>
      <c r="C105" s="10">
        <v>39</v>
      </c>
      <c r="D105" s="9">
        <v>66</v>
      </c>
    </row>
    <row r="106" spans="1:4" ht="18" customHeight="1" x14ac:dyDescent="0.15">
      <c r="A106" s="16">
        <v>83</v>
      </c>
      <c r="B106" s="29">
        <v>26</v>
      </c>
      <c r="C106" s="10">
        <v>29</v>
      </c>
      <c r="D106" s="9">
        <v>55</v>
      </c>
    </row>
    <row r="107" spans="1:4" ht="18" customHeight="1" x14ac:dyDescent="0.15">
      <c r="A107" s="16">
        <v>84</v>
      </c>
      <c r="B107" s="29">
        <v>13</v>
      </c>
      <c r="C107" s="10">
        <v>35</v>
      </c>
      <c r="D107" s="9">
        <v>48</v>
      </c>
    </row>
    <row r="108" spans="1:4" ht="18" customHeight="1" x14ac:dyDescent="0.15">
      <c r="A108" s="8" t="s">
        <v>39</v>
      </c>
      <c r="B108" s="29">
        <v>148</v>
      </c>
      <c r="C108" s="10">
        <v>188</v>
      </c>
      <c r="D108" s="9">
        <v>336</v>
      </c>
    </row>
    <row r="109" spans="1:4" ht="18" customHeight="1" x14ac:dyDescent="0.15">
      <c r="A109" s="16">
        <v>85</v>
      </c>
      <c r="B109" s="29">
        <v>12</v>
      </c>
      <c r="C109" s="10">
        <v>40</v>
      </c>
      <c r="D109" s="9">
        <v>52</v>
      </c>
    </row>
    <row r="110" spans="1:4" ht="18" customHeight="1" x14ac:dyDescent="0.15">
      <c r="A110" s="16">
        <v>86</v>
      </c>
      <c r="B110" s="29">
        <v>16</v>
      </c>
      <c r="C110" s="10">
        <v>38</v>
      </c>
      <c r="D110" s="9">
        <v>54</v>
      </c>
    </row>
    <row r="111" spans="1:4" ht="18" customHeight="1" x14ac:dyDescent="0.15">
      <c r="A111" s="16">
        <v>87</v>
      </c>
      <c r="B111" s="29">
        <v>11</v>
      </c>
      <c r="C111" s="10">
        <v>38</v>
      </c>
      <c r="D111" s="9">
        <v>49</v>
      </c>
    </row>
    <row r="112" spans="1:4" ht="18" customHeight="1" x14ac:dyDescent="0.15">
      <c r="A112" s="16">
        <v>88</v>
      </c>
      <c r="B112" s="29">
        <v>11</v>
      </c>
      <c r="C112" s="10">
        <v>25</v>
      </c>
      <c r="D112" s="9">
        <v>36</v>
      </c>
    </row>
    <row r="113" spans="1:4" ht="18" customHeight="1" x14ac:dyDescent="0.15">
      <c r="A113" s="16">
        <v>89</v>
      </c>
      <c r="B113" s="29">
        <v>13</v>
      </c>
      <c r="C113" s="10">
        <v>39</v>
      </c>
      <c r="D113" s="9">
        <v>52</v>
      </c>
    </row>
    <row r="114" spans="1:4" ht="18" customHeight="1" x14ac:dyDescent="0.15">
      <c r="A114" s="8" t="s">
        <v>6</v>
      </c>
      <c r="B114" s="29">
        <v>63</v>
      </c>
      <c r="C114" s="10">
        <v>180</v>
      </c>
      <c r="D114" s="9">
        <v>243</v>
      </c>
    </row>
    <row r="115" spans="1:4" ht="18" customHeight="1" x14ac:dyDescent="0.15">
      <c r="A115" s="16">
        <v>90</v>
      </c>
      <c r="B115" s="29">
        <v>10</v>
      </c>
      <c r="C115" s="10">
        <v>36</v>
      </c>
      <c r="D115" s="9">
        <v>46</v>
      </c>
    </row>
    <row r="116" spans="1:4" ht="18" customHeight="1" x14ac:dyDescent="0.15">
      <c r="A116" s="16">
        <v>91</v>
      </c>
      <c r="B116" s="29">
        <v>8</v>
      </c>
      <c r="C116" s="10">
        <v>19</v>
      </c>
      <c r="D116" s="9">
        <v>27</v>
      </c>
    </row>
    <row r="117" spans="1:4" ht="18" customHeight="1" x14ac:dyDescent="0.15">
      <c r="A117" s="16">
        <v>92</v>
      </c>
      <c r="B117" s="29">
        <v>8</v>
      </c>
      <c r="C117" s="10">
        <v>14</v>
      </c>
      <c r="D117" s="9">
        <v>22</v>
      </c>
    </row>
    <row r="118" spans="1:4" ht="18" customHeight="1" x14ac:dyDescent="0.15">
      <c r="A118" s="16">
        <v>93</v>
      </c>
      <c r="B118" s="29">
        <v>5</v>
      </c>
      <c r="C118" s="10">
        <v>15</v>
      </c>
      <c r="D118" s="9">
        <v>20</v>
      </c>
    </row>
    <row r="119" spans="1:4" ht="18" customHeight="1" x14ac:dyDescent="0.15">
      <c r="A119" s="16">
        <v>94</v>
      </c>
      <c r="B119" s="29">
        <v>6</v>
      </c>
      <c r="C119" s="10">
        <v>8</v>
      </c>
      <c r="D119" s="9">
        <v>14</v>
      </c>
    </row>
    <row r="120" spans="1:4" ht="18" customHeight="1" x14ac:dyDescent="0.15">
      <c r="A120" s="8" t="s">
        <v>69</v>
      </c>
      <c r="B120" s="29">
        <v>37</v>
      </c>
      <c r="C120" s="10">
        <v>92</v>
      </c>
      <c r="D120" s="9">
        <v>129</v>
      </c>
    </row>
    <row r="121" spans="1:4" ht="18" customHeight="1" x14ac:dyDescent="0.15">
      <c r="A121" s="16">
        <v>95</v>
      </c>
      <c r="B121" s="29">
        <v>4</v>
      </c>
      <c r="C121" s="10">
        <v>8</v>
      </c>
      <c r="D121" s="9">
        <v>12</v>
      </c>
    </row>
    <row r="122" spans="1:4" ht="18" customHeight="1" x14ac:dyDescent="0.15">
      <c r="A122" s="16">
        <v>96</v>
      </c>
      <c r="B122" s="29">
        <v>2</v>
      </c>
      <c r="C122" s="10">
        <v>8</v>
      </c>
      <c r="D122" s="9">
        <v>10</v>
      </c>
    </row>
    <row r="123" spans="1:4" ht="18" customHeight="1" x14ac:dyDescent="0.15">
      <c r="A123" s="16">
        <v>97</v>
      </c>
      <c r="B123" s="29">
        <v>2</v>
      </c>
      <c r="C123" s="10">
        <v>12</v>
      </c>
      <c r="D123" s="9">
        <v>14</v>
      </c>
    </row>
    <row r="124" spans="1:4" ht="18" customHeight="1" x14ac:dyDescent="0.15">
      <c r="A124" s="16">
        <v>98</v>
      </c>
      <c r="B124" s="29">
        <v>3</v>
      </c>
      <c r="C124" s="10">
        <v>9</v>
      </c>
      <c r="D124" s="9">
        <v>12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11</v>
      </c>
      <c r="C126" s="10">
        <v>40</v>
      </c>
      <c r="D126" s="9">
        <v>51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6</v>
      </c>
      <c r="D128" s="9">
        <v>6</v>
      </c>
    </row>
    <row r="129" spans="1:4" ht="18" customHeight="1" x14ac:dyDescent="0.15">
      <c r="A129" s="8" t="s">
        <v>36</v>
      </c>
      <c r="B129" s="29">
        <v>0</v>
      </c>
      <c r="C129" s="10">
        <v>7</v>
      </c>
      <c r="D129" s="9">
        <v>7</v>
      </c>
    </row>
    <row r="130" spans="1:4" ht="18" customHeight="1" x14ac:dyDescent="0.15">
      <c r="A130" s="8" t="s">
        <v>1</v>
      </c>
      <c r="B130" s="28">
        <v>1026</v>
      </c>
      <c r="C130" s="6">
        <v>1340</v>
      </c>
      <c r="D130" s="5">
        <v>2366</v>
      </c>
    </row>
    <row r="131" spans="1:4" ht="18" customHeight="1" x14ac:dyDescent="0.15">
      <c r="A131" s="4" t="s">
        <v>0</v>
      </c>
      <c r="B131" s="27">
        <v>5172</v>
      </c>
      <c r="C131" s="2">
        <v>4739</v>
      </c>
      <c r="D131" s="1">
        <v>991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0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5</v>
      </c>
      <c r="C5" s="18">
        <v>10</v>
      </c>
      <c r="D5" s="17">
        <v>15</v>
      </c>
    </row>
    <row r="6" spans="1:4" ht="18" customHeight="1" x14ac:dyDescent="0.15">
      <c r="A6" s="16">
        <v>1</v>
      </c>
      <c r="B6" s="29">
        <v>13</v>
      </c>
      <c r="C6" s="10">
        <v>17</v>
      </c>
      <c r="D6" s="9">
        <v>30</v>
      </c>
    </row>
    <row r="7" spans="1:4" ht="18" customHeight="1" x14ac:dyDescent="0.15">
      <c r="A7" s="16">
        <v>2</v>
      </c>
      <c r="B7" s="29">
        <v>16</v>
      </c>
      <c r="C7" s="10">
        <v>12</v>
      </c>
      <c r="D7" s="9">
        <v>28</v>
      </c>
    </row>
    <row r="8" spans="1:4" ht="18" customHeight="1" x14ac:dyDescent="0.15">
      <c r="A8" s="16">
        <v>3</v>
      </c>
      <c r="B8" s="29">
        <v>10</v>
      </c>
      <c r="C8" s="10">
        <v>14</v>
      </c>
      <c r="D8" s="9">
        <v>24</v>
      </c>
    </row>
    <row r="9" spans="1:4" ht="18" customHeight="1" x14ac:dyDescent="0.15">
      <c r="A9" s="16">
        <v>4</v>
      </c>
      <c r="B9" s="29">
        <v>15</v>
      </c>
      <c r="C9" s="10">
        <v>14</v>
      </c>
      <c r="D9" s="9">
        <v>29</v>
      </c>
    </row>
    <row r="10" spans="1:4" ht="18" customHeight="1" x14ac:dyDescent="0.15">
      <c r="A10" s="8" t="s">
        <v>76</v>
      </c>
      <c r="B10" s="29">
        <v>59</v>
      </c>
      <c r="C10" s="10">
        <v>67</v>
      </c>
      <c r="D10" s="9">
        <v>126</v>
      </c>
    </row>
    <row r="11" spans="1:4" ht="18" customHeight="1" x14ac:dyDescent="0.15">
      <c r="A11" s="16">
        <v>5</v>
      </c>
      <c r="B11" s="29">
        <v>12</v>
      </c>
      <c r="C11" s="10">
        <v>21</v>
      </c>
      <c r="D11" s="9">
        <v>33</v>
      </c>
    </row>
    <row r="12" spans="1:4" ht="18" customHeight="1" x14ac:dyDescent="0.15">
      <c r="A12" s="16">
        <v>6</v>
      </c>
      <c r="B12" s="29">
        <v>13</v>
      </c>
      <c r="C12" s="10">
        <v>13</v>
      </c>
      <c r="D12" s="9">
        <v>26</v>
      </c>
    </row>
    <row r="13" spans="1:4" ht="18" customHeight="1" x14ac:dyDescent="0.15">
      <c r="A13" s="16">
        <v>7</v>
      </c>
      <c r="B13" s="29">
        <v>10</v>
      </c>
      <c r="C13" s="10">
        <v>17</v>
      </c>
      <c r="D13" s="9">
        <v>27</v>
      </c>
    </row>
    <row r="14" spans="1:4" ht="18" customHeight="1" x14ac:dyDescent="0.15">
      <c r="A14" s="16">
        <v>8</v>
      </c>
      <c r="B14" s="29">
        <v>19</v>
      </c>
      <c r="C14" s="10">
        <v>10</v>
      </c>
      <c r="D14" s="9">
        <v>29</v>
      </c>
    </row>
    <row r="15" spans="1:4" ht="18" customHeight="1" x14ac:dyDescent="0.15">
      <c r="A15" s="16">
        <v>9</v>
      </c>
      <c r="B15" s="29">
        <v>13</v>
      </c>
      <c r="C15" s="10">
        <v>14</v>
      </c>
      <c r="D15" s="9">
        <v>27</v>
      </c>
    </row>
    <row r="16" spans="1:4" ht="18" customHeight="1" x14ac:dyDescent="0.15">
      <c r="A16" s="8" t="s">
        <v>50</v>
      </c>
      <c r="B16" s="29">
        <v>67</v>
      </c>
      <c r="C16" s="10">
        <v>75</v>
      </c>
      <c r="D16" s="9">
        <v>142</v>
      </c>
    </row>
    <row r="17" spans="1:4" ht="18" customHeight="1" x14ac:dyDescent="0.15">
      <c r="A17" s="16">
        <v>10</v>
      </c>
      <c r="B17" s="29">
        <v>16</v>
      </c>
      <c r="C17" s="10">
        <v>21</v>
      </c>
      <c r="D17" s="9">
        <v>37</v>
      </c>
    </row>
    <row r="18" spans="1:4" ht="18" customHeight="1" x14ac:dyDescent="0.15">
      <c r="A18" s="16">
        <v>11</v>
      </c>
      <c r="B18" s="29">
        <v>17</v>
      </c>
      <c r="C18" s="10">
        <v>14</v>
      </c>
      <c r="D18" s="9">
        <v>31</v>
      </c>
    </row>
    <row r="19" spans="1:4" ht="18" customHeight="1" x14ac:dyDescent="0.15">
      <c r="A19" s="16">
        <v>12</v>
      </c>
      <c r="B19" s="29">
        <v>14</v>
      </c>
      <c r="C19" s="10">
        <v>15</v>
      </c>
      <c r="D19" s="9">
        <v>29</v>
      </c>
    </row>
    <row r="20" spans="1:4" ht="18" customHeight="1" x14ac:dyDescent="0.15">
      <c r="A20" s="16">
        <v>13</v>
      </c>
      <c r="B20" s="29">
        <v>17</v>
      </c>
      <c r="C20" s="10">
        <v>19</v>
      </c>
      <c r="D20" s="9">
        <v>36</v>
      </c>
    </row>
    <row r="21" spans="1:4" ht="18" customHeight="1" x14ac:dyDescent="0.15">
      <c r="A21" s="16">
        <v>14</v>
      </c>
      <c r="B21" s="29">
        <v>19</v>
      </c>
      <c r="C21" s="10">
        <v>14</v>
      </c>
      <c r="D21" s="9">
        <v>33</v>
      </c>
    </row>
    <row r="22" spans="1:4" ht="18" customHeight="1" x14ac:dyDescent="0.15">
      <c r="A22" s="8" t="s">
        <v>75</v>
      </c>
      <c r="B22" s="29">
        <v>83</v>
      </c>
      <c r="C22" s="10">
        <v>83</v>
      </c>
      <c r="D22" s="9">
        <v>166</v>
      </c>
    </row>
    <row r="23" spans="1:4" ht="18" customHeight="1" x14ac:dyDescent="0.15">
      <c r="A23" s="8" t="s">
        <v>65</v>
      </c>
      <c r="B23" s="29">
        <v>209</v>
      </c>
      <c r="C23" s="10">
        <v>225</v>
      </c>
      <c r="D23" s="9">
        <v>434</v>
      </c>
    </row>
    <row r="24" spans="1:4" ht="18" customHeight="1" x14ac:dyDescent="0.15">
      <c r="A24" s="16">
        <v>15</v>
      </c>
      <c r="B24" s="29">
        <v>22</v>
      </c>
      <c r="C24" s="10">
        <v>18</v>
      </c>
      <c r="D24" s="9">
        <v>40</v>
      </c>
    </row>
    <row r="25" spans="1:4" ht="18" customHeight="1" x14ac:dyDescent="0.15">
      <c r="A25" s="16">
        <v>16</v>
      </c>
      <c r="B25" s="29">
        <v>18</v>
      </c>
      <c r="C25" s="10">
        <v>19</v>
      </c>
      <c r="D25" s="9">
        <v>37</v>
      </c>
    </row>
    <row r="26" spans="1:4" ht="18" customHeight="1" x14ac:dyDescent="0.15">
      <c r="A26" s="16">
        <v>17</v>
      </c>
      <c r="B26" s="29">
        <v>19</v>
      </c>
      <c r="C26" s="10">
        <v>22</v>
      </c>
      <c r="D26" s="9">
        <v>41</v>
      </c>
    </row>
    <row r="27" spans="1:4" ht="18" customHeight="1" x14ac:dyDescent="0.15">
      <c r="A27" s="16">
        <v>18</v>
      </c>
      <c r="B27" s="29">
        <v>19</v>
      </c>
      <c r="C27" s="10">
        <v>23</v>
      </c>
      <c r="D27" s="9">
        <v>42</v>
      </c>
    </row>
    <row r="28" spans="1:4" ht="18" customHeight="1" x14ac:dyDescent="0.15">
      <c r="A28" s="16">
        <v>19</v>
      </c>
      <c r="B28" s="29">
        <v>28</v>
      </c>
      <c r="C28" s="10">
        <v>23</v>
      </c>
      <c r="D28" s="9">
        <v>51</v>
      </c>
    </row>
    <row r="29" spans="1:4" ht="18" customHeight="1" x14ac:dyDescent="0.15">
      <c r="A29" s="8" t="s">
        <v>48</v>
      </c>
      <c r="B29" s="29">
        <v>106</v>
      </c>
      <c r="C29" s="10">
        <v>105</v>
      </c>
      <c r="D29" s="9">
        <v>211</v>
      </c>
    </row>
    <row r="30" spans="1:4" ht="18" customHeight="1" x14ac:dyDescent="0.15">
      <c r="A30" s="16">
        <v>20</v>
      </c>
      <c r="B30" s="29">
        <v>26</v>
      </c>
      <c r="C30" s="10">
        <v>26</v>
      </c>
      <c r="D30" s="9">
        <v>52</v>
      </c>
    </row>
    <row r="31" spans="1:4" ht="18" customHeight="1" x14ac:dyDescent="0.15">
      <c r="A31" s="16">
        <v>21</v>
      </c>
      <c r="B31" s="29">
        <v>21</v>
      </c>
      <c r="C31" s="10">
        <v>22</v>
      </c>
      <c r="D31" s="9">
        <v>43</v>
      </c>
    </row>
    <row r="32" spans="1:4" ht="18" customHeight="1" x14ac:dyDescent="0.15">
      <c r="A32" s="16">
        <v>22</v>
      </c>
      <c r="B32" s="29">
        <v>29</v>
      </c>
      <c r="C32" s="10">
        <v>34</v>
      </c>
      <c r="D32" s="9">
        <v>63</v>
      </c>
    </row>
    <row r="33" spans="1:4" ht="18" customHeight="1" x14ac:dyDescent="0.15">
      <c r="A33" s="16">
        <v>23</v>
      </c>
      <c r="B33" s="29">
        <v>15</v>
      </c>
      <c r="C33" s="10">
        <v>17</v>
      </c>
      <c r="D33" s="9">
        <v>32</v>
      </c>
    </row>
    <row r="34" spans="1:4" ht="18" customHeight="1" x14ac:dyDescent="0.15">
      <c r="A34" s="16">
        <v>24</v>
      </c>
      <c r="B34" s="29">
        <v>15</v>
      </c>
      <c r="C34" s="10">
        <v>23</v>
      </c>
      <c r="D34" s="9">
        <v>38</v>
      </c>
    </row>
    <row r="35" spans="1:4" ht="18" customHeight="1" x14ac:dyDescent="0.15">
      <c r="A35" s="8" t="s">
        <v>74</v>
      </c>
      <c r="B35" s="29">
        <v>106</v>
      </c>
      <c r="C35" s="10">
        <v>122</v>
      </c>
      <c r="D35" s="9">
        <v>228</v>
      </c>
    </row>
    <row r="36" spans="1:4" ht="18" customHeight="1" x14ac:dyDescent="0.15">
      <c r="A36" s="16">
        <v>25</v>
      </c>
      <c r="B36" s="29">
        <v>18</v>
      </c>
      <c r="C36" s="10">
        <v>17</v>
      </c>
      <c r="D36" s="9">
        <v>35</v>
      </c>
    </row>
    <row r="37" spans="1:4" ht="18" customHeight="1" x14ac:dyDescent="0.15">
      <c r="A37" s="16">
        <v>26</v>
      </c>
      <c r="B37" s="29">
        <v>21</v>
      </c>
      <c r="C37" s="10">
        <v>19</v>
      </c>
      <c r="D37" s="9">
        <v>40</v>
      </c>
    </row>
    <row r="38" spans="1:4" ht="18" customHeight="1" x14ac:dyDescent="0.15">
      <c r="A38" s="16">
        <v>27</v>
      </c>
      <c r="B38" s="29">
        <v>23</v>
      </c>
      <c r="C38" s="10">
        <v>17</v>
      </c>
      <c r="D38" s="9">
        <v>40</v>
      </c>
    </row>
    <row r="39" spans="1:4" ht="18" customHeight="1" x14ac:dyDescent="0.15">
      <c r="A39" s="16">
        <v>28</v>
      </c>
      <c r="B39" s="29">
        <v>16</v>
      </c>
      <c r="C39" s="10">
        <v>24</v>
      </c>
      <c r="D39" s="9">
        <v>40</v>
      </c>
    </row>
    <row r="40" spans="1:4" ht="18" customHeight="1" x14ac:dyDescent="0.15">
      <c r="A40" s="16">
        <v>29</v>
      </c>
      <c r="B40" s="29">
        <v>17</v>
      </c>
      <c r="C40" s="10">
        <v>13</v>
      </c>
      <c r="D40" s="9">
        <v>30</v>
      </c>
    </row>
    <row r="41" spans="1:4" ht="18" customHeight="1" x14ac:dyDescent="0.15">
      <c r="A41" s="8" t="s">
        <v>73</v>
      </c>
      <c r="B41" s="29">
        <v>95</v>
      </c>
      <c r="C41" s="10">
        <v>90</v>
      </c>
      <c r="D41" s="9">
        <v>185</v>
      </c>
    </row>
    <row r="42" spans="1:4" ht="18" customHeight="1" x14ac:dyDescent="0.15">
      <c r="A42" s="16">
        <v>30</v>
      </c>
      <c r="B42" s="29">
        <v>20</v>
      </c>
      <c r="C42" s="10">
        <v>19</v>
      </c>
      <c r="D42" s="9">
        <v>39</v>
      </c>
    </row>
    <row r="43" spans="1:4" ht="18" customHeight="1" x14ac:dyDescent="0.15">
      <c r="A43" s="16">
        <v>31</v>
      </c>
      <c r="B43" s="29">
        <v>23</v>
      </c>
      <c r="C43" s="10">
        <v>14</v>
      </c>
      <c r="D43" s="9">
        <v>37</v>
      </c>
    </row>
    <row r="44" spans="1:4" ht="18" customHeight="1" x14ac:dyDescent="0.15">
      <c r="A44" s="16">
        <v>32</v>
      </c>
      <c r="B44" s="29">
        <v>21</v>
      </c>
      <c r="C44" s="10">
        <v>11</v>
      </c>
      <c r="D44" s="9">
        <v>32</v>
      </c>
    </row>
    <row r="45" spans="1:4" ht="18" customHeight="1" x14ac:dyDescent="0.15">
      <c r="A45" s="16">
        <v>33</v>
      </c>
      <c r="B45" s="29">
        <v>23</v>
      </c>
      <c r="C45" s="10">
        <v>21</v>
      </c>
      <c r="D45" s="9">
        <v>44</v>
      </c>
    </row>
    <row r="46" spans="1:4" ht="18" customHeight="1" x14ac:dyDescent="0.15">
      <c r="A46" s="16">
        <v>34</v>
      </c>
      <c r="B46" s="29">
        <v>24</v>
      </c>
      <c r="C46" s="10">
        <v>13</v>
      </c>
      <c r="D46" s="9">
        <v>37</v>
      </c>
    </row>
    <row r="47" spans="1:4" ht="18" customHeight="1" x14ac:dyDescent="0.15">
      <c r="A47" s="8" t="s">
        <v>61</v>
      </c>
      <c r="B47" s="29">
        <v>111</v>
      </c>
      <c r="C47" s="10">
        <v>78</v>
      </c>
      <c r="D47" s="9">
        <v>189</v>
      </c>
    </row>
    <row r="48" spans="1:4" ht="18" customHeight="1" x14ac:dyDescent="0.15">
      <c r="A48" s="16">
        <v>35</v>
      </c>
      <c r="B48" s="29">
        <v>24</v>
      </c>
      <c r="C48" s="10">
        <v>14</v>
      </c>
      <c r="D48" s="9">
        <v>38</v>
      </c>
    </row>
    <row r="49" spans="1:4" ht="18" customHeight="1" x14ac:dyDescent="0.15">
      <c r="A49" s="16">
        <v>36</v>
      </c>
      <c r="B49" s="29">
        <v>15</v>
      </c>
      <c r="C49" s="10">
        <v>22</v>
      </c>
      <c r="D49" s="9">
        <v>37</v>
      </c>
    </row>
    <row r="50" spans="1:4" ht="18" customHeight="1" x14ac:dyDescent="0.15">
      <c r="A50" s="16">
        <v>37</v>
      </c>
      <c r="B50" s="29">
        <v>19</v>
      </c>
      <c r="C50" s="10">
        <v>28</v>
      </c>
      <c r="D50" s="9">
        <v>47</v>
      </c>
    </row>
    <row r="51" spans="1:4" ht="18" customHeight="1" x14ac:dyDescent="0.15">
      <c r="A51" s="16">
        <v>38</v>
      </c>
      <c r="B51" s="29">
        <v>18</v>
      </c>
      <c r="C51" s="10">
        <v>20</v>
      </c>
      <c r="D51" s="9">
        <v>38</v>
      </c>
    </row>
    <row r="52" spans="1:4" ht="18" customHeight="1" x14ac:dyDescent="0.15">
      <c r="A52" s="16">
        <v>39</v>
      </c>
      <c r="B52" s="29">
        <v>19</v>
      </c>
      <c r="C52" s="10">
        <v>17</v>
      </c>
      <c r="D52" s="9">
        <v>36</v>
      </c>
    </row>
    <row r="53" spans="1:4" ht="18" customHeight="1" x14ac:dyDescent="0.15">
      <c r="A53" s="8" t="s">
        <v>72</v>
      </c>
      <c r="B53" s="29">
        <v>95</v>
      </c>
      <c r="C53" s="10">
        <v>101</v>
      </c>
      <c r="D53" s="9">
        <v>196</v>
      </c>
    </row>
    <row r="54" spans="1:4" ht="18" customHeight="1" x14ac:dyDescent="0.15">
      <c r="A54" s="16">
        <v>40</v>
      </c>
      <c r="B54" s="29">
        <v>21</v>
      </c>
      <c r="C54" s="10">
        <v>18</v>
      </c>
      <c r="D54" s="9">
        <v>39</v>
      </c>
    </row>
    <row r="55" spans="1:4" ht="18" customHeight="1" x14ac:dyDescent="0.15">
      <c r="A55" s="16">
        <v>41</v>
      </c>
      <c r="B55" s="29">
        <v>16</v>
      </c>
      <c r="C55" s="10">
        <v>23</v>
      </c>
      <c r="D55" s="9">
        <v>39</v>
      </c>
    </row>
    <row r="56" spans="1:4" ht="18" customHeight="1" x14ac:dyDescent="0.15">
      <c r="A56" s="16">
        <v>42</v>
      </c>
      <c r="B56" s="29">
        <v>26</v>
      </c>
      <c r="C56" s="10">
        <v>21</v>
      </c>
      <c r="D56" s="9">
        <v>47</v>
      </c>
    </row>
    <row r="57" spans="1:4" ht="18" customHeight="1" x14ac:dyDescent="0.15">
      <c r="A57" s="16">
        <v>43</v>
      </c>
      <c r="B57" s="29">
        <v>21</v>
      </c>
      <c r="C57" s="10">
        <v>28</v>
      </c>
      <c r="D57" s="9">
        <v>49</v>
      </c>
    </row>
    <row r="58" spans="1:4" ht="18" customHeight="1" x14ac:dyDescent="0.15">
      <c r="A58" s="16">
        <v>44</v>
      </c>
      <c r="B58" s="29">
        <v>28</v>
      </c>
      <c r="C58" s="10">
        <v>18</v>
      </c>
      <c r="D58" s="9">
        <v>46</v>
      </c>
    </row>
    <row r="59" spans="1:4" ht="18" customHeight="1" x14ac:dyDescent="0.15">
      <c r="A59" s="8" t="s">
        <v>46</v>
      </c>
      <c r="B59" s="29">
        <v>112</v>
      </c>
      <c r="C59" s="10">
        <v>108</v>
      </c>
      <c r="D59" s="9">
        <v>220</v>
      </c>
    </row>
    <row r="60" spans="1:4" ht="18" customHeight="1" x14ac:dyDescent="0.15">
      <c r="A60" s="16">
        <v>45</v>
      </c>
      <c r="B60" s="29">
        <v>21</v>
      </c>
      <c r="C60" s="10">
        <v>22</v>
      </c>
      <c r="D60" s="9">
        <v>43</v>
      </c>
    </row>
    <row r="61" spans="1:4" ht="18" customHeight="1" x14ac:dyDescent="0.15">
      <c r="A61" s="16">
        <v>46</v>
      </c>
      <c r="B61" s="29">
        <v>37</v>
      </c>
      <c r="C61" s="10">
        <v>33</v>
      </c>
      <c r="D61" s="9">
        <v>70</v>
      </c>
    </row>
    <row r="62" spans="1:4" ht="18" customHeight="1" x14ac:dyDescent="0.15">
      <c r="A62" s="16">
        <v>47</v>
      </c>
      <c r="B62" s="29">
        <v>25</v>
      </c>
      <c r="C62" s="10">
        <v>38</v>
      </c>
      <c r="D62" s="9">
        <v>63</v>
      </c>
    </row>
    <row r="63" spans="1:4" ht="18" customHeight="1" x14ac:dyDescent="0.15">
      <c r="A63" s="16">
        <v>48</v>
      </c>
      <c r="B63" s="29">
        <v>38</v>
      </c>
      <c r="C63" s="10">
        <v>35</v>
      </c>
      <c r="D63" s="9">
        <v>73</v>
      </c>
    </row>
    <row r="64" spans="1:4" ht="18" customHeight="1" x14ac:dyDescent="0.15">
      <c r="A64" s="16">
        <v>49</v>
      </c>
      <c r="B64" s="29">
        <v>38</v>
      </c>
      <c r="C64" s="10">
        <v>33</v>
      </c>
      <c r="D64" s="9">
        <v>71</v>
      </c>
    </row>
    <row r="65" spans="1:4" ht="18" customHeight="1" x14ac:dyDescent="0.15">
      <c r="A65" s="8" t="s">
        <v>45</v>
      </c>
      <c r="B65" s="29">
        <v>159</v>
      </c>
      <c r="C65" s="10">
        <v>161</v>
      </c>
      <c r="D65" s="9">
        <v>320</v>
      </c>
    </row>
    <row r="66" spans="1:4" ht="18" customHeight="1" x14ac:dyDescent="0.15">
      <c r="A66" s="16">
        <v>50</v>
      </c>
      <c r="B66" s="29">
        <v>37</v>
      </c>
      <c r="C66" s="10">
        <v>47</v>
      </c>
      <c r="D66" s="9">
        <v>84</v>
      </c>
    </row>
    <row r="67" spans="1:4" ht="18" customHeight="1" x14ac:dyDescent="0.15">
      <c r="A67" s="16">
        <v>51</v>
      </c>
      <c r="B67" s="29">
        <v>33</v>
      </c>
      <c r="C67" s="10">
        <v>32</v>
      </c>
      <c r="D67" s="9">
        <v>65</v>
      </c>
    </row>
    <row r="68" spans="1:4" ht="18" customHeight="1" x14ac:dyDescent="0.15">
      <c r="A68" s="16">
        <v>52</v>
      </c>
      <c r="B68" s="29">
        <v>27</v>
      </c>
      <c r="C68" s="10">
        <v>33</v>
      </c>
      <c r="D68" s="9">
        <v>60</v>
      </c>
    </row>
    <row r="69" spans="1:4" ht="18" customHeight="1" x14ac:dyDescent="0.15">
      <c r="A69" s="16">
        <v>53</v>
      </c>
      <c r="B69" s="29">
        <v>30</v>
      </c>
      <c r="C69" s="10">
        <v>32</v>
      </c>
      <c r="D69" s="9">
        <v>62</v>
      </c>
    </row>
    <row r="70" spans="1:4" ht="18" customHeight="1" x14ac:dyDescent="0.15">
      <c r="A70" s="16">
        <v>54</v>
      </c>
      <c r="B70" s="29">
        <v>21</v>
      </c>
      <c r="C70" s="10">
        <v>34</v>
      </c>
      <c r="D70" s="9">
        <v>55</v>
      </c>
    </row>
    <row r="71" spans="1:4" ht="18" customHeight="1" x14ac:dyDescent="0.15">
      <c r="A71" s="8" t="s">
        <v>58</v>
      </c>
      <c r="B71" s="29">
        <v>148</v>
      </c>
      <c r="C71" s="10">
        <v>178</v>
      </c>
      <c r="D71" s="9">
        <v>326</v>
      </c>
    </row>
    <row r="72" spans="1:4" ht="18" customHeight="1" x14ac:dyDescent="0.15">
      <c r="A72" s="16">
        <v>55</v>
      </c>
      <c r="B72" s="29">
        <v>24</v>
      </c>
      <c r="C72" s="10">
        <v>30</v>
      </c>
      <c r="D72" s="9">
        <v>54</v>
      </c>
    </row>
    <row r="73" spans="1:4" ht="18" customHeight="1" x14ac:dyDescent="0.15">
      <c r="A73" s="16">
        <v>56</v>
      </c>
      <c r="B73" s="29">
        <v>43</v>
      </c>
      <c r="C73" s="10">
        <v>33</v>
      </c>
      <c r="D73" s="9">
        <v>76</v>
      </c>
    </row>
    <row r="74" spans="1:4" ht="18" customHeight="1" x14ac:dyDescent="0.15">
      <c r="A74" s="16">
        <v>57</v>
      </c>
      <c r="B74" s="29">
        <v>27</v>
      </c>
      <c r="C74" s="10">
        <v>30</v>
      </c>
      <c r="D74" s="9">
        <v>57</v>
      </c>
    </row>
    <row r="75" spans="1:4" ht="18" customHeight="1" x14ac:dyDescent="0.15">
      <c r="A75" s="16">
        <v>58</v>
      </c>
      <c r="B75" s="29">
        <v>26</v>
      </c>
      <c r="C75" s="10">
        <v>41</v>
      </c>
      <c r="D75" s="9">
        <v>67</v>
      </c>
    </row>
    <row r="76" spans="1:4" ht="18" customHeight="1" x14ac:dyDescent="0.15">
      <c r="A76" s="16">
        <v>59</v>
      </c>
      <c r="B76" s="29">
        <v>29</v>
      </c>
      <c r="C76" s="10">
        <v>19</v>
      </c>
      <c r="D76" s="9">
        <v>48</v>
      </c>
    </row>
    <row r="77" spans="1:4" ht="18" customHeight="1" x14ac:dyDescent="0.15">
      <c r="A77" s="8" t="s">
        <v>71</v>
      </c>
      <c r="B77" s="29">
        <v>149</v>
      </c>
      <c r="C77" s="10">
        <v>153</v>
      </c>
      <c r="D77" s="9">
        <v>302</v>
      </c>
    </row>
    <row r="78" spans="1:4" ht="18" customHeight="1" x14ac:dyDescent="0.15">
      <c r="A78" s="16">
        <v>60</v>
      </c>
      <c r="B78" s="29">
        <v>34</v>
      </c>
      <c r="C78" s="10">
        <v>23</v>
      </c>
      <c r="D78" s="9">
        <v>57</v>
      </c>
    </row>
    <row r="79" spans="1:4" ht="18" customHeight="1" x14ac:dyDescent="0.15">
      <c r="A79" s="16">
        <v>61</v>
      </c>
      <c r="B79" s="29">
        <v>22</v>
      </c>
      <c r="C79" s="10">
        <v>22</v>
      </c>
      <c r="D79" s="9">
        <v>44</v>
      </c>
    </row>
    <row r="80" spans="1:4" ht="18" customHeight="1" x14ac:dyDescent="0.15">
      <c r="A80" s="16">
        <v>62</v>
      </c>
      <c r="B80" s="29">
        <v>37</v>
      </c>
      <c r="C80" s="10">
        <v>32</v>
      </c>
      <c r="D80" s="9">
        <v>69</v>
      </c>
    </row>
    <row r="81" spans="1:4" ht="18" customHeight="1" x14ac:dyDescent="0.15">
      <c r="A81" s="16">
        <v>63</v>
      </c>
      <c r="B81" s="29">
        <v>27</v>
      </c>
      <c r="C81" s="10">
        <v>20</v>
      </c>
      <c r="D81" s="9">
        <v>47</v>
      </c>
    </row>
    <row r="82" spans="1:4" ht="18" customHeight="1" x14ac:dyDescent="0.15">
      <c r="A82" s="16">
        <v>64</v>
      </c>
      <c r="B82" s="29">
        <v>19</v>
      </c>
      <c r="C82" s="10">
        <v>30</v>
      </c>
      <c r="D82" s="9">
        <v>49</v>
      </c>
    </row>
    <row r="83" spans="1:4" ht="18" customHeight="1" x14ac:dyDescent="0.15">
      <c r="A83" s="8" t="s">
        <v>44</v>
      </c>
      <c r="B83" s="29">
        <v>139</v>
      </c>
      <c r="C83" s="10">
        <v>127</v>
      </c>
      <c r="D83" s="9">
        <v>266</v>
      </c>
    </row>
    <row r="84" spans="1:4" ht="18" customHeight="1" x14ac:dyDescent="0.15">
      <c r="A84" s="8" t="s">
        <v>43</v>
      </c>
      <c r="B84" s="29">
        <v>1220</v>
      </c>
      <c r="C84" s="10">
        <v>1223</v>
      </c>
      <c r="D84" s="9">
        <v>2443</v>
      </c>
    </row>
    <row r="85" spans="1:4" ht="18" customHeight="1" x14ac:dyDescent="0.15">
      <c r="A85" s="16">
        <v>65</v>
      </c>
      <c r="B85" s="29">
        <v>16</v>
      </c>
      <c r="C85" s="10">
        <v>24</v>
      </c>
      <c r="D85" s="9">
        <v>40</v>
      </c>
    </row>
    <row r="86" spans="1:4" ht="18" customHeight="1" x14ac:dyDescent="0.15">
      <c r="A86" s="16">
        <v>66</v>
      </c>
      <c r="B86" s="29">
        <v>19</v>
      </c>
      <c r="C86" s="10">
        <v>21</v>
      </c>
      <c r="D86" s="9">
        <v>40</v>
      </c>
    </row>
    <row r="87" spans="1:4" ht="18" customHeight="1" x14ac:dyDescent="0.15">
      <c r="A87" s="16">
        <v>67</v>
      </c>
      <c r="B87" s="29">
        <v>16</v>
      </c>
      <c r="C87" s="10">
        <v>25</v>
      </c>
      <c r="D87" s="9">
        <v>41</v>
      </c>
    </row>
    <row r="88" spans="1:4" ht="18" customHeight="1" x14ac:dyDescent="0.15">
      <c r="A88" s="16">
        <v>68</v>
      </c>
      <c r="B88" s="29">
        <v>25</v>
      </c>
      <c r="C88" s="10">
        <v>23</v>
      </c>
      <c r="D88" s="9">
        <v>48</v>
      </c>
    </row>
    <row r="89" spans="1:4" ht="18" customHeight="1" x14ac:dyDescent="0.15">
      <c r="A89" s="16">
        <v>69</v>
      </c>
      <c r="B89" s="29">
        <v>34</v>
      </c>
      <c r="C89" s="10">
        <v>21</v>
      </c>
      <c r="D89" s="9">
        <v>55</v>
      </c>
    </row>
    <row r="90" spans="1:4" ht="18" customHeight="1" x14ac:dyDescent="0.15">
      <c r="A90" s="8" t="s">
        <v>42</v>
      </c>
      <c r="B90" s="29">
        <v>110</v>
      </c>
      <c r="C90" s="10">
        <v>114</v>
      </c>
      <c r="D90" s="9">
        <v>224</v>
      </c>
    </row>
    <row r="91" spans="1:4" ht="18" customHeight="1" x14ac:dyDescent="0.15">
      <c r="A91" s="16">
        <v>70</v>
      </c>
      <c r="B91" s="29">
        <v>19</v>
      </c>
      <c r="C91" s="10">
        <v>31</v>
      </c>
      <c r="D91" s="9">
        <v>50</v>
      </c>
    </row>
    <row r="92" spans="1:4" ht="18" customHeight="1" x14ac:dyDescent="0.15">
      <c r="A92" s="16">
        <v>71</v>
      </c>
      <c r="B92" s="29">
        <v>25</v>
      </c>
      <c r="C92" s="10">
        <v>27</v>
      </c>
      <c r="D92" s="9">
        <v>52</v>
      </c>
    </row>
    <row r="93" spans="1:4" ht="18" customHeight="1" x14ac:dyDescent="0.15">
      <c r="A93" s="16">
        <v>72</v>
      </c>
      <c r="B93" s="29">
        <v>25</v>
      </c>
      <c r="C93" s="10">
        <v>33</v>
      </c>
      <c r="D93" s="9">
        <v>58</v>
      </c>
    </row>
    <row r="94" spans="1:4" ht="18" customHeight="1" x14ac:dyDescent="0.15">
      <c r="A94" s="16">
        <v>73</v>
      </c>
      <c r="B94" s="29">
        <v>38</v>
      </c>
      <c r="C94" s="10">
        <v>42</v>
      </c>
      <c r="D94" s="9">
        <v>80</v>
      </c>
    </row>
    <row r="95" spans="1:4" ht="18" customHeight="1" x14ac:dyDescent="0.15">
      <c r="A95" s="16">
        <v>74</v>
      </c>
      <c r="B95" s="29">
        <v>27</v>
      </c>
      <c r="C95" s="10">
        <v>31</v>
      </c>
      <c r="D95" s="9">
        <v>58</v>
      </c>
    </row>
    <row r="96" spans="1:4" ht="18" customHeight="1" x14ac:dyDescent="0.15">
      <c r="A96" s="8" t="s">
        <v>41</v>
      </c>
      <c r="B96" s="29">
        <v>134</v>
      </c>
      <c r="C96" s="10">
        <v>164</v>
      </c>
      <c r="D96" s="9">
        <v>298</v>
      </c>
    </row>
    <row r="97" spans="1:4" ht="18" customHeight="1" x14ac:dyDescent="0.15">
      <c r="A97" s="16">
        <v>75</v>
      </c>
      <c r="B97" s="29">
        <v>25</v>
      </c>
      <c r="C97" s="10">
        <v>43</v>
      </c>
      <c r="D97" s="9">
        <v>68</v>
      </c>
    </row>
    <row r="98" spans="1:4" ht="18" customHeight="1" x14ac:dyDescent="0.15">
      <c r="A98" s="16">
        <v>76</v>
      </c>
      <c r="B98" s="29">
        <v>19</v>
      </c>
      <c r="C98" s="10">
        <v>29</v>
      </c>
      <c r="D98" s="9">
        <v>48</v>
      </c>
    </row>
    <row r="99" spans="1:4" ht="18" customHeight="1" x14ac:dyDescent="0.15">
      <c r="A99" s="16">
        <v>77</v>
      </c>
      <c r="B99" s="29">
        <v>15</v>
      </c>
      <c r="C99" s="10">
        <v>20</v>
      </c>
      <c r="D99" s="9">
        <v>35</v>
      </c>
    </row>
    <row r="100" spans="1:4" ht="18" customHeight="1" x14ac:dyDescent="0.15">
      <c r="A100" s="16">
        <v>78</v>
      </c>
      <c r="B100" s="29">
        <v>16</v>
      </c>
      <c r="C100" s="10">
        <v>25</v>
      </c>
      <c r="D100" s="9">
        <v>41</v>
      </c>
    </row>
    <row r="101" spans="1:4" ht="18" customHeight="1" x14ac:dyDescent="0.15">
      <c r="A101" s="16">
        <v>79</v>
      </c>
      <c r="B101" s="29">
        <v>16</v>
      </c>
      <c r="C101" s="10">
        <v>33</v>
      </c>
      <c r="D101" s="9">
        <v>49</v>
      </c>
    </row>
    <row r="102" spans="1:4" ht="18" customHeight="1" x14ac:dyDescent="0.15">
      <c r="A102" s="8" t="s">
        <v>70</v>
      </c>
      <c r="B102" s="29">
        <v>91</v>
      </c>
      <c r="C102" s="10">
        <v>150</v>
      </c>
      <c r="D102" s="9">
        <v>241</v>
      </c>
    </row>
    <row r="103" spans="1:4" ht="18" customHeight="1" x14ac:dyDescent="0.15">
      <c r="A103" s="16">
        <v>80</v>
      </c>
      <c r="B103" s="29">
        <v>18</v>
      </c>
      <c r="C103" s="10">
        <v>26</v>
      </c>
      <c r="D103" s="9">
        <v>44</v>
      </c>
    </row>
    <row r="104" spans="1:4" ht="18" customHeight="1" x14ac:dyDescent="0.15">
      <c r="A104" s="16">
        <v>81</v>
      </c>
      <c r="B104" s="29">
        <v>17</v>
      </c>
      <c r="C104" s="10">
        <v>33</v>
      </c>
      <c r="D104" s="9">
        <v>50</v>
      </c>
    </row>
    <row r="105" spans="1:4" ht="18" customHeight="1" x14ac:dyDescent="0.15">
      <c r="A105" s="16">
        <v>82</v>
      </c>
      <c r="B105" s="29">
        <v>19</v>
      </c>
      <c r="C105" s="10">
        <v>30</v>
      </c>
      <c r="D105" s="9">
        <v>49</v>
      </c>
    </row>
    <row r="106" spans="1:4" ht="18" customHeight="1" x14ac:dyDescent="0.15">
      <c r="A106" s="16">
        <v>83</v>
      </c>
      <c r="B106" s="29">
        <v>21</v>
      </c>
      <c r="C106" s="10">
        <v>20</v>
      </c>
      <c r="D106" s="9">
        <v>41</v>
      </c>
    </row>
    <row r="107" spans="1:4" ht="18" customHeight="1" x14ac:dyDescent="0.15">
      <c r="A107" s="16">
        <v>84</v>
      </c>
      <c r="B107" s="29">
        <v>11</v>
      </c>
      <c r="C107" s="10">
        <v>25</v>
      </c>
      <c r="D107" s="9">
        <v>36</v>
      </c>
    </row>
    <row r="108" spans="1:4" ht="18" customHeight="1" x14ac:dyDescent="0.15">
      <c r="A108" s="8" t="s">
        <v>39</v>
      </c>
      <c r="B108" s="29">
        <v>86</v>
      </c>
      <c r="C108" s="10">
        <v>134</v>
      </c>
      <c r="D108" s="9">
        <v>220</v>
      </c>
    </row>
    <row r="109" spans="1:4" ht="18" customHeight="1" x14ac:dyDescent="0.15">
      <c r="A109" s="16">
        <v>85</v>
      </c>
      <c r="B109" s="29">
        <v>18</v>
      </c>
      <c r="C109" s="10">
        <v>18</v>
      </c>
      <c r="D109" s="9">
        <v>36</v>
      </c>
    </row>
    <row r="110" spans="1:4" ht="18" customHeight="1" x14ac:dyDescent="0.15">
      <c r="A110" s="16">
        <v>86</v>
      </c>
      <c r="B110" s="29">
        <v>2</v>
      </c>
      <c r="C110" s="10">
        <v>10</v>
      </c>
      <c r="D110" s="9">
        <v>12</v>
      </c>
    </row>
    <row r="111" spans="1:4" ht="18" customHeight="1" x14ac:dyDescent="0.15">
      <c r="A111" s="16">
        <v>87</v>
      </c>
      <c r="B111" s="29">
        <v>9</v>
      </c>
      <c r="C111" s="10">
        <v>20</v>
      </c>
      <c r="D111" s="9">
        <v>29</v>
      </c>
    </row>
    <row r="112" spans="1:4" ht="18" customHeight="1" x14ac:dyDescent="0.15">
      <c r="A112" s="16">
        <v>88</v>
      </c>
      <c r="B112" s="29">
        <v>9</v>
      </c>
      <c r="C112" s="10">
        <v>10</v>
      </c>
      <c r="D112" s="9">
        <v>19</v>
      </c>
    </row>
    <row r="113" spans="1:4" ht="18" customHeight="1" x14ac:dyDescent="0.15">
      <c r="A113" s="16">
        <v>89</v>
      </c>
      <c r="B113" s="29">
        <v>8</v>
      </c>
      <c r="C113" s="10">
        <v>9</v>
      </c>
      <c r="D113" s="9">
        <v>17</v>
      </c>
    </row>
    <row r="114" spans="1:4" ht="18" customHeight="1" x14ac:dyDescent="0.15">
      <c r="A114" s="8" t="s">
        <v>38</v>
      </c>
      <c r="B114" s="29">
        <v>46</v>
      </c>
      <c r="C114" s="10">
        <v>67</v>
      </c>
      <c r="D114" s="9">
        <v>113</v>
      </c>
    </row>
    <row r="115" spans="1:4" ht="18" customHeight="1" x14ac:dyDescent="0.15">
      <c r="A115" s="16">
        <v>90</v>
      </c>
      <c r="B115" s="29">
        <v>8</v>
      </c>
      <c r="C115" s="10">
        <v>13</v>
      </c>
      <c r="D115" s="9">
        <v>21</v>
      </c>
    </row>
    <row r="116" spans="1:4" ht="18" customHeight="1" x14ac:dyDescent="0.15">
      <c r="A116" s="16">
        <v>91</v>
      </c>
      <c r="B116" s="29">
        <v>5</v>
      </c>
      <c r="C116" s="10">
        <v>12</v>
      </c>
      <c r="D116" s="9">
        <v>17</v>
      </c>
    </row>
    <row r="117" spans="1:4" ht="18" customHeight="1" x14ac:dyDescent="0.15">
      <c r="A117" s="16">
        <v>92</v>
      </c>
      <c r="B117" s="29">
        <v>1</v>
      </c>
      <c r="C117" s="10">
        <v>5</v>
      </c>
      <c r="D117" s="9">
        <v>6</v>
      </c>
    </row>
    <row r="118" spans="1:4" ht="18" customHeight="1" x14ac:dyDescent="0.15">
      <c r="A118" s="16">
        <v>93</v>
      </c>
      <c r="B118" s="29">
        <v>0</v>
      </c>
      <c r="C118" s="10">
        <v>5</v>
      </c>
      <c r="D118" s="9">
        <v>5</v>
      </c>
    </row>
    <row r="119" spans="1:4" ht="18" customHeight="1" x14ac:dyDescent="0.15">
      <c r="A119" s="16">
        <v>94</v>
      </c>
      <c r="B119" s="29">
        <v>0</v>
      </c>
      <c r="C119" s="10">
        <v>4</v>
      </c>
      <c r="D119" s="9">
        <v>4</v>
      </c>
    </row>
    <row r="120" spans="1:4" ht="18" customHeight="1" x14ac:dyDescent="0.15">
      <c r="A120" s="8" t="s">
        <v>69</v>
      </c>
      <c r="B120" s="29">
        <v>14</v>
      </c>
      <c r="C120" s="10">
        <v>39</v>
      </c>
      <c r="D120" s="9">
        <v>53</v>
      </c>
    </row>
    <row r="121" spans="1:4" ht="18" customHeight="1" x14ac:dyDescent="0.15">
      <c r="A121" s="16">
        <v>95</v>
      </c>
      <c r="B121" s="29">
        <v>1</v>
      </c>
      <c r="C121" s="10">
        <v>8</v>
      </c>
      <c r="D121" s="9">
        <v>9</v>
      </c>
    </row>
    <row r="122" spans="1:4" ht="18" customHeight="1" x14ac:dyDescent="0.15">
      <c r="A122" s="16">
        <v>96</v>
      </c>
      <c r="B122" s="29">
        <v>1</v>
      </c>
      <c r="C122" s="10">
        <v>1</v>
      </c>
      <c r="D122" s="9">
        <v>2</v>
      </c>
    </row>
    <row r="123" spans="1:4" ht="18" customHeight="1" x14ac:dyDescent="0.15">
      <c r="A123" s="16">
        <v>97</v>
      </c>
      <c r="B123" s="29">
        <v>1</v>
      </c>
      <c r="C123" s="10">
        <v>4</v>
      </c>
      <c r="D123" s="9">
        <v>5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3</v>
      </c>
      <c r="C126" s="10">
        <v>19</v>
      </c>
      <c r="D126" s="9">
        <v>22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35</v>
      </c>
      <c r="B130" s="28">
        <v>484</v>
      </c>
      <c r="C130" s="6">
        <v>687</v>
      </c>
      <c r="D130" s="5">
        <v>1171</v>
      </c>
    </row>
    <row r="131" spans="1:4" ht="18" customHeight="1" x14ac:dyDescent="0.15">
      <c r="A131" s="4" t="s">
        <v>0</v>
      </c>
      <c r="B131" s="27">
        <v>1913</v>
      </c>
      <c r="C131" s="2">
        <v>2135</v>
      </c>
      <c r="D131" s="1">
        <v>404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1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7</v>
      </c>
      <c r="C5" s="18">
        <v>7</v>
      </c>
      <c r="D5" s="17">
        <v>14</v>
      </c>
    </row>
    <row r="6" spans="1:4" ht="18" customHeight="1" x14ac:dyDescent="0.15">
      <c r="A6" s="16">
        <v>1</v>
      </c>
      <c r="B6" s="29">
        <v>5</v>
      </c>
      <c r="C6" s="10">
        <v>8</v>
      </c>
      <c r="D6" s="9">
        <v>13</v>
      </c>
    </row>
    <row r="7" spans="1:4" ht="18" customHeight="1" x14ac:dyDescent="0.15">
      <c r="A7" s="16">
        <v>2</v>
      </c>
      <c r="B7" s="29">
        <v>4</v>
      </c>
      <c r="C7" s="10">
        <v>9</v>
      </c>
      <c r="D7" s="9">
        <v>13</v>
      </c>
    </row>
    <row r="8" spans="1:4" ht="18" customHeight="1" x14ac:dyDescent="0.15">
      <c r="A8" s="16">
        <v>3</v>
      </c>
      <c r="B8" s="29">
        <v>12</v>
      </c>
      <c r="C8" s="10">
        <v>7</v>
      </c>
      <c r="D8" s="9">
        <v>19</v>
      </c>
    </row>
    <row r="9" spans="1:4" ht="18" customHeight="1" x14ac:dyDescent="0.15">
      <c r="A9" s="16">
        <v>4</v>
      </c>
      <c r="B9" s="29">
        <v>4</v>
      </c>
      <c r="C9" s="10">
        <v>5</v>
      </c>
      <c r="D9" s="9">
        <v>9</v>
      </c>
    </row>
    <row r="10" spans="1:4" ht="18" customHeight="1" x14ac:dyDescent="0.15">
      <c r="A10" s="8" t="s">
        <v>76</v>
      </c>
      <c r="B10" s="29">
        <v>32</v>
      </c>
      <c r="C10" s="10">
        <v>36</v>
      </c>
      <c r="D10" s="9">
        <v>68</v>
      </c>
    </row>
    <row r="11" spans="1:4" ht="18" customHeight="1" x14ac:dyDescent="0.15">
      <c r="A11" s="16">
        <v>5</v>
      </c>
      <c r="B11" s="29">
        <v>5</v>
      </c>
      <c r="C11" s="10">
        <v>9</v>
      </c>
      <c r="D11" s="9">
        <v>14</v>
      </c>
    </row>
    <row r="12" spans="1:4" ht="18" customHeight="1" x14ac:dyDescent="0.15">
      <c r="A12" s="16">
        <v>6</v>
      </c>
      <c r="B12" s="29">
        <v>7</v>
      </c>
      <c r="C12" s="10">
        <v>16</v>
      </c>
      <c r="D12" s="9">
        <v>23</v>
      </c>
    </row>
    <row r="13" spans="1:4" ht="18" customHeight="1" x14ac:dyDescent="0.15">
      <c r="A13" s="16">
        <v>7</v>
      </c>
      <c r="B13" s="29">
        <v>9</v>
      </c>
      <c r="C13" s="10">
        <v>5</v>
      </c>
      <c r="D13" s="9">
        <v>14</v>
      </c>
    </row>
    <row r="14" spans="1:4" ht="18" customHeight="1" x14ac:dyDescent="0.15">
      <c r="A14" s="16">
        <v>8</v>
      </c>
      <c r="B14" s="29">
        <v>6</v>
      </c>
      <c r="C14" s="10">
        <v>7</v>
      </c>
      <c r="D14" s="9">
        <v>13</v>
      </c>
    </row>
    <row r="15" spans="1:4" ht="18" customHeight="1" x14ac:dyDescent="0.15">
      <c r="A15" s="16">
        <v>9</v>
      </c>
      <c r="B15" s="29">
        <v>9</v>
      </c>
      <c r="C15" s="10">
        <v>7</v>
      </c>
      <c r="D15" s="9">
        <v>16</v>
      </c>
    </row>
    <row r="16" spans="1:4" ht="18" customHeight="1" x14ac:dyDescent="0.15">
      <c r="A16" s="8" t="s">
        <v>106</v>
      </c>
      <c r="B16" s="29">
        <v>36</v>
      </c>
      <c r="C16" s="10">
        <v>44</v>
      </c>
      <c r="D16" s="9">
        <v>80</v>
      </c>
    </row>
    <row r="17" spans="1:4" ht="18" customHeight="1" x14ac:dyDescent="0.15">
      <c r="A17" s="16">
        <v>10</v>
      </c>
      <c r="B17" s="29">
        <v>11</v>
      </c>
      <c r="C17" s="10">
        <v>6</v>
      </c>
      <c r="D17" s="9">
        <v>17</v>
      </c>
    </row>
    <row r="18" spans="1:4" ht="18" customHeight="1" x14ac:dyDescent="0.15">
      <c r="A18" s="16">
        <v>11</v>
      </c>
      <c r="B18" s="29">
        <v>5</v>
      </c>
      <c r="C18" s="10">
        <v>17</v>
      </c>
      <c r="D18" s="9">
        <v>22</v>
      </c>
    </row>
    <row r="19" spans="1:4" ht="18" customHeight="1" x14ac:dyDescent="0.15">
      <c r="A19" s="16">
        <v>12</v>
      </c>
      <c r="B19" s="29">
        <v>17</v>
      </c>
      <c r="C19" s="10">
        <v>13</v>
      </c>
      <c r="D19" s="9">
        <v>30</v>
      </c>
    </row>
    <row r="20" spans="1:4" ht="18" customHeight="1" x14ac:dyDescent="0.15">
      <c r="A20" s="16">
        <v>13</v>
      </c>
      <c r="B20" s="29">
        <v>7</v>
      </c>
      <c r="C20" s="10">
        <v>5</v>
      </c>
      <c r="D20" s="9">
        <v>12</v>
      </c>
    </row>
    <row r="21" spans="1:4" ht="18" customHeight="1" x14ac:dyDescent="0.15">
      <c r="A21" s="16">
        <v>14</v>
      </c>
      <c r="B21" s="29">
        <v>9</v>
      </c>
      <c r="C21" s="10">
        <v>10</v>
      </c>
      <c r="D21" s="9">
        <v>19</v>
      </c>
    </row>
    <row r="22" spans="1:4" ht="18" customHeight="1" x14ac:dyDescent="0.15">
      <c r="A22" s="8" t="s">
        <v>49</v>
      </c>
      <c r="B22" s="29">
        <v>49</v>
      </c>
      <c r="C22" s="10">
        <v>51</v>
      </c>
      <c r="D22" s="9">
        <v>100</v>
      </c>
    </row>
    <row r="23" spans="1:4" ht="18" customHeight="1" x14ac:dyDescent="0.15">
      <c r="A23" s="8" t="s">
        <v>65</v>
      </c>
      <c r="B23" s="29">
        <v>117</v>
      </c>
      <c r="C23" s="10">
        <v>131</v>
      </c>
      <c r="D23" s="9">
        <v>248</v>
      </c>
    </row>
    <row r="24" spans="1:4" ht="18" customHeight="1" x14ac:dyDescent="0.15">
      <c r="A24" s="16">
        <v>15</v>
      </c>
      <c r="B24" s="29">
        <v>7</v>
      </c>
      <c r="C24" s="10">
        <v>8</v>
      </c>
      <c r="D24" s="9">
        <v>15</v>
      </c>
    </row>
    <row r="25" spans="1:4" ht="18" customHeight="1" x14ac:dyDescent="0.15">
      <c r="A25" s="16">
        <v>16</v>
      </c>
      <c r="B25" s="29">
        <v>13</v>
      </c>
      <c r="C25" s="10">
        <v>7</v>
      </c>
      <c r="D25" s="9">
        <v>20</v>
      </c>
    </row>
    <row r="26" spans="1:4" ht="18" customHeight="1" x14ac:dyDescent="0.15">
      <c r="A26" s="16">
        <v>17</v>
      </c>
      <c r="B26" s="29">
        <v>10</v>
      </c>
      <c r="C26" s="10">
        <v>7</v>
      </c>
      <c r="D26" s="9">
        <v>17</v>
      </c>
    </row>
    <row r="27" spans="1:4" ht="18" customHeight="1" x14ac:dyDescent="0.15">
      <c r="A27" s="16">
        <v>18</v>
      </c>
      <c r="B27" s="29">
        <v>8</v>
      </c>
      <c r="C27" s="10">
        <v>12</v>
      </c>
      <c r="D27" s="9">
        <v>20</v>
      </c>
    </row>
    <row r="28" spans="1:4" ht="18" customHeight="1" x14ac:dyDescent="0.15">
      <c r="A28" s="16">
        <v>19</v>
      </c>
      <c r="B28" s="29">
        <v>9</v>
      </c>
      <c r="C28" s="10">
        <v>13</v>
      </c>
      <c r="D28" s="9">
        <v>22</v>
      </c>
    </row>
    <row r="29" spans="1:4" ht="18" customHeight="1" x14ac:dyDescent="0.15">
      <c r="A29" s="8" t="s">
        <v>113</v>
      </c>
      <c r="B29" s="29">
        <v>47</v>
      </c>
      <c r="C29" s="10">
        <v>47</v>
      </c>
      <c r="D29" s="9">
        <v>94</v>
      </c>
    </row>
    <row r="30" spans="1:4" ht="18" customHeight="1" x14ac:dyDescent="0.15">
      <c r="A30" s="16">
        <v>20</v>
      </c>
      <c r="B30" s="29">
        <v>10</v>
      </c>
      <c r="C30" s="10">
        <v>5</v>
      </c>
      <c r="D30" s="9">
        <v>15</v>
      </c>
    </row>
    <row r="31" spans="1:4" ht="18" customHeight="1" x14ac:dyDescent="0.15">
      <c r="A31" s="16">
        <v>21</v>
      </c>
      <c r="B31" s="29">
        <v>13</v>
      </c>
      <c r="C31" s="10">
        <v>12</v>
      </c>
      <c r="D31" s="9">
        <v>25</v>
      </c>
    </row>
    <row r="32" spans="1:4" ht="18" customHeight="1" x14ac:dyDescent="0.15">
      <c r="A32" s="16">
        <v>22</v>
      </c>
      <c r="B32" s="29">
        <v>19</v>
      </c>
      <c r="C32" s="10">
        <v>12</v>
      </c>
      <c r="D32" s="9">
        <v>31</v>
      </c>
    </row>
    <row r="33" spans="1:4" ht="18" customHeight="1" x14ac:dyDescent="0.15">
      <c r="A33" s="16">
        <v>23</v>
      </c>
      <c r="B33" s="29">
        <v>10</v>
      </c>
      <c r="C33" s="10">
        <v>13</v>
      </c>
      <c r="D33" s="9">
        <v>23</v>
      </c>
    </row>
    <row r="34" spans="1:4" ht="18" customHeight="1" x14ac:dyDescent="0.15">
      <c r="A34" s="16">
        <v>24</v>
      </c>
      <c r="B34" s="29">
        <v>10</v>
      </c>
      <c r="C34" s="10">
        <v>8</v>
      </c>
      <c r="D34" s="9">
        <v>18</v>
      </c>
    </row>
    <row r="35" spans="1:4" ht="18" customHeight="1" x14ac:dyDescent="0.15">
      <c r="A35" s="8" t="s">
        <v>74</v>
      </c>
      <c r="B35" s="29">
        <v>62</v>
      </c>
      <c r="C35" s="10">
        <v>50</v>
      </c>
      <c r="D35" s="9">
        <v>112</v>
      </c>
    </row>
    <row r="36" spans="1:4" ht="18" customHeight="1" x14ac:dyDescent="0.15">
      <c r="A36" s="16">
        <v>25</v>
      </c>
      <c r="B36" s="29">
        <v>10</v>
      </c>
      <c r="C36" s="10">
        <v>18</v>
      </c>
      <c r="D36" s="9">
        <v>28</v>
      </c>
    </row>
    <row r="37" spans="1:4" ht="18" customHeight="1" x14ac:dyDescent="0.15">
      <c r="A37" s="16">
        <v>26</v>
      </c>
      <c r="B37" s="29">
        <v>11</v>
      </c>
      <c r="C37" s="10">
        <v>10</v>
      </c>
      <c r="D37" s="9">
        <v>21</v>
      </c>
    </row>
    <row r="38" spans="1:4" ht="18" customHeight="1" x14ac:dyDescent="0.15">
      <c r="A38" s="16">
        <v>27</v>
      </c>
      <c r="B38" s="29">
        <v>18</v>
      </c>
      <c r="C38" s="10">
        <v>9</v>
      </c>
      <c r="D38" s="9">
        <v>27</v>
      </c>
    </row>
    <row r="39" spans="1:4" ht="18" customHeight="1" x14ac:dyDescent="0.15">
      <c r="A39" s="16">
        <v>28</v>
      </c>
      <c r="B39" s="29">
        <v>14</v>
      </c>
      <c r="C39" s="10">
        <v>7</v>
      </c>
      <c r="D39" s="9">
        <v>21</v>
      </c>
    </row>
    <row r="40" spans="1:4" ht="18" customHeight="1" x14ac:dyDescent="0.15">
      <c r="A40" s="16">
        <v>29</v>
      </c>
      <c r="B40" s="29">
        <v>12</v>
      </c>
      <c r="C40" s="10">
        <v>8</v>
      </c>
      <c r="D40" s="9">
        <v>20</v>
      </c>
    </row>
    <row r="41" spans="1:4" ht="18" customHeight="1" x14ac:dyDescent="0.15">
      <c r="A41" s="8" t="s">
        <v>73</v>
      </c>
      <c r="B41" s="29">
        <v>65</v>
      </c>
      <c r="C41" s="10">
        <v>52</v>
      </c>
      <c r="D41" s="9">
        <v>117</v>
      </c>
    </row>
    <row r="42" spans="1:4" ht="18" customHeight="1" x14ac:dyDescent="0.15">
      <c r="A42" s="16">
        <v>30</v>
      </c>
      <c r="B42" s="29">
        <v>9</v>
      </c>
      <c r="C42" s="10">
        <v>7</v>
      </c>
      <c r="D42" s="9">
        <v>16</v>
      </c>
    </row>
    <row r="43" spans="1:4" ht="18" customHeight="1" x14ac:dyDescent="0.15">
      <c r="A43" s="16">
        <v>31</v>
      </c>
      <c r="B43" s="29">
        <v>13</v>
      </c>
      <c r="C43" s="10">
        <v>13</v>
      </c>
      <c r="D43" s="9">
        <v>26</v>
      </c>
    </row>
    <row r="44" spans="1:4" ht="18" customHeight="1" x14ac:dyDescent="0.15">
      <c r="A44" s="16">
        <v>32</v>
      </c>
      <c r="B44" s="29">
        <v>17</v>
      </c>
      <c r="C44" s="10">
        <v>9</v>
      </c>
      <c r="D44" s="9">
        <v>26</v>
      </c>
    </row>
    <row r="45" spans="1:4" ht="18" customHeight="1" x14ac:dyDescent="0.15">
      <c r="A45" s="16">
        <v>33</v>
      </c>
      <c r="B45" s="29">
        <v>12</v>
      </c>
      <c r="C45" s="10">
        <v>9</v>
      </c>
      <c r="D45" s="9">
        <v>21</v>
      </c>
    </row>
    <row r="46" spans="1:4" ht="18" customHeight="1" x14ac:dyDescent="0.15">
      <c r="A46" s="16">
        <v>34</v>
      </c>
      <c r="B46" s="29">
        <v>13</v>
      </c>
      <c r="C46" s="10">
        <v>7</v>
      </c>
      <c r="D46" s="9">
        <v>20</v>
      </c>
    </row>
    <row r="47" spans="1:4" ht="18" customHeight="1" x14ac:dyDescent="0.15">
      <c r="A47" s="8" t="s">
        <v>112</v>
      </c>
      <c r="B47" s="29">
        <v>64</v>
      </c>
      <c r="C47" s="10">
        <v>45</v>
      </c>
      <c r="D47" s="9">
        <v>109</v>
      </c>
    </row>
    <row r="48" spans="1:4" ht="18" customHeight="1" x14ac:dyDescent="0.15">
      <c r="A48" s="16">
        <v>35</v>
      </c>
      <c r="B48" s="29">
        <v>10</v>
      </c>
      <c r="C48" s="10">
        <v>14</v>
      </c>
      <c r="D48" s="9">
        <v>24</v>
      </c>
    </row>
    <row r="49" spans="1:4" ht="18" customHeight="1" x14ac:dyDescent="0.15">
      <c r="A49" s="16">
        <v>36</v>
      </c>
      <c r="B49" s="29">
        <v>12</v>
      </c>
      <c r="C49" s="10">
        <v>13</v>
      </c>
      <c r="D49" s="9">
        <v>25</v>
      </c>
    </row>
    <row r="50" spans="1:4" ht="18" customHeight="1" x14ac:dyDescent="0.15">
      <c r="A50" s="16">
        <v>37</v>
      </c>
      <c r="B50" s="29">
        <v>11</v>
      </c>
      <c r="C50" s="10">
        <v>17</v>
      </c>
      <c r="D50" s="9">
        <v>28</v>
      </c>
    </row>
    <row r="51" spans="1:4" ht="18" customHeight="1" x14ac:dyDescent="0.15">
      <c r="A51" s="16">
        <v>38</v>
      </c>
      <c r="B51" s="29">
        <v>11</v>
      </c>
      <c r="C51" s="10">
        <v>11</v>
      </c>
      <c r="D51" s="9">
        <v>22</v>
      </c>
    </row>
    <row r="52" spans="1:4" ht="18" customHeight="1" x14ac:dyDescent="0.15">
      <c r="A52" s="16">
        <v>39</v>
      </c>
      <c r="B52" s="29">
        <v>14</v>
      </c>
      <c r="C52" s="10">
        <v>13</v>
      </c>
      <c r="D52" s="9">
        <v>27</v>
      </c>
    </row>
    <row r="53" spans="1:4" ht="18" customHeight="1" x14ac:dyDescent="0.15">
      <c r="A53" s="8" t="s">
        <v>72</v>
      </c>
      <c r="B53" s="29">
        <v>58</v>
      </c>
      <c r="C53" s="10">
        <v>68</v>
      </c>
      <c r="D53" s="9">
        <v>126</v>
      </c>
    </row>
    <row r="54" spans="1:4" ht="18" customHeight="1" x14ac:dyDescent="0.15">
      <c r="A54" s="16">
        <v>40</v>
      </c>
      <c r="B54" s="29">
        <v>14</v>
      </c>
      <c r="C54" s="10">
        <v>6</v>
      </c>
      <c r="D54" s="9">
        <v>20</v>
      </c>
    </row>
    <row r="55" spans="1:4" ht="18" customHeight="1" x14ac:dyDescent="0.15">
      <c r="A55" s="16">
        <v>41</v>
      </c>
      <c r="B55" s="29">
        <v>12</v>
      </c>
      <c r="C55" s="10">
        <v>7</v>
      </c>
      <c r="D55" s="9">
        <v>19</v>
      </c>
    </row>
    <row r="56" spans="1:4" ht="18" customHeight="1" x14ac:dyDescent="0.15">
      <c r="A56" s="16">
        <v>42</v>
      </c>
      <c r="B56" s="29">
        <v>13</v>
      </c>
      <c r="C56" s="10">
        <v>13</v>
      </c>
      <c r="D56" s="9">
        <v>26</v>
      </c>
    </row>
    <row r="57" spans="1:4" ht="18" customHeight="1" x14ac:dyDescent="0.15">
      <c r="A57" s="16">
        <v>43</v>
      </c>
      <c r="B57" s="29">
        <v>15</v>
      </c>
      <c r="C57" s="10">
        <v>18</v>
      </c>
      <c r="D57" s="9">
        <v>33</v>
      </c>
    </row>
    <row r="58" spans="1:4" ht="18" customHeight="1" x14ac:dyDescent="0.15">
      <c r="A58" s="16">
        <v>44</v>
      </c>
      <c r="B58" s="29">
        <v>26</v>
      </c>
      <c r="C58" s="10">
        <v>14</v>
      </c>
      <c r="D58" s="9">
        <v>40</v>
      </c>
    </row>
    <row r="59" spans="1:4" ht="18" customHeight="1" x14ac:dyDescent="0.15">
      <c r="A59" s="8" t="s">
        <v>46</v>
      </c>
      <c r="B59" s="29">
        <v>80</v>
      </c>
      <c r="C59" s="10">
        <v>58</v>
      </c>
      <c r="D59" s="9">
        <v>138</v>
      </c>
    </row>
    <row r="60" spans="1:4" ht="18" customHeight="1" x14ac:dyDescent="0.15">
      <c r="A60" s="16">
        <v>45</v>
      </c>
      <c r="B60" s="29">
        <v>23</v>
      </c>
      <c r="C60" s="10">
        <v>20</v>
      </c>
      <c r="D60" s="9">
        <v>43</v>
      </c>
    </row>
    <row r="61" spans="1:4" ht="18" customHeight="1" x14ac:dyDescent="0.15">
      <c r="A61" s="16">
        <v>46</v>
      </c>
      <c r="B61" s="29">
        <v>23</v>
      </c>
      <c r="C61" s="10">
        <v>24</v>
      </c>
      <c r="D61" s="9">
        <v>47</v>
      </c>
    </row>
    <row r="62" spans="1:4" ht="18" customHeight="1" x14ac:dyDescent="0.15">
      <c r="A62" s="16">
        <v>47</v>
      </c>
      <c r="B62" s="29">
        <v>23</v>
      </c>
      <c r="C62" s="10">
        <v>15</v>
      </c>
      <c r="D62" s="9">
        <v>38</v>
      </c>
    </row>
    <row r="63" spans="1:4" ht="18" customHeight="1" x14ac:dyDescent="0.15">
      <c r="A63" s="16">
        <v>48</v>
      </c>
      <c r="B63" s="29">
        <v>28</v>
      </c>
      <c r="C63" s="10">
        <v>23</v>
      </c>
      <c r="D63" s="9">
        <v>51</v>
      </c>
    </row>
    <row r="64" spans="1:4" ht="18" customHeight="1" x14ac:dyDescent="0.15">
      <c r="A64" s="16">
        <v>49</v>
      </c>
      <c r="B64" s="29">
        <v>22</v>
      </c>
      <c r="C64" s="10">
        <v>18</v>
      </c>
      <c r="D64" s="9">
        <v>40</v>
      </c>
    </row>
    <row r="65" spans="1:4" ht="18" customHeight="1" x14ac:dyDescent="0.15">
      <c r="A65" s="8" t="s">
        <v>45</v>
      </c>
      <c r="B65" s="29">
        <v>119</v>
      </c>
      <c r="C65" s="10">
        <v>100</v>
      </c>
      <c r="D65" s="9">
        <v>219</v>
      </c>
    </row>
    <row r="66" spans="1:4" ht="18" customHeight="1" x14ac:dyDescent="0.15">
      <c r="A66" s="16">
        <v>50</v>
      </c>
      <c r="B66" s="29">
        <v>20</v>
      </c>
      <c r="C66" s="10">
        <v>18</v>
      </c>
      <c r="D66" s="9">
        <v>38</v>
      </c>
    </row>
    <row r="67" spans="1:4" ht="18" customHeight="1" x14ac:dyDescent="0.15">
      <c r="A67" s="16">
        <v>51</v>
      </c>
      <c r="B67" s="29">
        <v>20</v>
      </c>
      <c r="C67" s="10">
        <v>21</v>
      </c>
      <c r="D67" s="9">
        <v>41</v>
      </c>
    </row>
    <row r="68" spans="1:4" ht="18" customHeight="1" x14ac:dyDescent="0.15">
      <c r="A68" s="16">
        <v>52</v>
      </c>
      <c r="B68" s="29">
        <v>22</v>
      </c>
      <c r="C68" s="10">
        <v>25</v>
      </c>
      <c r="D68" s="9">
        <v>47</v>
      </c>
    </row>
    <row r="69" spans="1:4" ht="18" customHeight="1" x14ac:dyDescent="0.15">
      <c r="A69" s="16">
        <v>53</v>
      </c>
      <c r="B69" s="29">
        <v>23</v>
      </c>
      <c r="C69" s="10">
        <v>21</v>
      </c>
      <c r="D69" s="9">
        <v>44</v>
      </c>
    </row>
    <row r="70" spans="1:4" ht="18" customHeight="1" x14ac:dyDescent="0.15">
      <c r="A70" s="16">
        <v>54</v>
      </c>
      <c r="B70" s="29">
        <v>28</v>
      </c>
      <c r="C70" s="10">
        <v>17</v>
      </c>
      <c r="D70" s="9">
        <v>45</v>
      </c>
    </row>
    <row r="71" spans="1:4" ht="18" customHeight="1" x14ac:dyDescent="0.15">
      <c r="A71" s="8" t="s">
        <v>58</v>
      </c>
      <c r="B71" s="29">
        <v>113</v>
      </c>
      <c r="C71" s="10">
        <v>102</v>
      </c>
      <c r="D71" s="9">
        <v>215</v>
      </c>
    </row>
    <row r="72" spans="1:4" ht="18" customHeight="1" x14ac:dyDescent="0.15">
      <c r="A72" s="16">
        <v>55</v>
      </c>
      <c r="B72" s="29">
        <v>19</v>
      </c>
      <c r="C72" s="10">
        <v>17</v>
      </c>
      <c r="D72" s="9">
        <v>36</v>
      </c>
    </row>
    <row r="73" spans="1:4" ht="18" customHeight="1" x14ac:dyDescent="0.15">
      <c r="A73" s="16">
        <v>56</v>
      </c>
      <c r="B73" s="29">
        <v>14</v>
      </c>
      <c r="C73" s="10">
        <v>17</v>
      </c>
      <c r="D73" s="9">
        <v>31</v>
      </c>
    </row>
    <row r="74" spans="1:4" ht="18" customHeight="1" x14ac:dyDescent="0.15">
      <c r="A74" s="16">
        <v>57</v>
      </c>
      <c r="B74" s="29">
        <v>25</v>
      </c>
      <c r="C74" s="10">
        <v>26</v>
      </c>
      <c r="D74" s="9">
        <v>51</v>
      </c>
    </row>
    <row r="75" spans="1:4" ht="18" customHeight="1" x14ac:dyDescent="0.15">
      <c r="A75" s="16">
        <v>58</v>
      </c>
      <c r="B75" s="29">
        <v>31</v>
      </c>
      <c r="C75" s="10">
        <v>14</v>
      </c>
      <c r="D75" s="9">
        <v>45</v>
      </c>
    </row>
    <row r="76" spans="1:4" ht="18" customHeight="1" x14ac:dyDescent="0.15">
      <c r="A76" s="16">
        <v>59</v>
      </c>
      <c r="B76" s="29">
        <v>22</v>
      </c>
      <c r="C76" s="10">
        <v>24</v>
      </c>
      <c r="D76" s="9">
        <v>46</v>
      </c>
    </row>
    <row r="77" spans="1:4" ht="18" customHeight="1" x14ac:dyDescent="0.15">
      <c r="A77" s="8" t="s">
        <v>111</v>
      </c>
      <c r="B77" s="29">
        <v>111</v>
      </c>
      <c r="C77" s="10">
        <v>98</v>
      </c>
      <c r="D77" s="9">
        <v>209</v>
      </c>
    </row>
    <row r="78" spans="1:4" ht="18" customHeight="1" x14ac:dyDescent="0.15">
      <c r="A78" s="16">
        <v>60</v>
      </c>
      <c r="B78" s="29">
        <v>23</v>
      </c>
      <c r="C78" s="10">
        <v>15</v>
      </c>
      <c r="D78" s="9">
        <v>38</v>
      </c>
    </row>
    <row r="79" spans="1:4" ht="18" customHeight="1" x14ac:dyDescent="0.15">
      <c r="A79" s="16">
        <v>61</v>
      </c>
      <c r="B79" s="29">
        <v>22</v>
      </c>
      <c r="C79" s="10">
        <v>27</v>
      </c>
      <c r="D79" s="9">
        <v>49</v>
      </c>
    </row>
    <row r="80" spans="1:4" ht="18" customHeight="1" x14ac:dyDescent="0.15">
      <c r="A80" s="16">
        <v>62</v>
      </c>
      <c r="B80" s="29">
        <v>12</v>
      </c>
      <c r="C80" s="10">
        <v>11</v>
      </c>
      <c r="D80" s="9">
        <v>23</v>
      </c>
    </row>
    <row r="81" spans="1:4" ht="18" customHeight="1" x14ac:dyDescent="0.15">
      <c r="A81" s="16">
        <v>63</v>
      </c>
      <c r="B81" s="29">
        <v>13</v>
      </c>
      <c r="C81" s="10">
        <v>19</v>
      </c>
      <c r="D81" s="9">
        <v>32</v>
      </c>
    </row>
    <row r="82" spans="1:4" ht="18" customHeight="1" x14ac:dyDescent="0.15">
      <c r="A82" s="16">
        <v>64</v>
      </c>
      <c r="B82" s="29">
        <v>17</v>
      </c>
      <c r="C82" s="10">
        <v>15</v>
      </c>
      <c r="D82" s="9">
        <v>32</v>
      </c>
    </row>
    <row r="83" spans="1:4" ht="18" customHeight="1" x14ac:dyDescent="0.15">
      <c r="A83" s="8" t="s">
        <v>101</v>
      </c>
      <c r="B83" s="29">
        <v>87</v>
      </c>
      <c r="C83" s="10">
        <v>87</v>
      </c>
      <c r="D83" s="9">
        <v>174</v>
      </c>
    </row>
    <row r="84" spans="1:4" ht="18" customHeight="1" x14ac:dyDescent="0.15">
      <c r="A84" s="8" t="s">
        <v>11</v>
      </c>
      <c r="B84" s="29">
        <v>806</v>
      </c>
      <c r="C84" s="10">
        <v>707</v>
      </c>
      <c r="D84" s="9">
        <v>1513</v>
      </c>
    </row>
    <row r="85" spans="1:4" ht="18" customHeight="1" x14ac:dyDescent="0.15">
      <c r="A85" s="16">
        <v>65</v>
      </c>
      <c r="B85" s="29">
        <v>9</v>
      </c>
      <c r="C85" s="10">
        <v>15</v>
      </c>
      <c r="D85" s="9">
        <v>24</v>
      </c>
    </row>
    <row r="86" spans="1:4" ht="18" customHeight="1" x14ac:dyDescent="0.15">
      <c r="A86" s="16">
        <v>66</v>
      </c>
      <c r="B86" s="29">
        <v>19</v>
      </c>
      <c r="C86" s="10">
        <v>18</v>
      </c>
      <c r="D86" s="9">
        <v>37</v>
      </c>
    </row>
    <row r="87" spans="1:4" ht="18" customHeight="1" x14ac:dyDescent="0.15">
      <c r="A87" s="16">
        <v>67</v>
      </c>
      <c r="B87" s="29">
        <v>20</v>
      </c>
      <c r="C87" s="10">
        <v>14</v>
      </c>
      <c r="D87" s="9">
        <v>34</v>
      </c>
    </row>
    <row r="88" spans="1:4" ht="18" customHeight="1" x14ac:dyDescent="0.15">
      <c r="A88" s="16">
        <v>68</v>
      </c>
      <c r="B88" s="29">
        <v>18</v>
      </c>
      <c r="C88" s="10">
        <v>19</v>
      </c>
      <c r="D88" s="9">
        <v>37</v>
      </c>
    </row>
    <row r="89" spans="1:4" ht="18" customHeight="1" x14ac:dyDescent="0.15">
      <c r="A89" s="16">
        <v>69</v>
      </c>
      <c r="B89" s="29">
        <v>15</v>
      </c>
      <c r="C89" s="10">
        <v>28</v>
      </c>
      <c r="D89" s="9">
        <v>43</v>
      </c>
    </row>
    <row r="90" spans="1:4" ht="18" customHeight="1" x14ac:dyDescent="0.15">
      <c r="A90" s="8" t="s">
        <v>42</v>
      </c>
      <c r="B90" s="29">
        <v>81</v>
      </c>
      <c r="C90" s="10">
        <v>94</v>
      </c>
      <c r="D90" s="9">
        <v>175</v>
      </c>
    </row>
    <row r="91" spans="1:4" ht="18" customHeight="1" x14ac:dyDescent="0.15">
      <c r="A91" s="16">
        <v>70</v>
      </c>
      <c r="B91" s="29">
        <v>23</v>
      </c>
      <c r="C91" s="10">
        <v>36</v>
      </c>
      <c r="D91" s="9">
        <v>59</v>
      </c>
    </row>
    <row r="92" spans="1:4" ht="18" customHeight="1" x14ac:dyDescent="0.15">
      <c r="A92" s="16">
        <v>71</v>
      </c>
      <c r="B92" s="29">
        <v>15</v>
      </c>
      <c r="C92" s="10">
        <v>29</v>
      </c>
      <c r="D92" s="9">
        <v>44</v>
      </c>
    </row>
    <row r="93" spans="1:4" ht="18" customHeight="1" x14ac:dyDescent="0.15">
      <c r="A93" s="16">
        <v>72</v>
      </c>
      <c r="B93" s="29">
        <v>22</v>
      </c>
      <c r="C93" s="10">
        <v>29</v>
      </c>
      <c r="D93" s="9">
        <v>51</v>
      </c>
    </row>
    <row r="94" spans="1:4" ht="18" customHeight="1" x14ac:dyDescent="0.15">
      <c r="A94" s="16">
        <v>73</v>
      </c>
      <c r="B94" s="29">
        <v>31</v>
      </c>
      <c r="C94" s="10">
        <v>37</v>
      </c>
      <c r="D94" s="9">
        <v>68</v>
      </c>
    </row>
    <row r="95" spans="1:4" ht="18" customHeight="1" x14ac:dyDescent="0.15">
      <c r="A95" s="16">
        <v>74</v>
      </c>
      <c r="B95" s="29">
        <v>47</v>
      </c>
      <c r="C95" s="10">
        <v>43</v>
      </c>
      <c r="D95" s="9">
        <v>90</v>
      </c>
    </row>
    <row r="96" spans="1:4" ht="18" customHeight="1" x14ac:dyDescent="0.15">
      <c r="A96" s="8" t="s">
        <v>41</v>
      </c>
      <c r="B96" s="29">
        <v>138</v>
      </c>
      <c r="C96" s="10">
        <v>174</v>
      </c>
      <c r="D96" s="9">
        <v>312</v>
      </c>
    </row>
    <row r="97" spans="1:4" ht="18" customHeight="1" x14ac:dyDescent="0.15">
      <c r="A97" s="16">
        <v>75</v>
      </c>
      <c r="B97" s="29">
        <v>39</v>
      </c>
      <c r="C97" s="10">
        <v>34</v>
      </c>
      <c r="D97" s="9">
        <v>73</v>
      </c>
    </row>
    <row r="98" spans="1:4" ht="18" customHeight="1" x14ac:dyDescent="0.15">
      <c r="A98" s="16">
        <v>76</v>
      </c>
      <c r="B98" s="29">
        <v>28</v>
      </c>
      <c r="C98" s="10">
        <v>46</v>
      </c>
      <c r="D98" s="9">
        <v>74</v>
      </c>
    </row>
    <row r="99" spans="1:4" ht="18" customHeight="1" x14ac:dyDescent="0.15">
      <c r="A99" s="16">
        <v>77</v>
      </c>
      <c r="B99" s="29">
        <v>9</v>
      </c>
      <c r="C99" s="10">
        <v>25</v>
      </c>
      <c r="D99" s="9">
        <v>34</v>
      </c>
    </row>
    <row r="100" spans="1:4" ht="18" customHeight="1" x14ac:dyDescent="0.15">
      <c r="A100" s="16">
        <v>78</v>
      </c>
      <c r="B100" s="29">
        <v>24</v>
      </c>
      <c r="C100" s="10">
        <v>37</v>
      </c>
      <c r="D100" s="9">
        <v>61</v>
      </c>
    </row>
    <row r="101" spans="1:4" ht="18" customHeight="1" x14ac:dyDescent="0.15">
      <c r="A101" s="16">
        <v>79</v>
      </c>
      <c r="B101" s="29">
        <v>19</v>
      </c>
      <c r="C101" s="10">
        <v>31</v>
      </c>
      <c r="D101" s="9">
        <v>50</v>
      </c>
    </row>
    <row r="102" spans="1:4" ht="18" customHeight="1" x14ac:dyDescent="0.15">
      <c r="A102" s="8" t="s">
        <v>70</v>
      </c>
      <c r="B102" s="29">
        <v>119</v>
      </c>
      <c r="C102" s="10">
        <v>173</v>
      </c>
      <c r="D102" s="9">
        <v>292</v>
      </c>
    </row>
    <row r="103" spans="1:4" ht="18" customHeight="1" x14ac:dyDescent="0.15">
      <c r="A103" s="16">
        <v>80</v>
      </c>
      <c r="B103" s="29">
        <v>18</v>
      </c>
      <c r="C103" s="10">
        <v>31</v>
      </c>
      <c r="D103" s="9">
        <v>49</v>
      </c>
    </row>
    <row r="104" spans="1:4" ht="18" customHeight="1" x14ac:dyDescent="0.15">
      <c r="A104" s="16">
        <v>81</v>
      </c>
      <c r="B104" s="29">
        <v>23</v>
      </c>
      <c r="C104" s="10">
        <v>36</v>
      </c>
      <c r="D104" s="9">
        <v>59</v>
      </c>
    </row>
    <row r="105" spans="1:4" ht="18" customHeight="1" x14ac:dyDescent="0.15">
      <c r="A105" s="16">
        <v>82</v>
      </c>
      <c r="B105" s="29">
        <v>19</v>
      </c>
      <c r="C105" s="10">
        <v>31</v>
      </c>
      <c r="D105" s="9">
        <v>50</v>
      </c>
    </row>
    <row r="106" spans="1:4" ht="18" customHeight="1" x14ac:dyDescent="0.15">
      <c r="A106" s="16">
        <v>83</v>
      </c>
      <c r="B106" s="29">
        <v>13</v>
      </c>
      <c r="C106" s="10">
        <v>20</v>
      </c>
      <c r="D106" s="9">
        <v>33</v>
      </c>
    </row>
    <row r="107" spans="1:4" ht="18" customHeight="1" x14ac:dyDescent="0.15">
      <c r="A107" s="16">
        <v>84</v>
      </c>
      <c r="B107" s="29">
        <v>8</v>
      </c>
      <c r="C107" s="10">
        <v>28</v>
      </c>
      <c r="D107" s="9">
        <v>36</v>
      </c>
    </row>
    <row r="108" spans="1:4" ht="18" customHeight="1" x14ac:dyDescent="0.15">
      <c r="A108" s="8" t="s">
        <v>39</v>
      </c>
      <c r="B108" s="29">
        <v>81</v>
      </c>
      <c r="C108" s="10">
        <v>146</v>
      </c>
      <c r="D108" s="9">
        <v>227</v>
      </c>
    </row>
    <row r="109" spans="1:4" ht="18" customHeight="1" x14ac:dyDescent="0.15">
      <c r="A109" s="16">
        <v>85</v>
      </c>
      <c r="B109" s="29">
        <v>11</v>
      </c>
      <c r="C109" s="10">
        <v>27</v>
      </c>
      <c r="D109" s="9">
        <v>38</v>
      </c>
    </row>
    <row r="110" spans="1:4" ht="18" customHeight="1" x14ac:dyDescent="0.15">
      <c r="A110" s="16">
        <v>86</v>
      </c>
      <c r="B110" s="29">
        <v>19</v>
      </c>
      <c r="C110" s="10">
        <v>24</v>
      </c>
      <c r="D110" s="9">
        <v>43</v>
      </c>
    </row>
    <row r="111" spans="1:4" ht="18" customHeight="1" x14ac:dyDescent="0.15">
      <c r="A111" s="16">
        <v>87</v>
      </c>
      <c r="B111" s="29">
        <v>12</v>
      </c>
      <c r="C111" s="10">
        <v>27</v>
      </c>
      <c r="D111" s="9">
        <v>39</v>
      </c>
    </row>
    <row r="112" spans="1:4" ht="18" customHeight="1" x14ac:dyDescent="0.15">
      <c r="A112" s="16">
        <v>88</v>
      </c>
      <c r="B112" s="29">
        <v>10</v>
      </c>
      <c r="C112" s="10">
        <v>22</v>
      </c>
      <c r="D112" s="9">
        <v>32</v>
      </c>
    </row>
    <row r="113" spans="1:4" ht="18" customHeight="1" x14ac:dyDescent="0.15">
      <c r="A113" s="16">
        <v>89</v>
      </c>
      <c r="B113" s="29">
        <v>10</v>
      </c>
      <c r="C113" s="10">
        <v>16</v>
      </c>
      <c r="D113" s="9">
        <v>26</v>
      </c>
    </row>
    <row r="114" spans="1:4" ht="18" customHeight="1" x14ac:dyDescent="0.15">
      <c r="A114" s="8" t="s">
        <v>38</v>
      </c>
      <c r="B114" s="29">
        <v>62</v>
      </c>
      <c r="C114" s="10">
        <v>116</v>
      </c>
      <c r="D114" s="9">
        <v>178</v>
      </c>
    </row>
    <row r="115" spans="1:4" ht="18" customHeight="1" x14ac:dyDescent="0.15">
      <c r="A115" s="16">
        <v>90</v>
      </c>
      <c r="B115" s="29">
        <v>6</v>
      </c>
      <c r="C115" s="10">
        <v>21</v>
      </c>
      <c r="D115" s="9">
        <v>27</v>
      </c>
    </row>
    <row r="116" spans="1:4" ht="18" customHeight="1" x14ac:dyDescent="0.15">
      <c r="A116" s="16">
        <v>91</v>
      </c>
      <c r="B116" s="29">
        <v>10</v>
      </c>
      <c r="C116" s="10">
        <v>12</v>
      </c>
      <c r="D116" s="9">
        <v>22</v>
      </c>
    </row>
    <row r="117" spans="1:4" ht="18" customHeight="1" x14ac:dyDescent="0.15">
      <c r="A117" s="16">
        <v>92</v>
      </c>
      <c r="B117" s="29">
        <v>5</v>
      </c>
      <c r="C117" s="10">
        <v>16</v>
      </c>
      <c r="D117" s="9">
        <v>21</v>
      </c>
    </row>
    <row r="118" spans="1:4" ht="18" customHeight="1" x14ac:dyDescent="0.15">
      <c r="A118" s="16">
        <v>93</v>
      </c>
      <c r="B118" s="29">
        <v>3</v>
      </c>
      <c r="C118" s="10">
        <v>8</v>
      </c>
      <c r="D118" s="9">
        <v>11</v>
      </c>
    </row>
    <row r="119" spans="1:4" ht="18" customHeight="1" x14ac:dyDescent="0.15">
      <c r="A119" s="16">
        <v>94</v>
      </c>
      <c r="B119" s="29">
        <v>1</v>
      </c>
      <c r="C119" s="10">
        <v>10</v>
      </c>
      <c r="D119" s="9">
        <v>11</v>
      </c>
    </row>
    <row r="120" spans="1:4" ht="18" customHeight="1" x14ac:dyDescent="0.15">
      <c r="A120" s="8" t="s">
        <v>69</v>
      </c>
      <c r="B120" s="29">
        <v>25</v>
      </c>
      <c r="C120" s="10">
        <v>67</v>
      </c>
      <c r="D120" s="9">
        <v>92</v>
      </c>
    </row>
    <row r="121" spans="1:4" ht="18" customHeight="1" x14ac:dyDescent="0.15">
      <c r="A121" s="16">
        <v>95</v>
      </c>
      <c r="B121" s="29">
        <v>0</v>
      </c>
      <c r="C121" s="10">
        <v>10</v>
      </c>
      <c r="D121" s="9">
        <v>10</v>
      </c>
    </row>
    <row r="122" spans="1:4" ht="18" customHeight="1" x14ac:dyDescent="0.15">
      <c r="A122" s="16">
        <v>96</v>
      </c>
      <c r="B122" s="29">
        <v>1</v>
      </c>
      <c r="C122" s="10">
        <v>4</v>
      </c>
      <c r="D122" s="9">
        <v>5</v>
      </c>
    </row>
    <row r="123" spans="1:4" ht="18" customHeight="1" x14ac:dyDescent="0.15">
      <c r="A123" s="16">
        <v>97</v>
      </c>
      <c r="B123" s="29">
        <v>0</v>
      </c>
      <c r="C123" s="10">
        <v>4</v>
      </c>
      <c r="D123" s="9">
        <v>4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15">
      <c r="A126" s="8" t="s">
        <v>68</v>
      </c>
      <c r="B126" s="29">
        <v>2</v>
      </c>
      <c r="C126" s="10">
        <v>24</v>
      </c>
      <c r="D126" s="9">
        <v>26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1</v>
      </c>
      <c r="C128" s="10">
        <v>3</v>
      </c>
      <c r="D128" s="9">
        <v>4</v>
      </c>
    </row>
    <row r="129" spans="1:4" ht="18" customHeight="1" x14ac:dyDescent="0.15">
      <c r="A129" s="8" t="s">
        <v>110</v>
      </c>
      <c r="B129" s="29">
        <v>1</v>
      </c>
      <c r="C129" s="10">
        <v>6</v>
      </c>
      <c r="D129" s="9">
        <v>7</v>
      </c>
    </row>
    <row r="130" spans="1:4" ht="18" customHeight="1" x14ac:dyDescent="0.15">
      <c r="A130" s="8" t="s">
        <v>35</v>
      </c>
      <c r="B130" s="28">
        <v>509</v>
      </c>
      <c r="C130" s="6">
        <v>800</v>
      </c>
      <c r="D130" s="5">
        <v>1309</v>
      </c>
    </row>
    <row r="131" spans="1:4" ht="18" customHeight="1" x14ac:dyDescent="0.15">
      <c r="A131" s="4" t="s">
        <v>0</v>
      </c>
      <c r="B131" s="27">
        <v>1432</v>
      </c>
      <c r="C131" s="2">
        <v>1638</v>
      </c>
      <c r="D131" s="1">
        <v>307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1</v>
      </c>
      <c r="B1" s="56"/>
      <c r="C1" s="56"/>
      <c r="D1" s="56"/>
    </row>
    <row r="2" spans="1:4" ht="14.25" customHeight="1" x14ac:dyDescent="0.15">
      <c r="A2" s="26"/>
      <c r="B2" s="26"/>
      <c r="C2" s="26"/>
      <c r="D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23" t="s">
        <v>28</v>
      </c>
      <c r="C4" s="22" t="s">
        <v>27</v>
      </c>
      <c r="D4" s="21" t="s">
        <v>26</v>
      </c>
    </row>
    <row r="5" spans="1:4" ht="18" customHeight="1" x14ac:dyDescent="0.15">
      <c r="A5" s="20">
        <v>0</v>
      </c>
      <c r="B5" s="19">
        <v>10</v>
      </c>
      <c r="C5" s="18">
        <v>9</v>
      </c>
      <c r="D5" s="17">
        <v>19</v>
      </c>
    </row>
    <row r="6" spans="1:4" ht="18" customHeight="1" x14ac:dyDescent="0.15">
      <c r="A6" s="16">
        <v>1</v>
      </c>
      <c r="B6" s="11">
        <v>14</v>
      </c>
      <c r="C6" s="10">
        <v>8</v>
      </c>
      <c r="D6" s="9">
        <v>22</v>
      </c>
    </row>
    <row r="7" spans="1:4" ht="18" customHeight="1" x14ac:dyDescent="0.15">
      <c r="A7" s="16">
        <v>2</v>
      </c>
      <c r="B7" s="11">
        <v>15</v>
      </c>
      <c r="C7" s="10">
        <v>7</v>
      </c>
      <c r="D7" s="9">
        <v>22</v>
      </c>
    </row>
    <row r="8" spans="1:4" ht="18" customHeight="1" x14ac:dyDescent="0.15">
      <c r="A8" s="16">
        <v>3</v>
      </c>
      <c r="B8" s="11">
        <v>9</v>
      </c>
      <c r="C8" s="10">
        <v>8</v>
      </c>
      <c r="D8" s="9">
        <v>17</v>
      </c>
    </row>
    <row r="9" spans="1:4" ht="18" customHeight="1" x14ac:dyDescent="0.15">
      <c r="A9" s="16">
        <v>4</v>
      </c>
      <c r="B9" s="11">
        <v>8</v>
      </c>
      <c r="C9" s="10">
        <v>11</v>
      </c>
      <c r="D9" s="9">
        <v>19</v>
      </c>
    </row>
    <row r="10" spans="1:4" ht="18" customHeight="1" x14ac:dyDescent="0.15">
      <c r="A10" s="8" t="s">
        <v>25</v>
      </c>
      <c r="B10" s="11">
        <v>56</v>
      </c>
      <c r="C10" s="10">
        <v>43</v>
      </c>
      <c r="D10" s="9">
        <v>99</v>
      </c>
    </row>
    <row r="11" spans="1:4" ht="18" customHeight="1" x14ac:dyDescent="0.15">
      <c r="A11" s="16">
        <v>5</v>
      </c>
      <c r="B11" s="14">
        <v>11</v>
      </c>
      <c r="C11" s="13">
        <v>4</v>
      </c>
      <c r="D11" s="12">
        <v>15</v>
      </c>
    </row>
    <row r="12" spans="1:4" ht="18" customHeight="1" x14ac:dyDescent="0.15">
      <c r="A12" s="16">
        <v>6</v>
      </c>
      <c r="B12" s="14">
        <v>6</v>
      </c>
      <c r="C12" s="13">
        <v>13</v>
      </c>
      <c r="D12" s="12">
        <v>19</v>
      </c>
    </row>
    <row r="13" spans="1:4" ht="18" customHeight="1" x14ac:dyDescent="0.15">
      <c r="A13" s="16">
        <v>7</v>
      </c>
      <c r="B13" s="14">
        <v>4</v>
      </c>
      <c r="C13" s="13">
        <v>10</v>
      </c>
      <c r="D13" s="12">
        <v>14</v>
      </c>
    </row>
    <row r="14" spans="1:4" ht="18" customHeight="1" x14ac:dyDescent="0.15">
      <c r="A14" s="16">
        <v>8</v>
      </c>
      <c r="B14" s="14">
        <v>10</v>
      </c>
      <c r="C14" s="13">
        <v>8</v>
      </c>
      <c r="D14" s="12">
        <v>18</v>
      </c>
    </row>
    <row r="15" spans="1:4" ht="18" customHeight="1" x14ac:dyDescent="0.15">
      <c r="A15" s="16">
        <v>9</v>
      </c>
      <c r="B15" s="14">
        <v>10</v>
      </c>
      <c r="C15" s="13">
        <v>12</v>
      </c>
      <c r="D15" s="12">
        <v>22</v>
      </c>
    </row>
    <row r="16" spans="1:4" ht="18" customHeight="1" x14ac:dyDescent="0.15">
      <c r="A16" s="8" t="s">
        <v>24</v>
      </c>
      <c r="B16" s="11">
        <v>41</v>
      </c>
      <c r="C16" s="10">
        <v>47</v>
      </c>
      <c r="D16" s="9">
        <v>88</v>
      </c>
    </row>
    <row r="17" spans="1:4" ht="18" customHeight="1" x14ac:dyDescent="0.15">
      <c r="A17" s="16">
        <v>10</v>
      </c>
      <c r="B17" s="14">
        <v>6</v>
      </c>
      <c r="C17" s="13">
        <v>8</v>
      </c>
      <c r="D17" s="12">
        <v>14</v>
      </c>
    </row>
    <row r="18" spans="1:4" ht="18" customHeight="1" x14ac:dyDescent="0.15">
      <c r="A18" s="16">
        <v>11</v>
      </c>
      <c r="B18" s="14">
        <v>6</v>
      </c>
      <c r="C18" s="13">
        <v>3</v>
      </c>
      <c r="D18" s="12">
        <v>9</v>
      </c>
    </row>
    <row r="19" spans="1:4" ht="18" customHeight="1" x14ac:dyDescent="0.15">
      <c r="A19" s="16">
        <v>12</v>
      </c>
      <c r="B19" s="14">
        <v>9</v>
      </c>
      <c r="C19" s="13">
        <v>5</v>
      </c>
      <c r="D19" s="12">
        <v>14</v>
      </c>
    </row>
    <row r="20" spans="1:4" ht="18" customHeight="1" x14ac:dyDescent="0.15">
      <c r="A20" s="16">
        <v>13</v>
      </c>
      <c r="B20" s="14">
        <v>10</v>
      </c>
      <c r="C20" s="13">
        <v>1</v>
      </c>
      <c r="D20" s="12">
        <v>11</v>
      </c>
    </row>
    <row r="21" spans="1:4" ht="18" customHeight="1" x14ac:dyDescent="0.15">
      <c r="A21" s="16">
        <v>14</v>
      </c>
      <c r="B21" s="14">
        <v>13</v>
      </c>
      <c r="C21" s="13">
        <v>10</v>
      </c>
      <c r="D21" s="12">
        <v>23</v>
      </c>
    </row>
    <row r="22" spans="1:4" ht="18" customHeight="1" x14ac:dyDescent="0.15">
      <c r="A22" s="8" t="s">
        <v>23</v>
      </c>
      <c r="B22" s="11">
        <v>44</v>
      </c>
      <c r="C22" s="10">
        <v>27</v>
      </c>
      <c r="D22" s="9">
        <v>71</v>
      </c>
    </row>
    <row r="23" spans="1:4" ht="18" customHeight="1" x14ac:dyDescent="0.15">
      <c r="A23" s="8" t="s">
        <v>22</v>
      </c>
      <c r="B23" s="11">
        <v>141</v>
      </c>
      <c r="C23" s="10">
        <v>117</v>
      </c>
      <c r="D23" s="9">
        <v>258</v>
      </c>
    </row>
    <row r="24" spans="1:4" ht="18" customHeight="1" x14ac:dyDescent="0.15">
      <c r="A24" s="16">
        <v>15</v>
      </c>
      <c r="B24" s="14">
        <v>7</v>
      </c>
      <c r="C24" s="13">
        <v>6</v>
      </c>
      <c r="D24" s="12">
        <v>13</v>
      </c>
    </row>
    <row r="25" spans="1:4" ht="18" customHeight="1" x14ac:dyDescent="0.15">
      <c r="A25" s="16">
        <v>16</v>
      </c>
      <c r="B25" s="14">
        <v>5</v>
      </c>
      <c r="C25" s="13">
        <v>10</v>
      </c>
      <c r="D25" s="12">
        <v>15</v>
      </c>
    </row>
    <row r="26" spans="1:4" ht="18" customHeight="1" x14ac:dyDescent="0.15">
      <c r="A26" s="16">
        <v>17</v>
      </c>
      <c r="B26" s="14">
        <v>8</v>
      </c>
      <c r="C26" s="13">
        <v>5</v>
      </c>
      <c r="D26" s="12">
        <v>13</v>
      </c>
    </row>
    <row r="27" spans="1:4" ht="18" customHeight="1" x14ac:dyDescent="0.15">
      <c r="A27" s="16">
        <v>18</v>
      </c>
      <c r="B27" s="14">
        <v>4</v>
      </c>
      <c r="C27" s="13">
        <v>8</v>
      </c>
      <c r="D27" s="12">
        <v>12</v>
      </c>
    </row>
    <row r="28" spans="1:4" ht="18" customHeight="1" x14ac:dyDescent="0.15">
      <c r="A28" s="16">
        <v>19</v>
      </c>
      <c r="B28" s="14">
        <v>6</v>
      </c>
      <c r="C28" s="13">
        <v>4</v>
      </c>
      <c r="D28" s="12">
        <v>10</v>
      </c>
    </row>
    <row r="29" spans="1:4" ht="18" customHeight="1" x14ac:dyDescent="0.15">
      <c r="A29" s="8" t="s">
        <v>21</v>
      </c>
      <c r="B29" s="11">
        <v>30</v>
      </c>
      <c r="C29" s="10">
        <v>33</v>
      </c>
      <c r="D29" s="9">
        <v>63</v>
      </c>
    </row>
    <row r="30" spans="1:4" ht="18" customHeight="1" x14ac:dyDescent="0.15">
      <c r="A30" s="16">
        <v>20</v>
      </c>
      <c r="B30" s="14">
        <v>4</v>
      </c>
      <c r="C30" s="13">
        <v>9</v>
      </c>
      <c r="D30" s="12">
        <v>13</v>
      </c>
    </row>
    <row r="31" spans="1:4" ht="18" customHeight="1" x14ac:dyDescent="0.15">
      <c r="A31" s="16">
        <v>21</v>
      </c>
      <c r="B31" s="14">
        <v>6</v>
      </c>
      <c r="C31" s="13">
        <v>3</v>
      </c>
      <c r="D31" s="12">
        <v>9</v>
      </c>
    </row>
    <row r="32" spans="1:4" ht="18" customHeight="1" x14ac:dyDescent="0.15">
      <c r="A32" s="16">
        <v>22</v>
      </c>
      <c r="B32" s="14">
        <v>6</v>
      </c>
      <c r="C32" s="13">
        <v>8</v>
      </c>
      <c r="D32" s="12">
        <v>14</v>
      </c>
    </row>
    <row r="33" spans="1:4" ht="18" customHeight="1" x14ac:dyDescent="0.15">
      <c r="A33" s="16">
        <v>23</v>
      </c>
      <c r="B33" s="14">
        <v>8</v>
      </c>
      <c r="C33" s="13">
        <v>8</v>
      </c>
      <c r="D33" s="12">
        <v>16</v>
      </c>
    </row>
    <row r="34" spans="1:4" ht="18" customHeight="1" x14ac:dyDescent="0.15">
      <c r="A34" s="16">
        <v>24</v>
      </c>
      <c r="B34" s="14">
        <v>7</v>
      </c>
      <c r="C34" s="13">
        <v>2</v>
      </c>
      <c r="D34" s="12">
        <v>9</v>
      </c>
    </row>
    <row r="35" spans="1:4" ht="18" customHeight="1" x14ac:dyDescent="0.15">
      <c r="A35" s="8" t="s">
        <v>20</v>
      </c>
      <c r="B35" s="11">
        <v>31</v>
      </c>
      <c r="C35" s="10">
        <v>30</v>
      </c>
      <c r="D35" s="9">
        <v>61</v>
      </c>
    </row>
    <row r="36" spans="1:4" ht="18" customHeight="1" x14ac:dyDescent="0.15">
      <c r="A36" s="16">
        <v>25</v>
      </c>
      <c r="B36" s="14">
        <v>5</v>
      </c>
      <c r="C36" s="13">
        <v>6</v>
      </c>
      <c r="D36" s="12">
        <v>11</v>
      </c>
    </row>
    <row r="37" spans="1:4" ht="18" customHeight="1" x14ac:dyDescent="0.15">
      <c r="A37" s="16">
        <v>26</v>
      </c>
      <c r="B37" s="14">
        <v>7</v>
      </c>
      <c r="C37" s="13">
        <v>7</v>
      </c>
      <c r="D37" s="12">
        <v>14</v>
      </c>
    </row>
    <row r="38" spans="1:4" ht="18" customHeight="1" x14ac:dyDescent="0.15">
      <c r="A38" s="16">
        <v>27</v>
      </c>
      <c r="B38" s="14">
        <v>7</v>
      </c>
      <c r="C38" s="13">
        <v>9</v>
      </c>
      <c r="D38" s="12">
        <v>16</v>
      </c>
    </row>
    <row r="39" spans="1:4" ht="18" customHeight="1" x14ac:dyDescent="0.15">
      <c r="A39" s="16">
        <v>28</v>
      </c>
      <c r="B39" s="14">
        <v>8</v>
      </c>
      <c r="C39" s="13">
        <v>8</v>
      </c>
      <c r="D39" s="12">
        <v>16</v>
      </c>
    </row>
    <row r="40" spans="1:4" ht="18" customHeight="1" x14ac:dyDescent="0.15">
      <c r="A40" s="16">
        <v>29</v>
      </c>
      <c r="B40" s="14">
        <v>12</v>
      </c>
      <c r="C40" s="13">
        <v>11</v>
      </c>
      <c r="D40" s="12">
        <v>23</v>
      </c>
    </row>
    <row r="41" spans="1:4" ht="18" customHeight="1" x14ac:dyDescent="0.15">
      <c r="A41" s="8" t="s">
        <v>19</v>
      </c>
      <c r="B41" s="11">
        <v>39</v>
      </c>
      <c r="C41" s="10">
        <v>41</v>
      </c>
      <c r="D41" s="9">
        <v>80</v>
      </c>
    </row>
    <row r="42" spans="1:4" ht="18" customHeight="1" x14ac:dyDescent="0.15">
      <c r="A42" s="16">
        <v>30</v>
      </c>
      <c r="B42" s="14">
        <v>14</v>
      </c>
      <c r="C42" s="13">
        <v>12</v>
      </c>
      <c r="D42" s="12">
        <v>26</v>
      </c>
    </row>
    <row r="43" spans="1:4" ht="18" customHeight="1" x14ac:dyDescent="0.15">
      <c r="A43" s="16">
        <v>31</v>
      </c>
      <c r="B43" s="14">
        <v>6</v>
      </c>
      <c r="C43" s="13">
        <v>11</v>
      </c>
      <c r="D43" s="12">
        <v>17</v>
      </c>
    </row>
    <row r="44" spans="1:4" ht="18" customHeight="1" x14ac:dyDescent="0.15">
      <c r="A44" s="16">
        <v>32</v>
      </c>
      <c r="B44" s="14">
        <v>15</v>
      </c>
      <c r="C44" s="13">
        <v>10</v>
      </c>
      <c r="D44" s="12">
        <v>25</v>
      </c>
    </row>
    <row r="45" spans="1:4" ht="18" customHeight="1" x14ac:dyDescent="0.15">
      <c r="A45" s="16">
        <v>33</v>
      </c>
      <c r="B45" s="14">
        <v>7</v>
      </c>
      <c r="C45" s="13">
        <v>13</v>
      </c>
      <c r="D45" s="12">
        <v>20</v>
      </c>
    </row>
    <row r="46" spans="1:4" ht="18" customHeight="1" x14ac:dyDescent="0.15">
      <c r="A46" s="16">
        <v>34</v>
      </c>
      <c r="B46" s="14">
        <v>10</v>
      </c>
      <c r="C46" s="13">
        <v>11</v>
      </c>
      <c r="D46" s="12">
        <v>21</v>
      </c>
    </row>
    <row r="47" spans="1:4" ht="18" customHeight="1" x14ac:dyDescent="0.15">
      <c r="A47" s="8" t="s">
        <v>18</v>
      </c>
      <c r="B47" s="11">
        <v>52</v>
      </c>
      <c r="C47" s="10">
        <v>57</v>
      </c>
      <c r="D47" s="9">
        <v>109</v>
      </c>
    </row>
    <row r="48" spans="1:4" ht="18" customHeight="1" x14ac:dyDescent="0.15">
      <c r="A48" s="16">
        <v>35</v>
      </c>
      <c r="B48" s="14">
        <v>13</v>
      </c>
      <c r="C48" s="13">
        <v>17</v>
      </c>
      <c r="D48" s="12">
        <v>30</v>
      </c>
    </row>
    <row r="49" spans="1:4" ht="18" customHeight="1" x14ac:dyDescent="0.15">
      <c r="A49" s="16">
        <v>36</v>
      </c>
      <c r="B49" s="14">
        <v>20</v>
      </c>
      <c r="C49" s="13">
        <v>12</v>
      </c>
      <c r="D49" s="12">
        <v>32</v>
      </c>
    </row>
    <row r="50" spans="1:4" ht="18" customHeight="1" x14ac:dyDescent="0.15">
      <c r="A50" s="16">
        <v>37</v>
      </c>
      <c r="B50" s="14">
        <v>19</v>
      </c>
      <c r="C50" s="13">
        <v>14</v>
      </c>
      <c r="D50" s="12">
        <v>33</v>
      </c>
    </row>
    <row r="51" spans="1:4" ht="18" customHeight="1" x14ac:dyDescent="0.15">
      <c r="A51" s="16">
        <v>38</v>
      </c>
      <c r="B51" s="14">
        <v>15</v>
      </c>
      <c r="C51" s="13">
        <v>19</v>
      </c>
      <c r="D51" s="12">
        <v>34</v>
      </c>
    </row>
    <row r="52" spans="1:4" ht="18" customHeight="1" x14ac:dyDescent="0.15">
      <c r="A52" s="16">
        <v>39</v>
      </c>
      <c r="B52" s="14">
        <v>15</v>
      </c>
      <c r="C52" s="13">
        <v>8</v>
      </c>
      <c r="D52" s="12">
        <v>23</v>
      </c>
    </row>
    <row r="53" spans="1:4" ht="18" customHeight="1" x14ac:dyDescent="0.15">
      <c r="A53" s="8" t="s">
        <v>17</v>
      </c>
      <c r="B53" s="11">
        <v>82</v>
      </c>
      <c r="C53" s="10">
        <v>70</v>
      </c>
      <c r="D53" s="9">
        <v>152</v>
      </c>
    </row>
    <row r="54" spans="1:4" ht="18" customHeight="1" x14ac:dyDescent="0.15">
      <c r="A54" s="16">
        <v>40</v>
      </c>
      <c r="B54" s="14">
        <v>17</v>
      </c>
      <c r="C54" s="13">
        <v>6</v>
      </c>
      <c r="D54" s="12">
        <v>23</v>
      </c>
    </row>
    <row r="55" spans="1:4" ht="18" customHeight="1" x14ac:dyDescent="0.15">
      <c r="A55" s="16">
        <v>41</v>
      </c>
      <c r="B55" s="14">
        <v>17</v>
      </c>
      <c r="C55" s="13">
        <v>16</v>
      </c>
      <c r="D55" s="12">
        <v>33</v>
      </c>
    </row>
    <row r="56" spans="1:4" ht="18" customHeight="1" x14ac:dyDescent="0.15">
      <c r="A56" s="16">
        <v>42</v>
      </c>
      <c r="B56" s="14">
        <v>10</v>
      </c>
      <c r="C56" s="13">
        <v>10</v>
      </c>
      <c r="D56" s="12">
        <v>20</v>
      </c>
    </row>
    <row r="57" spans="1:4" ht="18" customHeight="1" x14ac:dyDescent="0.15">
      <c r="A57" s="16">
        <v>43</v>
      </c>
      <c r="B57" s="14">
        <v>10</v>
      </c>
      <c r="C57" s="13">
        <v>16</v>
      </c>
      <c r="D57" s="12">
        <v>26</v>
      </c>
    </row>
    <row r="58" spans="1:4" ht="18" customHeight="1" x14ac:dyDescent="0.15">
      <c r="A58" s="16">
        <v>44</v>
      </c>
      <c r="B58" s="14">
        <v>12</v>
      </c>
      <c r="C58" s="13">
        <v>16</v>
      </c>
      <c r="D58" s="12">
        <v>28</v>
      </c>
    </row>
    <row r="59" spans="1:4" ht="18" customHeight="1" x14ac:dyDescent="0.15">
      <c r="A59" s="8" t="s">
        <v>16</v>
      </c>
      <c r="B59" s="11">
        <v>66</v>
      </c>
      <c r="C59" s="10">
        <v>64</v>
      </c>
      <c r="D59" s="9">
        <v>130</v>
      </c>
    </row>
    <row r="60" spans="1:4" ht="18" customHeight="1" x14ac:dyDescent="0.15">
      <c r="A60" s="16">
        <v>45</v>
      </c>
      <c r="B60" s="14">
        <v>15</v>
      </c>
      <c r="C60" s="13">
        <v>23</v>
      </c>
      <c r="D60" s="12">
        <v>38</v>
      </c>
    </row>
    <row r="61" spans="1:4" ht="18" customHeight="1" x14ac:dyDescent="0.15">
      <c r="A61" s="16">
        <v>46</v>
      </c>
      <c r="B61" s="14">
        <v>19</v>
      </c>
      <c r="C61" s="13">
        <v>14</v>
      </c>
      <c r="D61" s="12">
        <v>33</v>
      </c>
    </row>
    <row r="62" spans="1:4" ht="18" customHeight="1" x14ac:dyDescent="0.15">
      <c r="A62" s="16">
        <v>47</v>
      </c>
      <c r="B62" s="14">
        <v>20</v>
      </c>
      <c r="C62" s="13">
        <v>17</v>
      </c>
      <c r="D62" s="12">
        <v>37</v>
      </c>
    </row>
    <row r="63" spans="1:4" ht="18" customHeight="1" x14ac:dyDescent="0.15">
      <c r="A63" s="16">
        <v>48</v>
      </c>
      <c r="B63" s="14">
        <v>18</v>
      </c>
      <c r="C63" s="13">
        <v>22</v>
      </c>
      <c r="D63" s="12">
        <v>40</v>
      </c>
    </row>
    <row r="64" spans="1:4" ht="18" customHeight="1" x14ac:dyDescent="0.15">
      <c r="A64" s="16">
        <v>49</v>
      </c>
      <c r="B64" s="14">
        <v>20</v>
      </c>
      <c r="C64" s="13">
        <v>20</v>
      </c>
      <c r="D64" s="12">
        <v>40</v>
      </c>
    </row>
    <row r="65" spans="1:4" ht="18" customHeight="1" x14ac:dyDescent="0.15">
      <c r="A65" s="8" t="s">
        <v>15</v>
      </c>
      <c r="B65" s="11">
        <v>92</v>
      </c>
      <c r="C65" s="10">
        <v>96</v>
      </c>
      <c r="D65" s="9">
        <v>188</v>
      </c>
    </row>
    <row r="66" spans="1:4" ht="18" customHeight="1" x14ac:dyDescent="0.15">
      <c r="A66" s="16">
        <v>50</v>
      </c>
      <c r="B66" s="14">
        <v>23</v>
      </c>
      <c r="C66" s="13">
        <v>27</v>
      </c>
      <c r="D66" s="12">
        <v>50</v>
      </c>
    </row>
    <row r="67" spans="1:4" ht="18" customHeight="1" x14ac:dyDescent="0.15">
      <c r="A67" s="16">
        <v>51</v>
      </c>
      <c r="B67" s="14">
        <v>16</v>
      </c>
      <c r="C67" s="13">
        <v>20</v>
      </c>
      <c r="D67" s="12">
        <v>36</v>
      </c>
    </row>
    <row r="68" spans="1:4" ht="18" customHeight="1" x14ac:dyDescent="0.15">
      <c r="A68" s="16">
        <v>52</v>
      </c>
      <c r="B68" s="14">
        <v>17</v>
      </c>
      <c r="C68" s="13">
        <v>23</v>
      </c>
      <c r="D68" s="12">
        <v>40</v>
      </c>
    </row>
    <row r="69" spans="1:4" ht="18" customHeight="1" x14ac:dyDescent="0.15">
      <c r="A69" s="16">
        <v>53</v>
      </c>
      <c r="B69" s="14">
        <v>20</v>
      </c>
      <c r="C69" s="13">
        <v>24</v>
      </c>
      <c r="D69" s="12">
        <v>44</v>
      </c>
    </row>
    <row r="70" spans="1:4" ht="18" customHeight="1" x14ac:dyDescent="0.15">
      <c r="A70" s="16">
        <v>54</v>
      </c>
      <c r="B70" s="14">
        <v>19</v>
      </c>
      <c r="C70" s="13">
        <v>27</v>
      </c>
      <c r="D70" s="12">
        <v>46</v>
      </c>
    </row>
    <row r="71" spans="1:4" ht="18" customHeight="1" x14ac:dyDescent="0.15">
      <c r="A71" s="8" t="s">
        <v>14</v>
      </c>
      <c r="B71" s="11">
        <v>95</v>
      </c>
      <c r="C71" s="10">
        <v>121</v>
      </c>
      <c r="D71" s="9">
        <v>216</v>
      </c>
    </row>
    <row r="72" spans="1:4" ht="18" customHeight="1" x14ac:dyDescent="0.15">
      <c r="A72" s="16">
        <v>55</v>
      </c>
      <c r="B72" s="14">
        <v>18</v>
      </c>
      <c r="C72" s="13">
        <v>18</v>
      </c>
      <c r="D72" s="12">
        <v>36</v>
      </c>
    </row>
    <row r="73" spans="1:4" ht="18" customHeight="1" x14ac:dyDescent="0.15">
      <c r="A73" s="16">
        <v>56</v>
      </c>
      <c r="B73" s="14">
        <v>12</v>
      </c>
      <c r="C73" s="13">
        <v>15</v>
      </c>
      <c r="D73" s="12">
        <v>27</v>
      </c>
    </row>
    <row r="74" spans="1:4" ht="18" customHeight="1" x14ac:dyDescent="0.15">
      <c r="A74" s="16">
        <v>57</v>
      </c>
      <c r="B74" s="14">
        <v>14</v>
      </c>
      <c r="C74" s="13">
        <v>15</v>
      </c>
      <c r="D74" s="12">
        <v>29</v>
      </c>
    </row>
    <row r="75" spans="1:4" ht="18" customHeight="1" x14ac:dyDescent="0.15">
      <c r="A75" s="16">
        <v>58</v>
      </c>
      <c r="B75" s="14">
        <v>18</v>
      </c>
      <c r="C75" s="13">
        <v>14</v>
      </c>
      <c r="D75" s="12">
        <v>32</v>
      </c>
    </row>
    <row r="76" spans="1:4" ht="18" customHeight="1" x14ac:dyDescent="0.15">
      <c r="A76" s="16">
        <v>59</v>
      </c>
      <c r="B76" s="14">
        <v>14</v>
      </c>
      <c r="C76" s="13">
        <v>18</v>
      </c>
      <c r="D76" s="12">
        <v>32</v>
      </c>
    </row>
    <row r="77" spans="1:4" ht="18" customHeight="1" x14ac:dyDescent="0.15">
      <c r="A77" s="8" t="s">
        <v>13</v>
      </c>
      <c r="B77" s="11">
        <v>76</v>
      </c>
      <c r="C77" s="10">
        <v>80</v>
      </c>
      <c r="D77" s="9">
        <v>156</v>
      </c>
    </row>
    <row r="78" spans="1:4" ht="18" customHeight="1" x14ac:dyDescent="0.15">
      <c r="A78" s="16">
        <v>60</v>
      </c>
      <c r="B78" s="14">
        <v>18</v>
      </c>
      <c r="C78" s="13">
        <v>12</v>
      </c>
      <c r="D78" s="12">
        <v>30</v>
      </c>
    </row>
    <row r="79" spans="1:4" ht="18" customHeight="1" x14ac:dyDescent="0.15">
      <c r="A79" s="16">
        <v>61</v>
      </c>
      <c r="B79" s="14">
        <v>25</v>
      </c>
      <c r="C79" s="13">
        <v>16</v>
      </c>
      <c r="D79" s="12">
        <v>41</v>
      </c>
    </row>
    <row r="80" spans="1:4" ht="18" customHeight="1" x14ac:dyDescent="0.15">
      <c r="A80" s="16">
        <v>62</v>
      </c>
      <c r="B80" s="14">
        <v>9</v>
      </c>
      <c r="C80" s="13">
        <v>30</v>
      </c>
      <c r="D80" s="12">
        <v>39</v>
      </c>
    </row>
    <row r="81" spans="1:4" ht="18" customHeight="1" x14ac:dyDescent="0.15">
      <c r="A81" s="16">
        <v>63</v>
      </c>
      <c r="B81" s="14">
        <v>18</v>
      </c>
      <c r="C81" s="13">
        <v>20</v>
      </c>
      <c r="D81" s="12">
        <v>38</v>
      </c>
    </row>
    <row r="82" spans="1:4" ht="18" customHeight="1" x14ac:dyDescent="0.15">
      <c r="A82" s="16">
        <v>64</v>
      </c>
      <c r="B82" s="14">
        <v>16</v>
      </c>
      <c r="C82" s="13">
        <v>15</v>
      </c>
      <c r="D82" s="12">
        <v>31</v>
      </c>
    </row>
    <row r="83" spans="1:4" ht="18" customHeight="1" x14ac:dyDescent="0.15">
      <c r="A83" s="8" t="s">
        <v>12</v>
      </c>
      <c r="B83" s="11">
        <v>86</v>
      </c>
      <c r="C83" s="10">
        <v>93</v>
      </c>
      <c r="D83" s="9">
        <v>179</v>
      </c>
    </row>
    <row r="84" spans="1:4" ht="18" customHeight="1" x14ac:dyDescent="0.15">
      <c r="A84" s="8" t="s">
        <v>11</v>
      </c>
      <c r="B84" s="11">
        <v>649</v>
      </c>
      <c r="C84" s="10">
        <v>685</v>
      </c>
      <c r="D84" s="9">
        <v>1334</v>
      </c>
    </row>
    <row r="85" spans="1:4" ht="18" customHeight="1" x14ac:dyDescent="0.15">
      <c r="A85" s="16">
        <v>65</v>
      </c>
      <c r="B85" s="14">
        <v>19</v>
      </c>
      <c r="C85" s="13">
        <v>28</v>
      </c>
      <c r="D85" s="12">
        <v>47</v>
      </c>
    </row>
    <row r="86" spans="1:4" ht="18" customHeight="1" x14ac:dyDescent="0.15">
      <c r="A86" s="16">
        <v>66</v>
      </c>
      <c r="B86" s="14">
        <v>21</v>
      </c>
      <c r="C86" s="13">
        <v>10</v>
      </c>
      <c r="D86" s="12">
        <v>31</v>
      </c>
    </row>
    <row r="87" spans="1:4" ht="18" customHeight="1" x14ac:dyDescent="0.15">
      <c r="A87" s="16">
        <v>67</v>
      </c>
      <c r="B87" s="14">
        <v>17</v>
      </c>
      <c r="C87" s="13">
        <v>19</v>
      </c>
      <c r="D87" s="12">
        <v>36</v>
      </c>
    </row>
    <row r="88" spans="1:4" ht="18" customHeight="1" x14ac:dyDescent="0.15">
      <c r="A88" s="16">
        <v>68</v>
      </c>
      <c r="B88" s="14">
        <v>18</v>
      </c>
      <c r="C88" s="13">
        <v>20</v>
      </c>
      <c r="D88" s="12">
        <v>38</v>
      </c>
    </row>
    <row r="89" spans="1:4" ht="18" customHeight="1" x14ac:dyDescent="0.15">
      <c r="A89" s="16">
        <v>69</v>
      </c>
      <c r="B89" s="14">
        <v>12</v>
      </c>
      <c r="C89" s="13">
        <v>12</v>
      </c>
      <c r="D89" s="12">
        <v>24</v>
      </c>
    </row>
    <row r="90" spans="1:4" ht="18" customHeight="1" x14ac:dyDescent="0.15">
      <c r="A90" s="8" t="s">
        <v>10</v>
      </c>
      <c r="B90" s="11">
        <v>87</v>
      </c>
      <c r="C90" s="10">
        <v>89</v>
      </c>
      <c r="D90" s="9">
        <v>176</v>
      </c>
    </row>
    <row r="91" spans="1:4" ht="18" customHeight="1" x14ac:dyDescent="0.15">
      <c r="A91" s="16">
        <v>70</v>
      </c>
      <c r="B91" s="14">
        <v>14</v>
      </c>
      <c r="C91" s="13">
        <v>18</v>
      </c>
      <c r="D91" s="12">
        <v>32</v>
      </c>
    </row>
    <row r="92" spans="1:4" ht="18" customHeight="1" x14ac:dyDescent="0.15">
      <c r="A92" s="16">
        <v>71</v>
      </c>
      <c r="B92" s="14">
        <v>13</v>
      </c>
      <c r="C92" s="13">
        <v>18</v>
      </c>
      <c r="D92" s="12">
        <v>31</v>
      </c>
    </row>
    <row r="93" spans="1:4" ht="18" customHeight="1" x14ac:dyDescent="0.15">
      <c r="A93" s="16">
        <v>72</v>
      </c>
      <c r="B93" s="14">
        <v>14</v>
      </c>
      <c r="C93" s="13">
        <v>18</v>
      </c>
      <c r="D93" s="12">
        <v>32</v>
      </c>
    </row>
    <row r="94" spans="1:4" ht="18" customHeight="1" x14ac:dyDescent="0.15">
      <c r="A94" s="16">
        <v>73</v>
      </c>
      <c r="B94" s="14">
        <v>15</v>
      </c>
      <c r="C94" s="13">
        <v>25</v>
      </c>
      <c r="D94" s="12">
        <v>40</v>
      </c>
    </row>
    <row r="95" spans="1:4" ht="18" customHeight="1" x14ac:dyDescent="0.15">
      <c r="A95" s="16">
        <v>74</v>
      </c>
      <c r="B95" s="14">
        <v>16</v>
      </c>
      <c r="C95" s="13">
        <v>20</v>
      </c>
      <c r="D95" s="12">
        <v>36</v>
      </c>
    </row>
    <row r="96" spans="1:4" ht="18" customHeight="1" x14ac:dyDescent="0.15">
      <c r="A96" s="8" t="s">
        <v>9</v>
      </c>
      <c r="B96" s="11">
        <v>72</v>
      </c>
      <c r="C96" s="10">
        <v>99</v>
      </c>
      <c r="D96" s="9">
        <v>171</v>
      </c>
    </row>
    <row r="97" spans="1:4" ht="18" customHeight="1" x14ac:dyDescent="0.15">
      <c r="A97" s="16">
        <v>75</v>
      </c>
      <c r="B97" s="14">
        <v>15</v>
      </c>
      <c r="C97" s="13">
        <v>21</v>
      </c>
      <c r="D97" s="12">
        <v>36</v>
      </c>
    </row>
    <row r="98" spans="1:4" ht="18" customHeight="1" x14ac:dyDescent="0.15">
      <c r="A98" s="16">
        <v>76</v>
      </c>
      <c r="B98" s="14">
        <v>14</v>
      </c>
      <c r="C98" s="13">
        <v>19</v>
      </c>
      <c r="D98" s="12">
        <v>33</v>
      </c>
    </row>
    <row r="99" spans="1:4" ht="18" customHeight="1" x14ac:dyDescent="0.15">
      <c r="A99" s="16">
        <v>77</v>
      </c>
      <c r="B99" s="14">
        <v>7</v>
      </c>
      <c r="C99" s="13">
        <v>11</v>
      </c>
      <c r="D99" s="12">
        <v>18</v>
      </c>
    </row>
    <row r="100" spans="1:4" ht="18" customHeight="1" x14ac:dyDescent="0.15">
      <c r="A100" s="16">
        <v>78</v>
      </c>
      <c r="B100" s="14">
        <v>19</v>
      </c>
      <c r="C100" s="13">
        <v>8</v>
      </c>
      <c r="D100" s="12">
        <v>27</v>
      </c>
    </row>
    <row r="101" spans="1:4" ht="18" customHeight="1" x14ac:dyDescent="0.15">
      <c r="A101" s="16">
        <v>79</v>
      </c>
      <c r="B101" s="14">
        <v>9</v>
      </c>
      <c r="C101" s="13">
        <v>18</v>
      </c>
      <c r="D101" s="12">
        <v>27</v>
      </c>
    </row>
    <row r="102" spans="1:4" ht="18" customHeight="1" x14ac:dyDescent="0.15">
      <c r="A102" s="8" t="s">
        <v>8</v>
      </c>
      <c r="B102" s="11">
        <v>64</v>
      </c>
      <c r="C102" s="10">
        <v>77</v>
      </c>
      <c r="D102" s="9">
        <v>141</v>
      </c>
    </row>
    <row r="103" spans="1:4" ht="18" customHeight="1" x14ac:dyDescent="0.15">
      <c r="A103" s="16">
        <v>80</v>
      </c>
      <c r="B103" s="14">
        <v>7</v>
      </c>
      <c r="C103" s="13">
        <v>15</v>
      </c>
      <c r="D103" s="12">
        <v>22</v>
      </c>
    </row>
    <row r="104" spans="1:4" ht="18" customHeight="1" x14ac:dyDescent="0.15">
      <c r="A104" s="16">
        <v>81</v>
      </c>
      <c r="B104" s="14">
        <v>13</v>
      </c>
      <c r="C104" s="13">
        <v>20</v>
      </c>
      <c r="D104" s="12">
        <v>33</v>
      </c>
    </row>
    <row r="105" spans="1:4" ht="18" customHeight="1" x14ac:dyDescent="0.15">
      <c r="A105" s="16">
        <v>82</v>
      </c>
      <c r="B105" s="14">
        <v>10</v>
      </c>
      <c r="C105" s="13">
        <v>16</v>
      </c>
      <c r="D105" s="12">
        <v>26</v>
      </c>
    </row>
    <row r="106" spans="1:4" ht="18" customHeight="1" x14ac:dyDescent="0.15">
      <c r="A106" s="16">
        <v>83</v>
      </c>
      <c r="B106" s="14">
        <v>8</v>
      </c>
      <c r="C106" s="13">
        <v>16</v>
      </c>
      <c r="D106" s="12">
        <v>24</v>
      </c>
    </row>
    <row r="107" spans="1:4" ht="18" customHeight="1" x14ac:dyDescent="0.15">
      <c r="A107" s="16">
        <v>84</v>
      </c>
      <c r="B107" s="14">
        <v>4</v>
      </c>
      <c r="C107" s="13">
        <v>3</v>
      </c>
      <c r="D107" s="12">
        <v>7</v>
      </c>
    </row>
    <row r="108" spans="1:4" ht="18" customHeight="1" x14ac:dyDescent="0.15">
      <c r="A108" s="8" t="s">
        <v>7</v>
      </c>
      <c r="B108" s="11">
        <v>42</v>
      </c>
      <c r="C108" s="10">
        <v>70</v>
      </c>
      <c r="D108" s="9">
        <v>112</v>
      </c>
    </row>
    <row r="109" spans="1:4" ht="18" customHeight="1" x14ac:dyDescent="0.15">
      <c r="A109" s="16">
        <v>85</v>
      </c>
      <c r="B109" s="14">
        <v>3</v>
      </c>
      <c r="C109" s="13">
        <v>14</v>
      </c>
      <c r="D109" s="12">
        <v>17</v>
      </c>
    </row>
    <row r="110" spans="1:4" ht="18" customHeight="1" x14ac:dyDescent="0.15">
      <c r="A110" s="16">
        <v>86</v>
      </c>
      <c r="B110" s="14">
        <v>2</v>
      </c>
      <c r="C110" s="13">
        <v>10</v>
      </c>
      <c r="D110" s="12">
        <v>12</v>
      </c>
    </row>
    <row r="111" spans="1:4" ht="18" customHeight="1" x14ac:dyDescent="0.15">
      <c r="A111" s="16">
        <v>87</v>
      </c>
      <c r="B111" s="14">
        <v>1</v>
      </c>
      <c r="C111" s="13">
        <v>17</v>
      </c>
      <c r="D111" s="12">
        <v>18</v>
      </c>
    </row>
    <row r="112" spans="1:4" ht="18" customHeight="1" x14ac:dyDescent="0.15">
      <c r="A112" s="16">
        <v>88</v>
      </c>
      <c r="B112" s="14">
        <v>6</v>
      </c>
      <c r="C112" s="13">
        <v>8</v>
      </c>
      <c r="D112" s="12">
        <v>14</v>
      </c>
    </row>
    <row r="113" spans="1:4" ht="18" customHeight="1" x14ac:dyDescent="0.15">
      <c r="A113" s="16">
        <v>89</v>
      </c>
      <c r="B113" s="14">
        <v>8</v>
      </c>
      <c r="C113" s="13">
        <v>11</v>
      </c>
      <c r="D113" s="12">
        <v>19</v>
      </c>
    </row>
    <row r="114" spans="1:4" ht="18" customHeight="1" x14ac:dyDescent="0.15">
      <c r="A114" s="8" t="s">
        <v>6</v>
      </c>
      <c r="B114" s="11">
        <v>20</v>
      </c>
      <c r="C114" s="10">
        <v>60</v>
      </c>
      <c r="D114" s="9">
        <v>80</v>
      </c>
    </row>
    <row r="115" spans="1:4" ht="18" customHeight="1" x14ac:dyDescent="0.15">
      <c r="A115" s="16">
        <v>90</v>
      </c>
      <c r="B115" s="14">
        <v>3</v>
      </c>
      <c r="C115" s="13">
        <v>10</v>
      </c>
      <c r="D115" s="12">
        <v>13</v>
      </c>
    </row>
    <row r="116" spans="1:4" ht="18" customHeight="1" x14ac:dyDescent="0.15">
      <c r="A116" s="16">
        <v>91</v>
      </c>
      <c r="B116" s="14">
        <v>1</v>
      </c>
      <c r="C116" s="13">
        <v>9</v>
      </c>
      <c r="D116" s="12">
        <v>10</v>
      </c>
    </row>
    <row r="117" spans="1:4" ht="18" customHeight="1" x14ac:dyDescent="0.15">
      <c r="A117" s="16">
        <v>92</v>
      </c>
      <c r="B117" s="14">
        <v>1</v>
      </c>
      <c r="C117" s="13">
        <v>5</v>
      </c>
      <c r="D117" s="12">
        <v>6</v>
      </c>
    </row>
    <row r="118" spans="1:4" ht="18" customHeight="1" x14ac:dyDescent="0.15">
      <c r="A118" s="16">
        <v>93</v>
      </c>
      <c r="B118" s="14">
        <v>2</v>
      </c>
      <c r="C118" s="13">
        <v>8</v>
      </c>
      <c r="D118" s="12">
        <v>10</v>
      </c>
    </row>
    <row r="119" spans="1:4" ht="18" customHeight="1" x14ac:dyDescent="0.15">
      <c r="A119" s="16">
        <v>94</v>
      </c>
      <c r="B119" s="14">
        <v>2</v>
      </c>
      <c r="C119" s="13">
        <v>3</v>
      </c>
      <c r="D119" s="12">
        <v>5</v>
      </c>
    </row>
    <row r="120" spans="1:4" ht="18" customHeight="1" x14ac:dyDescent="0.15">
      <c r="A120" s="8" t="s">
        <v>5</v>
      </c>
      <c r="B120" s="11">
        <v>9</v>
      </c>
      <c r="C120" s="10">
        <v>35</v>
      </c>
      <c r="D120" s="9">
        <v>44</v>
      </c>
    </row>
    <row r="121" spans="1:4" ht="18" customHeight="1" x14ac:dyDescent="0.15">
      <c r="A121" s="16">
        <v>95</v>
      </c>
      <c r="B121" s="14">
        <v>1</v>
      </c>
      <c r="C121" s="13">
        <v>6</v>
      </c>
      <c r="D121" s="12">
        <v>7</v>
      </c>
    </row>
    <row r="122" spans="1:4" ht="18" customHeight="1" x14ac:dyDescent="0.15">
      <c r="A122" s="16">
        <v>96</v>
      </c>
      <c r="B122" s="14">
        <v>2</v>
      </c>
      <c r="C122" s="13">
        <v>2</v>
      </c>
      <c r="D122" s="12">
        <v>4</v>
      </c>
    </row>
    <row r="123" spans="1:4" ht="18" customHeight="1" x14ac:dyDescent="0.15">
      <c r="A123" s="16">
        <v>97</v>
      </c>
      <c r="B123" s="14">
        <v>0</v>
      </c>
      <c r="C123" s="13">
        <v>3</v>
      </c>
      <c r="D123" s="12">
        <v>3</v>
      </c>
    </row>
    <row r="124" spans="1:4" ht="18" customHeight="1" x14ac:dyDescent="0.15">
      <c r="A124" s="16">
        <v>98</v>
      </c>
      <c r="B124" s="14">
        <v>1</v>
      </c>
      <c r="C124" s="13">
        <v>3</v>
      </c>
      <c r="D124" s="12">
        <v>4</v>
      </c>
    </row>
    <row r="125" spans="1:4" ht="18" customHeight="1" x14ac:dyDescent="0.15">
      <c r="A125" s="16">
        <v>99</v>
      </c>
      <c r="B125" s="14">
        <v>0</v>
      </c>
      <c r="C125" s="13">
        <v>1</v>
      </c>
      <c r="D125" s="12">
        <v>1</v>
      </c>
    </row>
    <row r="126" spans="1:4" ht="18" customHeight="1" x14ac:dyDescent="0.15">
      <c r="A126" s="8" t="s">
        <v>4</v>
      </c>
      <c r="B126" s="11">
        <v>4</v>
      </c>
      <c r="C126" s="10">
        <v>15</v>
      </c>
      <c r="D126" s="9">
        <v>19</v>
      </c>
    </row>
    <row r="127" spans="1:4" ht="18" customHeight="1" x14ac:dyDescent="0.15">
      <c r="A127" s="16">
        <v>100</v>
      </c>
      <c r="B127" s="14">
        <v>0</v>
      </c>
      <c r="C127" s="13">
        <v>0</v>
      </c>
      <c r="D127" s="12">
        <v>0</v>
      </c>
    </row>
    <row r="128" spans="1:4" ht="18" customHeight="1" x14ac:dyDescent="0.15">
      <c r="A128" s="15" t="s">
        <v>3</v>
      </c>
      <c r="B128" s="14">
        <v>0</v>
      </c>
      <c r="C128" s="13">
        <v>3</v>
      </c>
      <c r="D128" s="12">
        <v>3</v>
      </c>
    </row>
    <row r="129" spans="1:4" ht="18" customHeight="1" x14ac:dyDescent="0.15">
      <c r="A129" s="8" t="s">
        <v>2</v>
      </c>
      <c r="B129" s="11">
        <v>0</v>
      </c>
      <c r="C129" s="10">
        <v>3</v>
      </c>
      <c r="D129" s="9">
        <v>3</v>
      </c>
    </row>
    <row r="130" spans="1:4" ht="18" customHeight="1" x14ac:dyDescent="0.15">
      <c r="A130" s="8" t="s">
        <v>1</v>
      </c>
      <c r="B130" s="7">
        <v>298</v>
      </c>
      <c r="C130" s="6">
        <v>448</v>
      </c>
      <c r="D130" s="5">
        <v>746</v>
      </c>
    </row>
    <row r="131" spans="1:4" ht="18" customHeight="1" x14ac:dyDescent="0.15">
      <c r="A131" s="4" t="s">
        <v>0</v>
      </c>
      <c r="B131" s="3">
        <v>1088</v>
      </c>
      <c r="C131" s="2">
        <v>1250</v>
      </c>
      <c r="D131" s="1">
        <v>2338</v>
      </c>
    </row>
  </sheetData>
  <mergeCells count="2">
    <mergeCell ref="A1:D1"/>
    <mergeCell ref="B3:D3"/>
  </mergeCells>
  <phoneticPr fontId="2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1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9</v>
      </c>
      <c r="C5" s="18">
        <v>14</v>
      </c>
      <c r="D5" s="17">
        <v>33</v>
      </c>
    </row>
    <row r="6" spans="1:4" ht="18" customHeight="1" x14ac:dyDescent="0.15">
      <c r="A6" s="16">
        <v>1</v>
      </c>
      <c r="B6" s="29">
        <v>17</v>
      </c>
      <c r="C6" s="10">
        <v>21</v>
      </c>
      <c r="D6" s="9">
        <v>38</v>
      </c>
    </row>
    <row r="7" spans="1:4" ht="18" customHeight="1" x14ac:dyDescent="0.15">
      <c r="A7" s="16">
        <v>2</v>
      </c>
      <c r="B7" s="29">
        <v>26</v>
      </c>
      <c r="C7" s="10">
        <v>19</v>
      </c>
      <c r="D7" s="9">
        <v>45</v>
      </c>
    </row>
    <row r="8" spans="1:4" ht="18" customHeight="1" x14ac:dyDescent="0.15">
      <c r="A8" s="16">
        <v>3</v>
      </c>
      <c r="B8" s="29">
        <v>26</v>
      </c>
      <c r="C8" s="10">
        <v>16</v>
      </c>
      <c r="D8" s="9">
        <v>42</v>
      </c>
    </row>
    <row r="9" spans="1:4" ht="18" customHeight="1" x14ac:dyDescent="0.15">
      <c r="A9" s="16">
        <v>4</v>
      </c>
      <c r="B9" s="29">
        <v>17</v>
      </c>
      <c r="C9" s="10">
        <v>15</v>
      </c>
      <c r="D9" s="9">
        <v>32</v>
      </c>
    </row>
    <row r="10" spans="1:4" ht="18" customHeight="1" x14ac:dyDescent="0.15">
      <c r="A10" s="8" t="s">
        <v>76</v>
      </c>
      <c r="B10" s="29">
        <v>105</v>
      </c>
      <c r="C10" s="10">
        <v>85</v>
      </c>
      <c r="D10" s="9">
        <v>190</v>
      </c>
    </row>
    <row r="11" spans="1:4" ht="18" customHeight="1" x14ac:dyDescent="0.15">
      <c r="A11" s="16">
        <v>5</v>
      </c>
      <c r="B11" s="29">
        <v>14</v>
      </c>
      <c r="C11" s="10">
        <v>23</v>
      </c>
      <c r="D11" s="9">
        <v>37</v>
      </c>
    </row>
    <row r="12" spans="1:4" ht="18" customHeight="1" x14ac:dyDescent="0.15">
      <c r="A12" s="16">
        <v>6</v>
      </c>
      <c r="B12" s="29">
        <v>22</v>
      </c>
      <c r="C12" s="10">
        <v>21</v>
      </c>
      <c r="D12" s="9">
        <v>43</v>
      </c>
    </row>
    <row r="13" spans="1:4" ht="18" customHeight="1" x14ac:dyDescent="0.15">
      <c r="A13" s="16">
        <v>7</v>
      </c>
      <c r="B13" s="29">
        <v>28</v>
      </c>
      <c r="C13" s="10">
        <v>19</v>
      </c>
      <c r="D13" s="9">
        <v>47</v>
      </c>
    </row>
    <row r="14" spans="1:4" ht="18" customHeight="1" x14ac:dyDescent="0.15">
      <c r="A14" s="16">
        <v>8</v>
      </c>
      <c r="B14" s="29">
        <v>20</v>
      </c>
      <c r="C14" s="10">
        <v>30</v>
      </c>
      <c r="D14" s="9">
        <v>50</v>
      </c>
    </row>
    <row r="15" spans="1:4" ht="18" customHeight="1" x14ac:dyDescent="0.15">
      <c r="A15" s="16">
        <v>9</v>
      </c>
      <c r="B15" s="29">
        <v>18</v>
      </c>
      <c r="C15" s="10">
        <v>27</v>
      </c>
      <c r="D15" s="9">
        <v>45</v>
      </c>
    </row>
    <row r="16" spans="1:4" ht="18" customHeight="1" x14ac:dyDescent="0.15">
      <c r="A16" s="8" t="s">
        <v>50</v>
      </c>
      <c r="B16" s="29">
        <v>102</v>
      </c>
      <c r="C16" s="10">
        <v>120</v>
      </c>
      <c r="D16" s="9">
        <v>222</v>
      </c>
    </row>
    <row r="17" spans="1:4" ht="18" customHeight="1" x14ac:dyDescent="0.15">
      <c r="A17" s="16">
        <v>10</v>
      </c>
      <c r="B17" s="29">
        <v>24</v>
      </c>
      <c r="C17" s="10">
        <v>23</v>
      </c>
      <c r="D17" s="9">
        <v>47</v>
      </c>
    </row>
    <row r="18" spans="1:4" ht="18" customHeight="1" x14ac:dyDescent="0.15">
      <c r="A18" s="16">
        <v>11</v>
      </c>
      <c r="B18" s="29">
        <v>24</v>
      </c>
      <c r="C18" s="10">
        <v>21</v>
      </c>
      <c r="D18" s="9">
        <v>45</v>
      </c>
    </row>
    <row r="19" spans="1:4" ht="18" customHeight="1" x14ac:dyDescent="0.15">
      <c r="A19" s="16">
        <v>12</v>
      </c>
      <c r="B19" s="29">
        <v>18</v>
      </c>
      <c r="C19" s="10">
        <v>27</v>
      </c>
      <c r="D19" s="9">
        <v>45</v>
      </c>
    </row>
    <row r="20" spans="1:4" ht="18" customHeight="1" x14ac:dyDescent="0.15">
      <c r="A20" s="16">
        <v>13</v>
      </c>
      <c r="B20" s="29">
        <v>19</v>
      </c>
      <c r="C20" s="10">
        <v>26</v>
      </c>
      <c r="D20" s="9">
        <v>45</v>
      </c>
    </row>
    <row r="21" spans="1:4" ht="18" customHeight="1" x14ac:dyDescent="0.15">
      <c r="A21" s="16">
        <v>14</v>
      </c>
      <c r="B21" s="29">
        <v>26</v>
      </c>
      <c r="C21" s="10">
        <v>24</v>
      </c>
      <c r="D21" s="9">
        <v>50</v>
      </c>
    </row>
    <row r="22" spans="1:4" ht="18" customHeight="1" x14ac:dyDescent="0.15">
      <c r="A22" s="8" t="s">
        <v>75</v>
      </c>
      <c r="B22" s="29">
        <v>111</v>
      </c>
      <c r="C22" s="10">
        <v>121</v>
      </c>
      <c r="D22" s="9">
        <v>232</v>
      </c>
    </row>
    <row r="23" spans="1:4" ht="18" customHeight="1" x14ac:dyDescent="0.15">
      <c r="A23" s="8" t="s">
        <v>65</v>
      </c>
      <c r="B23" s="29">
        <v>318</v>
      </c>
      <c r="C23" s="10">
        <v>326</v>
      </c>
      <c r="D23" s="9">
        <v>644</v>
      </c>
    </row>
    <row r="24" spans="1:4" ht="18" customHeight="1" x14ac:dyDescent="0.15">
      <c r="A24" s="16">
        <v>15</v>
      </c>
      <c r="B24" s="29">
        <v>23</v>
      </c>
      <c r="C24" s="10">
        <v>26</v>
      </c>
      <c r="D24" s="9">
        <v>49</v>
      </c>
    </row>
    <row r="25" spans="1:4" ht="18" customHeight="1" x14ac:dyDescent="0.15">
      <c r="A25" s="16">
        <v>16</v>
      </c>
      <c r="B25" s="29">
        <v>26</v>
      </c>
      <c r="C25" s="10">
        <v>26</v>
      </c>
      <c r="D25" s="9">
        <v>52</v>
      </c>
    </row>
    <row r="26" spans="1:4" ht="18" customHeight="1" x14ac:dyDescent="0.15">
      <c r="A26" s="16">
        <v>17</v>
      </c>
      <c r="B26" s="29">
        <v>24</v>
      </c>
      <c r="C26" s="10">
        <v>14</v>
      </c>
      <c r="D26" s="9">
        <v>38</v>
      </c>
    </row>
    <row r="27" spans="1:4" ht="18" customHeight="1" x14ac:dyDescent="0.15">
      <c r="A27" s="16">
        <v>18</v>
      </c>
      <c r="B27" s="29">
        <v>30</v>
      </c>
      <c r="C27" s="10">
        <v>29</v>
      </c>
      <c r="D27" s="9">
        <v>59</v>
      </c>
    </row>
    <row r="28" spans="1:4" ht="18" customHeight="1" x14ac:dyDescent="0.15">
      <c r="A28" s="16">
        <v>19</v>
      </c>
      <c r="B28" s="29">
        <v>19</v>
      </c>
      <c r="C28" s="10">
        <v>26</v>
      </c>
      <c r="D28" s="9">
        <v>45</v>
      </c>
    </row>
    <row r="29" spans="1:4" ht="18" customHeight="1" x14ac:dyDescent="0.15">
      <c r="A29" s="8" t="s">
        <v>48</v>
      </c>
      <c r="B29" s="29">
        <v>122</v>
      </c>
      <c r="C29" s="10">
        <v>121</v>
      </c>
      <c r="D29" s="9">
        <v>243</v>
      </c>
    </row>
    <row r="30" spans="1:4" ht="18" customHeight="1" x14ac:dyDescent="0.15">
      <c r="A30" s="16">
        <v>20</v>
      </c>
      <c r="B30" s="29">
        <v>27</v>
      </c>
      <c r="C30" s="10">
        <v>21</v>
      </c>
      <c r="D30" s="9">
        <v>48</v>
      </c>
    </row>
    <row r="31" spans="1:4" ht="18" customHeight="1" x14ac:dyDescent="0.15">
      <c r="A31" s="16">
        <v>21</v>
      </c>
      <c r="B31" s="29">
        <v>29</v>
      </c>
      <c r="C31" s="10">
        <v>15</v>
      </c>
      <c r="D31" s="9">
        <v>44</v>
      </c>
    </row>
    <row r="32" spans="1:4" ht="18" customHeight="1" x14ac:dyDescent="0.15">
      <c r="A32" s="16">
        <v>22</v>
      </c>
      <c r="B32" s="29">
        <v>23</v>
      </c>
      <c r="C32" s="10">
        <v>26</v>
      </c>
      <c r="D32" s="9">
        <v>49</v>
      </c>
    </row>
    <row r="33" spans="1:4" ht="18" customHeight="1" x14ac:dyDescent="0.15">
      <c r="A33" s="16">
        <v>23</v>
      </c>
      <c r="B33" s="29">
        <v>21</v>
      </c>
      <c r="C33" s="10">
        <v>30</v>
      </c>
      <c r="D33" s="9">
        <v>51</v>
      </c>
    </row>
    <row r="34" spans="1:4" ht="18" customHeight="1" x14ac:dyDescent="0.15">
      <c r="A34" s="16">
        <v>24</v>
      </c>
      <c r="B34" s="29">
        <v>30</v>
      </c>
      <c r="C34" s="10">
        <v>21</v>
      </c>
      <c r="D34" s="9">
        <v>51</v>
      </c>
    </row>
    <row r="35" spans="1:4" ht="18" customHeight="1" x14ac:dyDescent="0.15">
      <c r="A35" s="8" t="s">
        <v>74</v>
      </c>
      <c r="B35" s="29">
        <v>130</v>
      </c>
      <c r="C35" s="10">
        <v>113</v>
      </c>
      <c r="D35" s="9">
        <v>243</v>
      </c>
    </row>
    <row r="36" spans="1:4" ht="18" customHeight="1" x14ac:dyDescent="0.15">
      <c r="A36" s="16">
        <v>25</v>
      </c>
      <c r="B36" s="29">
        <v>29</v>
      </c>
      <c r="C36" s="10">
        <v>24</v>
      </c>
      <c r="D36" s="9">
        <v>53</v>
      </c>
    </row>
    <row r="37" spans="1:4" ht="18" customHeight="1" x14ac:dyDescent="0.15">
      <c r="A37" s="16">
        <v>26</v>
      </c>
      <c r="B37" s="29">
        <v>23</v>
      </c>
      <c r="C37" s="10">
        <v>23</v>
      </c>
      <c r="D37" s="9">
        <v>46</v>
      </c>
    </row>
    <row r="38" spans="1:4" ht="18" customHeight="1" x14ac:dyDescent="0.15">
      <c r="A38" s="16">
        <v>27</v>
      </c>
      <c r="B38" s="29">
        <v>31</v>
      </c>
      <c r="C38" s="10">
        <v>22</v>
      </c>
      <c r="D38" s="9">
        <v>53</v>
      </c>
    </row>
    <row r="39" spans="1:4" ht="18" customHeight="1" x14ac:dyDescent="0.15">
      <c r="A39" s="16">
        <v>28</v>
      </c>
      <c r="B39" s="29">
        <v>29</v>
      </c>
      <c r="C39" s="10">
        <v>24</v>
      </c>
      <c r="D39" s="9">
        <v>53</v>
      </c>
    </row>
    <row r="40" spans="1:4" ht="18" customHeight="1" x14ac:dyDescent="0.15">
      <c r="A40" s="16">
        <v>29</v>
      </c>
      <c r="B40" s="29">
        <v>22</v>
      </c>
      <c r="C40" s="10">
        <v>27</v>
      </c>
      <c r="D40" s="9">
        <v>49</v>
      </c>
    </row>
    <row r="41" spans="1:4" ht="18" customHeight="1" x14ac:dyDescent="0.15">
      <c r="A41" s="8" t="s">
        <v>73</v>
      </c>
      <c r="B41" s="29">
        <v>134</v>
      </c>
      <c r="C41" s="10">
        <v>120</v>
      </c>
      <c r="D41" s="9">
        <v>254</v>
      </c>
    </row>
    <row r="42" spans="1:4" ht="18" customHeight="1" x14ac:dyDescent="0.15">
      <c r="A42" s="16">
        <v>30</v>
      </c>
      <c r="B42" s="29">
        <v>34</v>
      </c>
      <c r="C42" s="10">
        <v>23</v>
      </c>
      <c r="D42" s="9">
        <v>57</v>
      </c>
    </row>
    <row r="43" spans="1:4" ht="18" customHeight="1" x14ac:dyDescent="0.15">
      <c r="A43" s="16">
        <v>31</v>
      </c>
      <c r="B43" s="29">
        <v>30</v>
      </c>
      <c r="C43" s="10">
        <v>17</v>
      </c>
      <c r="D43" s="9">
        <v>47</v>
      </c>
    </row>
    <row r="44" spans="1:4" ht="18" customHeight="1" x14ac:dyDescent="0.15">
      <c r="A44" s="16">
        <v>32</v>
      </c>
      <c r="B44" s="29">
        <v>37</v>
      </c>
      <c r="C44" s="10">
        <v>30</v>
      </c>
      <c r="D44" s="9">
        <v>67</v>
      </c>
    </row>
    <row r="45" spans="1:4" ht="18" customHeight="1" x14ac:dyDescent="0.15">
      <c r="A45" s="16">
        <v>33</v>
      </c>
      <c r="B45" s="29">
        <v>26</v>
      </c>
      <c r="C45" s="10">
        <v>28</v>
      </c>
      <c r="D45" s="9">
        <v>54</v>
      </c>
    </row>
    <row r="46" spans="1:4" ht="18" customHeight="1" x14ac:dyDescent="0.15">
      <c r="A46" s="16">
        <v>34</v>
      </c>
      <c r="B46" s="29">
        <v>28</v>
      </c>
      <c r="C46" s="10">
        <v>23</v>
      </c>
      <c r="D46" s="9">
        <v>51</v>
      </c>
    </row>
    <row r="47" spans="1:4" ht="18" customHeight="1" x14ac:dyDescent="0.15">
      <c r="A47" s="8" t="s">
        <v>61</v>
      </c>
      <c r="B47" s="29">
        <v>155</v>
      </c>
      <c r="C47" s="10">
        <v>121</v>
      </c>
      <c r="D47" s="9">
        <v>276</v>
      </c>
    </row>
    <row r="48" spans="1:4" ht="18" customHeight="1" x14ac:dyDescent="0.15">
      <c r="A48" s="16">
        <v>35</v>
      </c>
      <c r="B48" s="29">
        <v>30</v>
      </c>
      <c r="C48" s="10">
        <v>21</v>
      </c>
      <c r="D48" s="9">
        <v>51</v>
      </c>
    </row>
    <row r="49" spans="1:4" ht="18" customHeight="1" x14ac:dyDescent="0.15">
      <c r="A49" s="16">
        <v>36</v>
      </c>
      <c r="B49" s="29">
        <v>41</v>
      </c>
      <c r="C49" s="10">
        <v>32</v>
      </c>
      <c r="D49" s="9">
        <v>73</v>
      </c>
    </row>
    <row r="50" spans="1:4" ht="18" customHeight="1" x14ac:dyDescent="0.15">
      <c r="A50" s="16">
        <v>37</v>
      </c>
      <c r="B50" s="29">
        <v>36</v>
      </c>
      <c r="C50" s="10">
        <v>27</v>
      </c>
      <c r="D50" s="9">
        <v>63</v>
      </c>
    </row>
    <row r="51" spans="1:4" ht="18" customHeight="1" x14ac:dyDescent="0.15">
      <c r="A51" s="16">
        <v>38</v>
      </c>
      <c r="B51" s="29">
        <v>28</v>
      </c>
      <c r="C51" s="10">
        <v>32</v>
      </c>
      <c r="D51" s="9">
        <v>60</v>
      </c>
    </row>
    <row r="52" spans="1:4" ht="18" customHeight="1" x14ac:dyDescent="0.15">
      <c r="A52" s="16">
        <v>39</v>
      </c>
      <c r="B52" s="29">
        <v>34</v>
      </c>
      <c r="C52" s="10">
        <v>32</v>
      </c>
      <c r="D52" s="9">
        <v>66</v>
      </c>
    </row>
    <row r="53" spans="1:4" ht="18" customHeight="1" x14ac:dyDescent="0.15">
      <c r="A53" s="8" t="s">
        <v>72</v>
      </c>
      <c r="B53" s="29">
        <v>169</v>
      </c>
      <c r="C53" s="10">
        <v>144</v>
      </c>
      <c r="D53" s="9">
        <v>313</v>
      </c>
    </row>
    <row r="54" spans="1:4" ht="18" customHeight="1" x14ac:dyDescent="0.15">
      <c r="A54" s="16">
        <v>40</v>
      </c>
      <c r="B54" s="29">
        <v>34</v>
      </c>
      <c r="C54" s="10">
        <v>22</v>
      </c>
      <c r="D54" s="9">
        <v>56</v>
      </c>
    </row>
    <row r="55" spans="1:4" ht="18" customHeight="1" x14ac:dyDescent="0.15">
      <c r="A55" s="16">
        <v>41</v>
      </c>
      <c r="B55" s="29">
        <v>27</v>
      </c>
      <c r="C55" s="10">
        <v>31</v>
      </c>
      <c r="D55" s="9">
        <v>58</v>
      </c>
    </row>
    <row r="56" spans="1:4" ht="18" customHeight="1" x14ac:dyDescent="0.15">
      <c r="A56" s="16">
        <v>42</v>
      </c>
      <c r="B56" s="29">
        <v>32</v>
      </c>
      <c r="C56" s="10">
        <v>33</v>
      </c>
      <c r="D56" s="9">
        <v>65</v>
      </c>
    </row>
    <row r="57" spans="1:4" ht="18" customHeight="1" x14ac:dyDescent="0.15">
      <c r="A57" s="16">
        <v>43</v>
      </c>
      <c r="B57" s="29">
        <v>38</v>
      </c>
      <c r="C57" s="10">
        <v>29</v>
      </c>
      <c r="D57" s="9">
        <v>67</v>
      </c>
    </row>
    <row r="58" spans="1:4" ht="18" customHeight="1" x14ac:dyDescent="0.15">
      <c r="A58" s="16">
        <v>44</v>
      </c>
      <c r="B58" s="29">
        <v>31</v>
      </c>
      <c r="C58" s="10">
        <v>34</v>
      </c>
      <c r="D58" s="9">
        <v>65</v>
      </c>
    </row>
    <row r="59" spans="1:4" ht="18" customHeight="1" x14ac:dyDescent="0.15">
      <c r="A59" s="8" t="s">
        <v>46</v>
      </c>
      <c r="B59" s="29">
        <v>162</v>
      </c>
      <c r="C59" s="10">
        <v>149</v>
      </c>
      <c r="D59" s="9">
        <v>311</v>
      </c>
    </row>
    <row r="60" spans="1:4" ht="18" customHeight="1" x14ac:dyDescent="0.15">
      <c r="A60" s="16">
        <v>45</v>
      </c>
      <c r="B60" s="29">
        <v>48</v>
      </c>
      <c r="C60" s="10">
        <v>33</v>
      </c>
      <c r="D60" s="9">
        <v>81</v>
      </c>
    </row>
    <row r="61" spans="1:4" ht="18" customHeight="1" x14ac:dyDescent="0.15">
      <c r="A61" s="16">
        <v>46</v>
      </c>
      <c r="B61" s="29">
        <v>44</v>
      </c>
      <c r="C61" s="10">
        <v>43</v>
      </c>
      <c r="D61" s="9">
        <v>87</v>
      </c>
    </row>
    <row r="62" spans="1:4" ht="18" customHeight="1" x14ac:dyDescent="0.15">
      <c r="A62" s="16">
        <v>47</v>
      </c>
      <c r="B62" s="29">
        <v>53</v>
      </c>
      <c r="C62" s="10">
        <v>40</v>
      </c>
      <c r="D62" s="9">
        <v>93</v>
      </c>
    </row>
    <row r="63" spans="1:4" ht="18" customHeight="1" x14ac:dyDescent="0.15">
      <c r="A63" s="16">
        <v>48</v>
      </c>
      <c r="B63" s="29">
        <v>42</v>
      </c>
      <c r="C63" s="10">
        <v>47</v>
      </c>
      <c r="D63" s="9">
        <v>89</v>
      </c>
    </row>
    <row r="64" spans="1:4" ht="18" customHeight="1" x14ac:dyDescent="0.15">
      <c r="A64" s="16">
        <v>49</v>
      </c>
      <c r="B64" s="29">
        <v>50</v>
      </c>
      <c r="C64" s="10">
        <v>50</v>
      </c>
      <c r="D64" s="9">
        <v>100</v>
      </c>
    </row>
    <row r="65" spans="1:4" ht="18" customHeight="1" x14ac:dyDescent="0.15">
      <c r="A65" s="8" t="s">
        <v>45</v>
      </c>
      <c r="B65" s="29">
        <v>237</v>
      </c>
      <c r="C65" s="10">
        <v>213</v>
      </c>
      <c r="D65" s="9">
        <v>450</v>
      </c>
    </row>
    <row r="66" spans="1:4" ht="18" customHeight="1" x14ac:dyDescent="0.15">
      <c r="A66" s="16">
        <v>50</v>
      </c>
      <c r="B66" s="29">
        <v>52</v>
      </c>
      <c r="C66" s="10">
        <v>44</v>
      </c>
      <c r="D66" s="9">
        <v>96</v>
      </c>
    </row>
    <row r="67" spans="1:4" ht="18" customHeight="1" x14ac:dyDescent="0.15">
      <c r="A67" s="16">
        <v>51</v>
      </c>
      <c r="B67" s="29">
        <v>41</v>
      </c>
      <c r="C67" s="10">
        <v>44</v>
      </c>
      <c r="D67" s="9">
        <v>85</v>
      </c>
    </row>
    <row r="68" spans="1:4" ht="18" customHeight="1" x14ac:dyDescent="0.15">
      <c r="A68" s="16">
        <v>52</v>
      </c>
      <c r="B68" s="29">
        <v>51</v>
      </c>
      <c r="C68" s="10">
        <v>42</v>
      </c>
      <c r="D68" s="9">
        <v>93</v>
      </c>
    </row>
    <row r="69" spans="1:4" ht="18" customHeight="1" x14ac:dyDescent="0.15">
      <c r="A69" s="16">
        <v>53</v>
      </c>
      <c r="B69" s="29">
        <v>50</v>
      </c>
      <c r="C69" s="10">
        <v>31</v>
      </c>
      <c r="D69" s="9">
        <v>81</v>
      </c>
    </row>
    <row r="70" spans="1:4" ht="18" customHeight="1" x14ac:dyDescent="0.15">
      <c r="A70" s="16">
        <v>54</v>
      </c>
      <c r="B70" s="29">
        <v>45</v>
      </c>
      <c r="C70" s="10">
        <v>42</v>
      </c>
      <c r="D70" s="9">
        <v>87</v>
      </c>
    </row>
    <row r="71" spans="1:4" ht="18" customHeight="1" x14ac:dyDescent="0.15">
      <c r="A71" s="8" t="s">
        <v>58</v>
      </c>
      <c r="B71" s="29">
        <v>239</v>
      </c>
      <c r="C71" s="10">
        <v>203</v>
      </c>
      <c r="D71" s="9">
        <v>442</v>
      </c>
    </row>
    <row r="72" spans="1:4" ht="18" customHeight="1" x14ac:dyDescent="0.15">
      <c r="A72" s="16">
        <v>55</v>
      </c>
      <c r="B72" s="29">
        <v>30</v>
      </c>
      <c r="C72" s="10">
        <v>44</v>
      </c>
      <c r="D72" s="9">
        <v>74</v>
      </c>
    </row>
    <row r="73" spans="1:4" ht="18" customHeight="1" x14ac:dyDescent="0.15">
      <c r="A73" s="16">
        <v>56</v>
      </c>
      <c r="B73" s="29">
        <v>40</v>
      </c>
      <c r="C73" s="10">
        <v>37</v>
      </c>
      <c r="D73" s="9">
        <v>77</v>
      </c>
    </row>
    <row r="74" spans="1:4" ht="18" customHeight="1" x14ac:dyDescent="0.15">
      <c r="A74" s="16">
        <v>57</v>
      </c>
      <c r="B74" s="29">
        <v>37</v>
      </c>
      <c r="C74" s="10">
        <v>24</v>
      </c>
      <c r="D74" s="9">
        <v>61</v>
      </c>
    </row>
    <row r="75" spans="1:4" ht="18" customHeight="1" x14ac:dyDescent="0.15">
      <c r="A75" s="16">
        <v>58</v>
      </c>
      <c r="B75" s="29">
        <v>38</v>
      </c>
      <c r="C75" s="10">
        <v>38</v>
      </c>
      <c r="D75" s="9">
        <v>76</v>
      </c>
    </row>
    <row r="76" spans="1:4" ht="18" customHeight="1" x14ac:dyDescent="0.15">
      <c r="A76" s="16">
        <v>59</v>
      </c>
      <c r="B76" s="29">
        <v>44</v>
      </c>
      <c r="C76" s="10">
        <v>40</v>
      </c>
      <c r="D76" s="9">
        <v>84</v>
      </c>
    </row>
    <row r="77" spans="1:4" ht="18" customHeight="1" x14ac:dyDescent="0.15">
      <c r="A77" s="8" t="s">
        <v>71</v>
      </c>
      <c r="B77" s="29">
        <v>189</v>
      </c>
      <c r="C77" s="10">
        <v>183</v>
      </c>
      <c r="D77" s="9">
        <v>372</v>
      </c>
    </row>
    <row r="78" spans="1:4" ht="18" customHeight="1" x14ac:dyDescent="0.15">
      <c r="A78" s="16">
        <v>60</v>
      </c>
      <c r="B78" s="29">
        <v>29</v>
      </c>
      <c r="C78" s="10">
        <v>32</v>
      </c>
      <c r="D78" s="9">
        <v>61</v>
      </c>
    </row>
    <row r="79" spans="1:4" ht="18" customHeight="1" x14ac:dyDescent="0.15">
      <c r="A79" s="16">
        <v>61</v>
      </c>
      <c r="B79" s="29">
        <v>33</v>
      </c>
      <c r="C79" s="10">
        <v>32</v>
      </c>
      <c r="D79" s="9">
        <v>65</v>
      </c>
    </row>
    <row r="80" spans="1:4" ht="18" customHeight="1" x14ac:dyDescent="0.15">
      <c r="A80" s="16">
        <v>62</v>
      </c>
      <c r="B80" s="29">
        <v>29</v>
      </c>
      <c r="C80" s="10">
        <v>32</v>
      </c>
      <c r="D80" s="9">
        <v>61</v>
      </c>
    </row>
    <row r="81" spans="1:4" ht="18" customHeight="1" x14ac:dyDescent="0.15">
      <c r="A81" s="16">
        <v>63</v>
      </c>
      <c r="B81" s="29">
        <v>34</v>
      </c>
      <c r="C81" s="10">
        <v>44</v>
      </c>
      <c r="D81" s="9">
        <v>78</v>
      </c>
    </row>
    <row r="82" spans="1:4" ht="18" customHeight="1" x14ac:dyDescent="0.15">
      <c r="A82" s="16">
        <v>64</v>
      </c>
      <c r="B82" s="29">
        <v>25</v>
      </c>
      <c r="C82" s="10">
        <v>31</v>
      </c>
      <c r="D82" s="9">
        <v>56</v>
      </c>
    </row>
    <row r="83" spans="1:4" ht="18" customHeight="1" x14ac:dyDescent="0.15">
      <c r="A83" s="8" t="s">
        <v>44</v>
      </c>
      <c r="B83" s="29">
        <v>150</v>
      </c>
      <c r="C83" s="10">
        <v>171</v>
      </c>
      <c r="D83" s="9">
        <v>321</v>
      </c>
    </row>
    <row r="84" spans="1:4" ht="18" customHeight="1" x14ac:dyDescent="0.15">
      <c r="A84" s="8" t="s">
        <v>43</v>
      </c>
      <c r="B84" s="29">
        <v>1687</v>
      </c>
      <c r="C84" s="10">
        <v>1538</v>
      </c>
      <c r="D84" s="9">
        <v>3225</v>
      </c>
    </row>
    <row r="85" spans="1:4" ht="18" customHeight="1" x14ac:dyDescent="0.15">
      <c r="A85" s="16">
        <v>65</v>
      </c>
      <c r="B85" s="29">
        <v>35</v>
      </c>
      <c r="C85" s="10">
        <v>26</v>
      </c>
      <c r="D85" s="9">
        <v>61</v>
      </c>
    </row>
    <row r="86" spans="1:4" ht="18" customHeight="1" x14ac:dyDescent="0.15">
      <c r="A86" s="16">
        <v>66</v>
      </c>
      <c r="B86" s="29">
        <v>19</v>
      </c>
      <c r="C86" s="10">
        <v>35</v>
      </c>
      <c r="D86" s="9">
        <v>54</v>
      </c>
    </row>
    <row r="87" spans="1:4" ht="18" customHeight="1" x14ac:dyDescent="0.15">
      <c r="A87" s="16">
        <v>67</v>
      </c>
      <c r="B87" s="29">
        <v>46</v>
      </c>
      <c r="C87" s="10">
        <v>45</v>
      </c>
      <c r="D87" s="9">
        <v>91</v>
      </c>
    </row>
    <row r="88" spans="1:4" ht="18" customHeight="1" x14ac:dyDescent="0.15">
      <c r="A88" s="16">
        <v>68</v>
      </c>
      <c r="B88" s="29">
        <v>40</v>
      </c>
      <c r="C88" s="10">
        <v>31</v>
      </c>
      <c r="D88" s="9">
        <v>71</v>
      </c>
    </row>
    <row r="89" spans="1:4" ht="18" customHeight="1" x14ac:dyDescent="0.15">
      <c r="A89" s="16">
        <v>69</v>
      </c>
      <c r="B89" s="29">
        <v>43</v>
      </c>
      <c r="C89" s="10">
        <v>46</v>
      </c>
      <c r="D89" s="9">
        <v>89</v>
      </c>
    </row>
    <row r="90" spans="1:4" ht="18" customHeight="1" x14ac:dyDescent="0.15">
      <c r="A90" s="8" t="s">
        <v>42</v>
      </c>
      <c r="B90" s="29">
        <v>183</v>
      </c>
      <c r="C90" s="10">
        <v>183</v>
      </c>
      <c r="D90" s="9">
        <v>366</v>
      </c>
    </row>
    <row r="91" spans="1:4" ht="18" customHeight="1" x14ac:dyDescent="0.15">
      <c r="A91" s="16">
        <v>70</v>
      </c>
      <c r="B91" s="29">
        <v>41</v>
      </c>
      <c r="C91" s="10">
        <v>33</v>
      </c>
      <c r="D91" s="9">
        <v>74</v>
      </c>
    </row>
    <row r="92" spans="1:4" ht="18" customHeight="1" x14ac:dyDescent="0.15">
      <c r="A92" s="16">
        <v>71</v>
      </c>
      <c r="B92" s="29">
        <v>44</v>
      </c>
      <c r="C92" s="10">
        <v>55</v>
      </c>
      <c r="D92" s="9">
        <v>99</v>
      </c>
    </row>
    <row r="93" spans="1:4" ht="18" customHeight="1" x14ac:dyDescent="0.15">
      <c r="A93" s="16">
        <v>72</v>
      </c>
      <c r="B93" s="29">
        <v>38</v>
      </c>
      <c r="C93" s="10">
        <v>46</v>
      </c>
      <c r="D93" s="9">
        <v>84</v>
      </c>
    </row>
    <row r="94" spans="1:4" ht="18" customHeight="1" x14ac:dyDescent="0.15">
      <c r="A94" s="16">
        <v>73</v>
      </c>
      <c r="B94" s="29">
        <v>51</v>
      </c>
      <c r="C94" s="10">
        <v>55</v>
      </c>
      <c r="D94" s="9">
        <v>106</v>
      </c>
    </row>
    <row r="95" spans="1:4" ht="18" customHeight="1" x14ac:dyDescent="0.15">
      <c r="A95" s="16">
        <v>74</v>
      </c>
      <c r="B95" s="29">
        <v>49</v>
      </c>
      <c r="C95" s="10">
        <v>55</v>
      </c>
      <c r="D95" s="9">
        <v>104</v>
      </c>
    </row>
    <row r="96" spans="1:4" ht="18" customHeight="1" x14ac:dyDescent="0.15">
      <c r="A96" s="8" t="s">
        <v>41</v>
      </c>
      <c r="B96" s="29">
        <v>223</v>
      </c>
      <c r="C96" s="10">
        <v>244</v>
      </c>
      <c r="D96" s="9">
        <v>467</v>
      </c>
    </row>
    <row r="97" spans="1:4" ht="18" customHeight="1" x14ac:dyDescent="0.15">
      <c r="A97" s="16">
        <v>75</v>
      </c>
      <c r="B97" s="29">
        <v>45</v>
      </c>
      <c r="C97" s="10">
        <v>66</v>
      </c>
      <c r="D97" s="9">
        <v>111</v>
      </c>
    </row>
    <row r="98" spans="1:4" ht="18" customHeight="1" x14ac:dyDescent="0.15">
      <c r="A98" s="16">
        <v>76</v>
      </c>
      <c r="B98" s="29">
        <v>32</v>
      </c>
      <c r="C98" s="10">
        <v>52</v>
      </c>
      <c r="D98" s="9">
        <v>84</v>
      </c>
    </row>
    <row r="99" spans="1:4" ht="18" customHeight="1" x14ac:dyDescent="0.15">
      <c r="A99" s="16">
        <v>77</v>
      </c>
      <c r="B99" s="29">
        <v>24</v>
      </c>
      <c r="C99" s="10">
        <v>25</v>
      </c>
      <c r="D99" s="9">
        <v>49</v>
      </c>
    </row>
    <row r="100" spans="1:4" ht="18" customHeight="1" x14ac:dyDescent="0.15">
      <c r="A100" s="16">
        <v>78</v>
      </c>
      <c r="B100" s="29">
        <v>31</v>
      </c>
      <c r="C100" s="10">
        <v>39</v>
      </c>
      <c r="D100" s="9">
        <v>70</v>
      </c>
    </row>
    <row r="101" spans="1:4" ht="18" customHeight="1" x14ac:dyDescent="0.15">
      <c r="A101" s="16">
        <v>79</v>
      </c>
      <c r="B101" s="29">
        <v>39</v>
      </c>
      <c r="C101" s="10">
        <v>46</v>
      </c>
      <c r="D101" s="9">
        <v>85</v>
      </c>
    </row>
    <row r="102" spans="1:4" ht="18" customHeight="1" x14ac:dyDescent="0.15">
      <c r="A102" s="8" t="s">
        <v>70</v>
      </c>
      <c r="B102" s="29">
        <v>171</v>
      </c>
      <c r="C102" s="10">
        <v>228</v>
      </c>
      <c r="D102" s="9">
        <v>399</v>
      </c>
    </row>
    <row r="103" spans="1:4" ht="18" customHeight="1" x14ac:dyDescent="0.15">
      <c r="A103" s="16">
        <v>80</v>
      </c>
      <c r="B103" s="29">
        <v>39</v>
      </c>
      <c r="C103" s="10">
        <v>36</v>
      </c>
      <c r="D103" s="9">
        <v>75</v>
      </c>
    </row>
    <row r="104" spans="1:4" ht="18" customHeight="1" x14ac:dyDescent="0.15">
      <c r="A104" s="16">
        <v>81</v>
      </c>
      <c r="B104" s="29">
        <v>28</v>
      </c>
      <c r="C104" s="10">
        <v>46</v>
      </c>
      <c r="D104" s="9">
        <v>74</v>
      </c>
    </row>
    <row r="105" spans="1:4" ht="18" customHeight="1" x14ac:dyDescent="0.15">
      <c r="A105" s="16">
        <v>82</v>
      </c>
      <c r="B105" s="29">
        <v>21</v>
      </c>
      <c r="C105" s="10">
        <v>35</v>
      </c>
      <c r="D105" s="9">
        <v>56</v>
      </c>
    </row>
    <row r="106" spans="1:4" ht="18" customHeight="1" x14ac:dyDescent="0.15">
      <c r="A106" s="16">
        <v>83</v>
      </c>
      <c r="B106" s="29">
        <v>17</v>
      </c>
      <c r="C106" s="10">
        <v>28</v>
      </c>
      <c r="D106" s="9">
        <v>45</v>
      </c>
    </row>
    <row r="107" spans="1:4" ht="18" customHeight="1" x14ac:dyDescent="0.15">
      <c r="A107" s="16">
        <v>84</v>
      </c>
      <c r="B107" s="29">
        <v>18</v>
      </c>
      <c r="C107" s="10">
        <v>26</v>
      </c>
      <c r="D107" s="9">
        <v>44</v>
      </c>
    </row>
    <row r="108" spans="1:4" ht="18" customHeight="1" x14ac:dyDescent="0.15">
      <c r="A108" s="8" t="s">
        <v>39</v>
      </c>
      <c r="B108" s="29">
        <v>123</v>
      </c>
      <c r="C108" s="10">
        <v>171</v>
      </c>
      <c r="D108" s="9">
        <v>294</v>
      </c>
    </row>
    <row r="109" spans="1:4" ht="18" customHeight="1" x14ac:dyDescent="0.15">
      <c r="A109" s="16">
        <v>85</v>
      </c>
      <c r="B109" s="29">
        <v>15</v>
      </c>
      <c r="C109" s="10">
        <v>24</v>
      </c>
      <c r="D109" s="9">
        <v>39</v>
      </c>
    </row>
    <row r="110" spans="1:4" ht="18" customHeight="1" x14ac:dyDescent="0.15">
      <c r="A110" s="16">
        <v>86</v>
      </c>
      <c r="B110" s="29">
        <v>16</v>
      </c>
      <c r="C110" s="10">
        <v>22</v>
      </c>
      <c r="D110" s="9">
        <v>38</v>
      </c>
    </row>
    <row r="111" spans="1:4" ht="18" customHeight="1" x14ac:dyDescent="0.15">
      <c r="A111" s="16">
        <v>87</v>
      </c>
      <c r="B111" s="29">
        <v>14</v>
      </c>
      <c r="C111" s="10">
        <v>34</v>
      </c>
      <c r="D111" s="9">
        <v>48</v>
      </c>
    </row>
    <row r="112" spans="1:4" ht="18" customHeight="1" x14ac:dyDescent="0.15">
      <c r="A112" s="16">
        <v>88</v>
      </c>
      <c r="B112" s="29">
        <v>10</v>
      </c>
      <c r="C112" s="10">
        <v>26</v>
      </c>
      <c r="D112" s="9">
        <v>36</v>
      </c>
    </row>
    <row r="113" spans="1:4" ht="18" customHeight="1" x14ac:dyDescent="0.15">
      <c r="A113" s="16">
        <v>89</v>
      </c>
      <c r="B113" s="29">
        <v>8</v>
      </c>
      <c r="C113" s="10">
        <v>21</v>
      </c>
      <c r="D113" s="9">
        <v>29</v>
      </c>
    </row>
    <row r="114" spans="1:4" ht="18" customHeight="1" x14ac:dyDescent="0.15">
      <c r="A114" s="8" t="s">
        <v>38</v>
      </c>
      <c r="B114" s="29">
        <v>63</v>
      </c>
      <c r="C114" s="10">
        <v>127</v>
      </c>
      <c r="D114" s="9">
        <v>190</v>
      </c>
    </row>
    <row r="115" spans="1:4" ht="18" customHeight="1" x14ac:dyDescent="0.15">
      <c r="A115" s="16">
        <v>90</v>
      </c>
      <c r="B115" s="29">
        <v>10</v>
      </c>
      <c r="C115" s="10">
        <v>24</v>
      </c>
      <c r="D115" s="9">
        <v>34</v>
      </c>
    </row>
    <row r="116" spans="1:4" ht="18" customHeight="1" x14ac:dyDescent="0.15">
      <c r="A116" s="16">
        <v>91</v>
      </c>
      <c r="B116" s="29">
        <v>12</v>
      </c>
      <c r="C116" s="10">
        <v>16</v>
      </c>
      <c r="D116" s="9">
        <v>28</v>
      </c>
    </row>
    <row r="117" spans="1:4" ht="18" customHeight="1" x14ac:dyDescent="0.15">
      <c r="A117" s="16">
        <v>92</v>
      </c>
      <c r="B117" s="29">
        <v>3</v>
      </c>
      <c r="C117" s="10">
        <v>16</v>
      </c>
      <c r="D117" s="9">
        <v>19</v>
      </c>
    </row>
    <row r="118" spans="1:4" ht="18" customHeight="1" x14ac:dyDescent="0.15">
      <c r="A118" s="16">
        <v>93</v>
      </c>
      <c r="B118" s="29">
        <v>5</v>
      </c>
      <c r="C118" s="10">
        <v>9</v>
      </c>
      <c r="D118" s="9">
        <v>14</v>
      </c>
    </row>
    <row r="119" spans="1:4" ht="18" customHeight="1" x14ac:dyDescent="0.15">
      <c r="A119" s="16">
        <v>94</v>
      </c>
      <c r="B119" s="29">
        <v>1</v>
      </c>
      <c r="C119" s="10">
        <v>17</v>
      </c>
      <c r="D119" s="9">
        <v>18</v>
      </c>
    </row>
    <row r="120" spans="1:4" ht="18" customHeight="1" x14ac:dyDescent="0.15">
      <c r="A120" s="8" t="s">
        <v>69</v>
      </c>
      <c r="B120" s="29">
        <v>31</v>
      </c>
      <c r="C120" s="10">
        <v>82</v>
      </c>
      <c r="D120" s="9">
        <v>113</v>
      </c>
    </row>
    <row r="121" spans="1:4" ht="18" customHeight="1" x14ac:dyDescent="0.15">
      <c r="A121" s="16">
        <v>95</v>
      </c>
      <c r="B121" s="29">
        <v>2</v>
      </c>
      <c r="C121" s="10">
        <v>7</v>
      </c>
      <c r="D121" s="9">
        <v>9</v>
      </c>
    </row>
    <row r="122" spans="1:4" ht="18" customHeight="1" x14ac:dyDescent="0.15">
      <c r="A122" s="16">
        <v>96</v>
      </c>
      <c r="B122" s="29">
        <v>2</v>
      </c>
      <c r="C122" s="10">
        <v>6</v>
      </c>
      <c r="D122" s="9">
        <v>8</v>
      </c>
    </row>
    <row r="123" spans="1:4" ht="18" customHeight="1" x14ac:dyDescent="0.15">
      <c r="A123" s="16">
        <v>97</v>
      </c>
      <c r="B123" s="29">
        <v>4</v>
      </c>
      <c r="C123" s="10">
        <v>6</v>
      </c>
      <c r="D123" s="9">
        <v>10</v>
      </c>
    </row>
    <row r="124" spans="1:4" ht="18" customHeight="1" x14ac:dyDescent="0.15">
      <c r="A124" s="16">
        <v>98</v>
      </c>
      <c r="B124" s="29">
        <v>2</v>
      </c>
      <c r="C124" s="10">
        <v>3</v>
      </c>
      <c r="D124" s="9">
        <v>5</v>
      </c>
    </row>
    <row r="125" spans="1:4" ht="18" customHeight="1" x14ac:dyDescent="0.15">
      <c r="A125" s="16">
        <v>99</v>
      </c>
      <c r="B125" s="29">
        <v>2</v>
      </c>
      <c r="C125" s="10">
        <v>1</v>
      </c>
      <c r="D125" s="9">
        <v>3</v>
      </c>
    </row>
    <row r="126" spans="1:4" ht="18" customHeight="1" x14ac:dyDescent="0.15">
      <c r="A126" s="8" t="s">
        <v>68</v>
      </c>
      <c r="B126" s="29">
        <v>12</v>
      </c>
      <c r="C126" s="10">
        <v>23</v>
      </c>
      <c r="D126" s="9">
        <v>35</v>
      </c>
    </row>
    <row r="127" spans="1:4" ht="18" customHeight="1" x14ac:dyDescent="0.15">
      <c r="A127" s="16">
        <v>100</v>
      </c>
      <c r="B127" s="29">
        <v>1</v>
      </c>
      <c r="C127" s="10">
        <v>2</v>
      </c>
      <c r="D127" s="9">
        <v>3</v>
      </c>
    </row>
    <row r="128" spans="1:4" ht="18" customHeight="1" x14ac:dyDescent="0.15">
      <c r="A128" s="15" t="s">
        <v>37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1</v>
      </c>
      <c r="C129" s="10">
        <v>5</v>
      </c>
      <c r="D129" s="9">
        <v>6</v>
      </c>
    </row>
    <row r="130" spans="1:4" ht="18" customHeight="1" x14ac:dyDescent="0.15">
      <c r="A130" s="8" t="s">
        <v>35</v>
      </c>
      <c r="B130" s="28">
        <v>807</v>
      </c>
      <c r="C130" s="6">
        <v>1063</v>
      </c>
      <c r="D130" s="5">
        <v>1870</v>
      </c>
    </row>
    <row r="131" spans="1:4" ht="18" customHeight="1" x14ac:dyDescent="0.15">
      <c r="A131" s="4" t="s">
        <v>0</v>
      </c>
      <c r="B131" s="27">
        <v>2812</v>
      </c>
      <c r="C131" s="2">
        <v>2927</v>
      </c>
      <c r="D131" s="1">
        <v>573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1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2</v>
      </c>
      <c r="C5" s="18">
        <v>21</v>
      </c>
      <c r="D5" s="17">
        <v>43</v>
      </c>
    </row>
    <row r="6" spans="1:4" ht="18" customHeight="1" x14ac:dyDescent="0.15">
      <c r="A6" s="16">
        <v>1</v>
      </c>
      <c r="B6" s="29">
        <v>29</v>
      </c>
      <c r="C6" s="10">
        <v>21</v>
      </c>
      <c r="D6" s="9">
        <v>50</v>
      </c>
    </row>
    <row r="7" spans="1:4" ht="18" customHeight="1" x14ac:dyDescent="0.15">
      <c r="A7" s="16">
        <v>2</v>
      </c>
      <c r="B7" s="29">
        <v>19</v>
      </c>
      <c r="C7" s="10">
        <v>21</v>
      </c>
      <c r="D7" s="9">
        <v>40</v>
      </c>
    </row>
    <row r="8" spans="1:4" ht="18" customHeight="1" x14ac:dyDescent="0.15">
      <c r="A8" s="16">
        <v>3</v>
      </c>
      <c r="B8" s="29">
        <v>22</v>
      </c>
      <c r="C8" s="10">
        <v>16</v>
      </c>
      <c r="D8" s="9">
        <v>38</v>
      </c>
    </row>
    <row r="9" spans="1:4" ht="18" customHeight="1" x14ac:dyDescent="0.15">
      <c r="A9" s="16">
        <v>4</v>
      </c>
      <c r="B9" s="29">
        <v>23</v>
      </c>
      <c r="C9" s="10">
        <v>23</v>
      </c>
      <c r="D9" s="9">
        <v>46</v>
      </c>
    </row>
    <row r="10" spans="1:4" ht="18" customHeight="1" x14ac:dyDescent="0.15">
      <c r="A10" s="8" t="s">
        <v>76</v>
      </c>
      <c r="B10" s="29">
        <v>115</v>
      </c>
      <c r="C10" s="10">
        <v>102</v>
      </c>
      <c r="D10" s="9">
        <v>217</v>
      </c>
    </row>
    <row r="11" spans="1:4" ht="18" customHeight="1" x14ac:dyDescent="0.15">
      <c r="A11" s="16">
        <v>5</v>
      </c>
      <c r="B11" s="29">
        <v>21</v>
      </c>
      <c r="C11" s="10">
        <v>18</v>
      </c>
      <c r="D11" s="9">
        <v>39</v>
      </c>
    </row>
    <row r="12" spans="1:4" ht="18" customHeight="1" x14ac:dyDescent="0.15">
      <c r="A12" s="16">
        <v>6</v>
      </c>
      <c r="B12" s="29">
        <v>26</v>
      </c>
      <c r="C12" s="10">
        <v>25</v>
      </c>
      <c r="D12" s="9">
        <v>51</v>
      </c>
    </row>
    <row r="13" spans="1:4" ht="18" customHeight="1" x14ac:dyDescent="0.15">
      <c r="A13" s="16">
        <v>7</v>
      </c>
      <c r="B13" s="29">
        <v>22</v>
      </c>
      <c r="C13" s="10">
        <v>31</v>
      </c>
      <c r="D13" s="9">
        <v>53</v>
      </c>
    </row>
    <row r="14" spans="1:4" ht="18" customHeight="1" x14ac:dyDescent="0.15">
      <c r="A14" s="16">
        <v>8</v>
      </c>
      <c r="B14" s="29">
        <v>30</v>
      </c>
      <c r="C14" s="10">
        <v>25</v>
      </c>
      <c r="D14" s="9">
        <v>55</v>
      </c>
    </row>
    <row r="15" spans="1:4" ht="18" customHeight="1" x14ac:dyDescent="0.15">
      <c r="A15" s="16">
        <v>9</v>
      </c>
      <c r="B15" s="29">
        <v>29</v>
      </c>
      <c r="C15" s="10">
        <v>26</v>
      </c>
      <c r="D15" s="9">
        <v>55</v>
      </c>
    </row>
    <row r="16" spans="1:4" ht="18" customHeight="1" x14ac:dyDescent="0.15">
      <c r="A16" s="8" t="s">
        <v>50</v>
      </c>
      <c r="B16" s="29">
        <v>128</v>
      </c>
      <c r="C16" s="10">
        <v>125</v>
      </c>
      <c r="D16" s="9">
        <v>253</v>
      </c>
    </row>
    <row r="17" spans="1:4" ht="18" customHeight="1" x14ac:dyDescent="0.15">
      <c r="A17" s="16">
        <v>10</v>
      </c>
      <c r="B17" s="29">
        <v>31</v>
      </c>
      <c r="C17" s="10">
        <v>29</v>
      </c>
      <c r="D17" s="9">
        <v>60</v>
      </c>
    </row>
    <row r="18" spans="1:4" ht="18" customHeight="1" x14ac:dyDescent="0.15">
      <c r="A18" s="16">
        <v>11</v>
      </c>
      <c r="B18" s="29">
        <v>37</v>
      </c>
      <c r="C18" s="10">
        <v>28</v>
      </c>
      <c r="D18" s="9">
        <v>65</v>
      </c>
    </row>
    <row r="19" spans="1:4" ht="18" customHeight="1" x14ac:dyDescent="0.15">
      <c r="A19" s="16">
        <v>12</v>
      </c>
      <c r="B19" s="29">
        <v>31</v>
      </c>
      <c r="C19" s="10">
        <v>24</v>
      </c>
      <c r="D19" s="9">
        <v>55</v>
      </c>
    </row>
    <row r="20" spans="1:4" ht="18" customHeight="1" x14ac:dyDescent="0.15">
      <c r="A20" s="16">
        <v>13</v>
      </c>
      <c r="B20" s="29">
        <v>35</v>
      </c>
      <c r="C20" s="10">
        <v>28</v>
      </c>
      <c r="D20" s="9">
        <v>63</v>
      </c>
    </row>
    <row r="21" spans="1:4" ht="18" customHeight="1" x14ac:dyDescent="0.15">
      <c r="A21" s="16">
        <v>14</v>
      </c>
      <c r="B21" s="29">
        <v>29</v>
      </c>
      <c r="C21" s="10">
        <v>28</v>
      </c>
      <c r="D21" s="9">
        <v>57</v>
      </c>
    </row>
    <row r="22" spans="1:4" ht="18" customHeight="1" x14ac:dyDescent="0.15">
      <c r="A22" s="8" t="s">
        <v>75</v>
      </c>
      <c r="B22" s="29">
        <v>163</v>
      </c>
      <c r="C22" s="10">
        <v>137</v>
      </c>
      <c r="D22" s="9">
        <v>300</v>
      </c>
    </row>
    <row r="23" spans="1:4" ht="18" customHeight="1" x14ac:dyDescent="0.15">
      <c r="A23" s="8" t="s">
        <v>65</v>
      </c>
      <c r="B23" s="29">
        <v>406</v>
      </c>
      <c r="C23" s="10">
        <v>364</v>
      </c>
      <c r="D23" s="9">
        <v>770</v>
      </c>
    </row>
    <row r="24" spans="1:4" ht="18" customHeight="1" x14ac:dyDescent="0.15">
      <c r="A24" s="16">
        <v>15</v>
      </c>
      <c r="B24" s="29">
        <v>38</v>
      </c>
      <c r="C24" s="10">
        <v>37</v>
      </c>
      <c r="D24" s="9">
        <v>75</v>
      </c>
    </row>
    <row r="25" spans="1:4" ht="18" customHeight="1" x14ac:dyDescent="0.15">
      <c r="A25" s="16">
        <v>16</v>
      </c>
      <c r="B25" s="29">
        <v>31</v>
      </c>
      <c r="C25" s="10">
        <v>33</v>
      </c>
      <c r="D25" s="9">
        <v>64</v>
      </c>
    </row>
    <row r="26" spans="1:4" ht="18" customHeight="1" x14ac:dyDescent="0.15">
      <c r="A26" s="16">
        <v>17</v>
      </c>
      <c r="B26" s="29">
        <v>43</v>
      </c>
      <c r="C26" s="10">
        <v>32</v>
      </c>
      <c r="D26" s="9">
        <v>75</v>
      </c>
    </row>
    <row r="27" spans="1:4" ht="18" customHeight="1" x14ac:dyDescent="0.15">
      <c r="A27" s="16">
        <v>18</v>
      </c>
      <c r="B27" s="29">
        <v>32</v>
      </c>
      <c r="C27" s="10">
        <v>42</v>
      </c>
      <c r="D27" s="9">
        <v>74</v>
      </c>
    </row>
    <row r="28" spans="1:4" ht="18" customHeight="1" x14ac:dyDescent="0.15">
      <c r="A28" s="16">
        <v>19</v>
      </c>
      <c r="B28" s="29">
        <v>38</v>
      </c>
      <c r="C28" s="10">
        <v>36</v>
      </c>
      <c r="D28" s="9">
        <v>74</v>
      </c>
    </row>
    <row r="29" spans="1:4" ht="18" customHeight="1" x14ac:dyDescent="0.15">
      <c r="A29" s="8" t="s">
        <v>48</v>
      </c>
      <c r="B29" s="29">
        <v>182</v>
      </c>
      <c r="C29" s="10">
        <v>180</v>
      </c>
      <c r="D29" s="9">
        <v>362</v>
      </c>
    </row>
    <row r="30" spans="1:4" ht="18" customHeight="1" x14ac:dyDescent="0.15">
      <c r="A30" s="16">
        <v>20</v>
      </c>
      <c r="B30" s="29">
        <v>54</v>
      </c>
      <c r="C30" s="10">
        <v>47</v>
      </c>
      <c r="D30" s="9">
        <v>101</v>
      </c>
    </row>
    <row r="31" spans="1:4" ht="18" customHeight="1" x14ac:dyDescent="0.15">
      <c r="A31" s="16">
        <v>21</v>
      </c>
      <c r="B31" s="29">
        <v>36</v>
      </c>
      <c r="C31" s="10">
        <v>37</v>
      </c>
      <c r="D31" s="9">
        <v>73</v>
      </c>
    </row>
    <row r="32" spans="1:4" ht="18" customHeight="1" x14ac:dyDescent="0.15">
      <c r="A32" s="16">
        <v>22</v>
      </c>
      <c r="B32" s="29">
        <v>34</v>
      </c>
      <c r="C32" s="10">
        <v>35</v>
      </c>
      <c r="D32" s="9">
        <v>69</v>
      </c>
    </row>
    <row r="33" spans="1:4" ht="18" customHeight="1" x14ac:dyDescent="0.15">
      <c r="A33" s="16">
        <v>23</v>
      </c>
      <c r="B33" s="29">
        <v>36</v>
      </c>
      <c r="C33" s="10">
        <v>38</v>
      </c>
      <c r="D33" s="9">
        <v>74</v>
      </c>
    </row>
    <row r="34" spans="1:4" ht="18" customHeight="1" x14ac:dyDescent="0.15">
      <c r="A34" s="16">
        <v>24</v>
      </c>
      <c r="B34" s="29">
        <v>39</v>
      </c>
      <c r="C34" s="10">
        <v>31</v>
      </c>
      <c r="D34" s="9">
        <v>70</v>
      </c>
    </row>
    <row r="35" spans="1:4" ht="18" customHeight="1" x14ac:dyDescent="0.15">
      <c r="A35" s="8" t="s">
        <v>74</v>
      </c>
      <c r="B35" s="29">
        <v>199</v>
      </c>
      <c r="C35" s="10">
        <v>188</v>
      </c>
      <c r="D35" s="9">
        <v>387</v>
      </c>
    </row>
    <row r="36" spans="1:4" ht="18" customHeight="1" x14ac:dyDescent="0.15">
      <c r="A36" s="16">
        <v>25</v>
      </c>
      <c r="B36" s="29">
        <v>28</v>
      </c>
      <c r="C36" s="10">
        <v>26</v>
      </c>
      <c r="D36" s="9">
        <v>54</v>
      </c>
    </row>
    <row r="37" spans="1:4" ht="18" customHeight="1" x14ac:dyDescent="0.15">
      <c r="A37" s="16">
        <v>26</v>
      </c>
      <c r="B37" s="29">
        <v>36</v>
      </c>
      <c r="C37" s="10">
        <v>30</v>
      </c>
      <c r="D37" s="9">
        <v>66</v>
      </c>
    </row>
    <row r="38" spans="1:4" ht="18" customHeight="1" x14ac:dyDescent="0.15">
      <c r="A38" s="16">
        <v>27</v>
      </c>
      <c r="B38" s="29">
        <v>42</v>
      </c>
      <c r="C38" s="10">
        <v>36</v>
      </c>
      <c r="D38" s="9">
        <v>78</v>
      </c>
    </row>
    <row r="39" spans="1:4" ht="18" customHeight="1" x14ac:dyDescent="0.15">
      <c r="A39" s="16">
        <v>28</v>
      </c>
      <c r="B39" s="29">
        <v>43</v>
      </c>
      <c r="C39" s="10">
        <v>19</v>
      </c>
      <c r="D39" s="9">
        <v>62</v>
      </c>
    </row>
    <row r="40" spans="1:4" ht="18" customHeight="1" x14ac:dyDescent="0.15">
      <c r="A40" s="16">
        <v>29</v>
      </c>
      <c r="B40" s="29">
        <v>28</v>
      </c>
      <c r="C40" s="10">
        <v>27</v>
      </c>
      <c r="D40" s="9">
        <v>55</v>
      </c>
    </row>
    <row r="41" spans="1:4" ht="18" customHeight="1" x14ac:dyDescent="0.15">
      <c r="A41" s="8" t="s">
        <v>73</v>
      </c>
      <c r="B41" s="29">
        <v>177</v>
      </c>
      <c r="C41" s="10">
        <v>138</v>
      </c>
      <c r="D41" s="9">
        <v>315</v>
      </c>
    </row>
    <row r="42" spans="1:4" ht="18" customHeight="1" x14ac:dyDescent="0.15">
      <c r="A42" s="16">
        <v>30</v>
      </c>
      <c r="B42" s="29">
        <v>32</v>
      </c>
      <c r="C42" s="10">
        <v>21</v>
      </c>
      <c r="D42" s="9">
        <v>53</v>
      </c>
    </row>
    <row r="43" spans="1:4" ht="18" customHeight="1" x14ac:dyDescent="0.15">
      <c r="A43" s="16">
        <v>31</v>
      </c>
      <c r="B43" s="29">
        <v>34</v>
      </c>
      <c r="C43" s="10">
        <v>22</v>
      </c>
      <c r="D43" s="9">
        <v>56</v>
      </c>
    </row>
    <row r="44" spans="1:4" ht="18" customHeight="1" x14ac:dyDescent="0.15">
      <c r="A44" s="16">
        <v>32</v>
      </c>
      <c r="B44" s="29">
        <v>39</v>
      </c>
      <c r="C44" s="10">
        <v>28</v>
      </c>
      <c r="D44" s="9">
        <v>67</v>
      </c>
    </row>
    <row r="45" spans="1:4" ht="18" customHeight="1" x14ac:dyDescent="0.15">
      <c r="A45" s="16">
        <v>33</v>
      </c>
      <c r="B45" s="29">
        <v>41</v>
      </c>
      <c r="C45" s="10">
        <v>28</v>
      </c>
      <c r="D45" s="9">
        <v>69</v>
      </c>
    </row>
    <row r="46" spans="1:4" ht="18" customHeight="1" x14ac:dyDescent="0.15">
      <c r="A46" s="16">
        <v>34</v>
      </c>
      <c r="B46" s="29">
        <v>34</v>
      </c>
      <c r="C46" s="10">
        <v>34</v>
      </c>
      <c r="D46" s="9">
        <v>68</v>
      </c>
    </row>
    <row r="47" spans="1:4" ht="18" customHeight="1" x14ac:dyDescent="0.15">
      <c r="A47" s="8" t="s">
        <v>61</v>
      </c>
      <c r="B47" s="29">
        <v>180</v>
      </c>
      <c r="C47" s="10">
        <v>133</v>
      </c>
      <c r="D47" s="9">
        <v>313</v>
      </c>
    </row>
    <row r="48" spans="1:4" ht="18" customHeight="1" x14ac:dyDescent="0.15">
      <c r="A48" s="16">
        <v>35</v>
      </c>
      <c r="B48" s="29">
        <v>31</v>
      </c>
      <c r="C48" s="10">
        <v>41</v>
      </c>
      <c r="D48" s="9">
        <v>72</v>
      </c>
    </row>
    <row r="49" spans="1:4" ht="18" customHeight="1" x14ac:dyDescent="0.15">
      <c r="A49" s="16">
        <v>36</v>
      </c>
      <c r="B49" s="29">
        <v>25</v>
      </c>
      <c r="C49" s="10">
        <v>37</v>
      </c>
      <c r="D49" s="9">
        <v>62</v>
      </c>
    </row>
    <row r="50" spans="1:4" ht="18" customHeight="1" x14ac:dyDescent="0.15">
      <c r="A50" s="16">
        <v>37</v>
      </c>
      <c r="B50" s="29">
        <v>48</v>
      </c>
      <c r="C50" s="10">
        <v>39</v>
      </c>
      <c r="D50" s="9">
        <v>87</v>
      </c>
    </row>
    <row r="51" spans="1:4" ht="18" customHeight="1" x14ac:dyDescent="0.15">
      <c r="A51" s="16">
        <v>38</v>
      </c>
      <c r="B51" s="29">
        <v>51</v>
      </c>
      <c r="C51" s="10">
        <v>47</v>
      </c>
      <c r="D51" s="9">
        <v>98</v>
      </c>
    </row>
    <row r="52" spans="1:4" ht="18" customHeight="1" x14ac:dyDescent="0.15">
      <c r="A52" s="16">
        <v>39</v>
      </c>
      <c r="B52" s="29">
        <v>36</v>
      </c>
      <c r="C52" s="10">
        <v>32</v>
      </c>
      <c r="D52" s="9">
        <v>68</v>
      </c>
    </row>
    <row r="53" spans="1:4" ht="18" customHeight="1" x14ac:dyDescent="0.15">
      <c r="A53" s="8" t="s">
        <v>72</v>
      </c>
      <c r="B53" s="29">
        <v>191</v>
      </c>
      <c r="C53" s="10">
        <v>196</v>
      </c>
      <c r="D53" s="9">
        <v>387</v>
      </c>
    </row>
    <row r="54" spans="1:4" ht="18" customHeight="1" x14ac:dyDescent="0.15">
      <c r="A54" s="16">
        <v>40</v>
      </c>
      <c r="B54" s="29">
        <v>40</v>
      </c>
      <c r="C54" s="10">
        <v>42</v>
      </c>
      <c r="D54" s="9">
        <v>82</v>
      </c>
    </row>
    <row r="55" spans="1:4" ht="18" customHeight="1" x14ac:dyDescent="0.15">
      <c r="A55" s="16">
        <v>41</v>
      </c>
      <c r="B55" s="29">
        <v>48</v>
      </c>
      <c r="C55" s="10">
        <v>54</v>
      </c>
      <c r="D55" s="9">
        <v>102</v>
      </c>
    </row>
    <row r="56" spans="1:4" ht="18" customHeight="1" x14ac:dyDescent="0.15">
      <c r="A56" s="16">
        <v>42</v>
      </c>
      <c r="B56" s="29">
        <v>43</v>
      </c>
      <c r="C56" s="10">
        <v>37</v>
      </c>
      <c r="D56" s="9">
        <v>80</v>
      </c>
    </row>
    <row r="57" spans="1:4" ht="18" customHeight="1" x14ac:dyDescent="0.15">
      <c r="A57" s="16">
        <v>43</v>
      </c>
      <c r="B57" s="29">
        <v>44</v>
      </c>
      <c r="C57" s="10">
        <v>34</v>
      </c>
      <c r="D57" s="9">
        <v>78</v>
      </c>
    </row>
    <row r="58" spans="1:4" ht="18" customHeight="1" x14ac:dyDescent="0.15">
      <c r="A58" s="16">
        <v>44</v>
      </c>
      <c r="B58" s="29">
        <v>45</v>
      </c>
      <c r="C58" s="10">
        <v>44</v>
      </c>
      <c r="D58" s="9">
        <v>89</v>
      </c>
    </row>
    <row r="59" spans="1:4" ht="18" customHeight="1" x14ac:dyDescent="0.15">
      <c r="A59" s="8" t="s">
        <v>46</v>
      </c>
      <c r="B59" s="29">
        <v>220</v>
      </c>
      <c r="C59" s="10">
        <v>211</v>
      </c>
      <c r="D59" s="9">
        <v>431</v>
      </c>
    </row>
    <row r="60" spans="1:4" ht="18" customHeight="1" x14ac:dyDescent="0.15">
      <c r="A60" s="16">
        <v>45</v>
      </c>
      <c r="B60" s="29">
        <v>36</v>
      </c>
      <c r="C60" s="10">
        <v>38</v>
      </c>
      <c r="D60" s="9">
        <v>74</v>
      </c>
    </row>
    <row r="61" spans="1:4" ht="18" customHeight="1" x14ac:dyDescent="0.15">
      <c r="A61" s="16">
        <v>46</v>
      </c>
      <c r="B61" s="29">
        <v>61</v>
      </c>
      <c r="C61" s="10">
        <v>55</v>
      </c>
      <c r="D61" s="9">
        <v>116</v>
      </c>
    </row>
    <row r="62" spans="1:4" ht="18" customHeight="1" x14ac:dyDescent="0.15">
      <c r="A62" s="16">
        <v>47</v>
      </c>
      <c r="B62" s="29">
        <v>54</v>
      </c>
      <c r="C62" s="10">
        <v>56</v>
      </c>
      <c r="D62" s="9">
        <v>110</v>
      </c>
    </row>
    <row r="63" spans="1:4" ht="18" customHeight="1" x14ac:dyDescent="0.15">
      <c r="A63" s="16">
        <v>48</v>
      </c>
      <c r="B63" s="29">
        <v>67</v>
      </c>
      <c r="C63" s="10">
        <v>59</v>
      </c>
      <c r="D63" s="9">
        <v>126</v>
      </c>
    </row>
    <row r="64" spans="1:4" ht="18" customHeight="1" x14ac:dyDescent="0.15">
      <c r="A64" s="16">
        <v>49</v>
      </c>
      <c r="B64" s="29">
        <v>64</v>
      </c>
      <c r="C64" s="10">
        <v>72</v>
      </c>
      <c r="D64" s="9">
        <v>136</v>
      </c>
    </row>
    <row r="65" spans="1:4" ht="18" customHeight="1" x14ac:dyDescent="0.15">
      <c r="A65" s="8" t="s">
        <v>45</v>
      </c>
      <c r="B65" s="29">
        <v>282</v>
      </c>
      <c r="C65" s="10">
        <v>280</v>
      </c>
      <c r="D65" s="9">
        <v>562</v>
      </c>
    </row>
    <row r="66" spans="1:4" ht="18" customHeight="1" x14ac:dyDescent="0.15">
      <c r="A66" s="16">
        <v>50</v>
      </c>
      <c r="B66" s="29">
        <v>66</v>
      </c>
      <c r="C66" s="10">
        <v>73</v>
      </c>
      <c r="D66" s="9">
        <v>139</v>
      </c>
    </row>
    <row r="67" spans="1:4" ht="18" customHeight="1" x14ac:dyDescent="0.15">
      <c r="A67" s="16">
        <v>51</v>
      </c>
      <c r="B67" s="29">
        <v>68</v>
      </c>
      <c r="C67" s="10">
        <v>61</v>
      </c>
      <c r="D67" s="9">
        <v>129</v>
      </c>
    </row>
    <row r="68" spans="1:4" ht="18" customHeight="1" x14ac:dyDescent="0.15">
      <c r="A68" s="16">
        <v>52</v>
      </c>
      <c r="B68" s="29">
        <v>85</v>
      </c>
      <c r="C68" s="10">
        <v>65</v>
      </c>
      <c r="D68" s="9">
        <v>150</v>
      </c>
    </row>
    <row r="69" spans="1:4" ht="18" customHeight="1" x14ac:dyDescent="0.15">
      <c r="A69" s="16">
        <v>53</v>
      </c>
      <c r="B69" s="29">
        <v>60</v>
      </c>
      <c r="C69" s="10">
        <v>58</v>
      </c>
      <c r="D69" s="9">
        <v>118</v>
      </c>
    </row>
    <row r="70" spans="1:4" ht="18" customHeight="1" x14ac:dyDescent="0.15">
      <c r="A70" s="16">
        <v>54</v>
      </c>
      <c r="B70" s="29">
        <v>52</v>
      </c>
      <c r="C70" s="10">
        <v>70</v>
      </c>
      <c r="D70" s="9">
        <v>122</v>
      </c>
    </row>
    <row r="71" spans="1:4" ht="18" customHeight="1" x14ac:dyDescent="0.15">
      <c r="A71" s="8" t="s">
        <v>58</v>
      </c>
      <c r="B71" s="29">
        <v>331</v>
      </c>
      <c r="C71" s="10">
        <v>327</v>
      </c>
      <c r="D71" s="9">
        <v>658</v>
      </c>
    </row>
    <row r="72" spans="1:4" ht="18" customHeight="1" x14ac:dyDescent="0.15">
      <c r="A72" s="16">
        <v>55</v>
      </c>
      <c r="B72" s="29">
        <v>67</v>
      </c>
      <c r="C72" s="10">
        <v>68</v>
      </c>
      <c r="D72" s="9">
        <v>135</v>
      </c>
    </row>
    <row r="73" spans="1:4" ht="18" customHeight="1" x14ac:dyDescent="0.15">
      <c r="A73" s="16">
        <v>56</v>
      </c>
      <c r="B73" s="29">
        <v>53</v>
      </c>
      <c r="C73" s="10">
        <v>47</v>
      </c>
      <c r="D73" s="9">
        <v>100</v>
      </c>
    </row>
    <row r="74" spans="1:4" ht="18" customHeight="1" x14ac:dyDescent="0.15">
      <c r="A74" s="16">
        <v>57</v>
      </c>
      <c r="B74" s="29">
        <v>51</v>
      </c>
      <c r="C74" s="10">
        <v>58</v>
      </c>
      <c r="D74" s="9">
        <v>109</v>
      </c>
    </row>
    <row r="75" spans="1:4" ht="18" customHeight="1" x14ac:dyDescent="0.15">
      <c r="A75" s="16">
        <v>58</v>
      </c>
      <c r="B75" s="29">
        <v>41</v>
      </c>
      <c r="C75" s="10">
        <v>54</v>
      </c>
      <c r="D75" s="9">
        <v>95</v>
      </c>
    </row>
    <row r="76" spans="1:4" ht="18" customHeight="1" x14ac:dyDescent="0.15">
      <c r="A76" s="16">
        <v>59</v>
      </c>
      <c r="B76" s="29">
        <v>44</v>
      </c>
      <c r="C76" s="10">
        <v>42</v>
      </c>
      <c r="D76" s="9">
        <v>86</v>
      </c>
    </row>
    <row r="77" spans="1:4" ht="18" customHeight="1" x14ac:dyDescent="0.15">
      <c r="A77" s="8" t="s">
        <v>71</v>
      </c>
      <c r="B77" s="29">
        <v>256</v>
      </c>
      <c r="C77" s="10">
        <v>269</v>
      </c>
      <c r="D77" s="9">
        <v>525</v>
      </c>
    </row>
    <row r="78" spans="1:4" ht="18" customHeight="1" x14ac:dyDescent="0.15">
      <c r="A78" s="16">
        <v>60</v>
      </c>
      <c r="B78" s="29">
        <v>49</v>
      </c>
      <c r="C78" s="10">
        <v>40</v>
      </c>
      <c r="D78" s="9">
        <v>89</v>
      </c>
    </row>
    <row r="79" spans="1:4" ht="18" customHeight="1" x14ac:dyDescent="0.15">
      <c r="A79" s="16">
        <v>61</v>
      </c>
      <c r="B79" s="29">
        <v>41</v>
      </c>
      <c r="C79" s="10">
        <v>43</v>
      </c>
      <c r="D79" s="9">
        <v>84</v>
      </c>
    </row>
    <row r="80" spans="1:4" ht="18" customHeight="1" x14ac:dyDescent="0.15">
      <c r="A80" s="16">
        <v>62</v>
      </c>
      <c r="B80" s="29">
        <v>52</v>
      </c>
      <c r="C80" s="10">
        <v>43</v>
      </c>
      <c r="D80" s="9">
        <v>95</v>
      </c>
    </row>
    <row r="81" spans="1:4" ht="18" customHeight="1" x14ac:dyDescent="0.15">
      <c r="A81" s="16">
        <v>63</v>
      </c>
      <c r="B81" s="29">
        <v>44</v>
      </c>
      <c r="C81" s="10">
        <v>44</v>
      </c>
      <c r="D81" s="9">
        <v>88</v>
      </c>
    </row>
    <row r="82" spans="1:4" ht="18" customHeight="1" x14ac:dyDescent="0.15">
      <c r="A82" s="16">
        <v>64</v>
      </c>
      <c r="B82" s="29">
        <v>48</v>
      </c>
      <c r="C82" s="10">
        <v>52</v>
      </c>
      <c r="D82" s="9">
        <v>100</v>
      </c>
    </row>
    <row r="83" spans="1:4" ht="18" customHeight="1" x14ac:dyDescent="0.15">
      <c r="A83" s="8" t="s">
        <v>44</v>
      </c>
      <c r="B83" s="29">
        <v>234</v>
      </c>
      <c r="C83" s="10">
        <v>222</v>
      </c>
      <c r="D83" s="9">
        <v>456</v>
      </c>
    </row>
    <row r="84" spans="1:4" ht="18" customHeight="1" x14ac:dyDescent="0.15">
      <c r="A84" s="8" t="s">
        <v>43</v>
      </c>
      <c r="B84" s="29">
        <v>2252</v>
      </c>
      <c r="C84" s="10">
        <v>2144</v>
      </c>
      <c r="D84" s="9">
        <v>4396</v>
      </c>
    </row>
    <row r="85" spans="1:4" ht="18" customHeight="1" x14ac:dyDescent="0.15">
      <c r="A85" s="16">
        <v>65</v>
      </c>
      <c r="B85" s="29">
        <v>42</v>
      </c>
      <c r="C85" s="10">
        <v>46</v>
      </c>
      <c r="D85" s="9">
        <v>88</v>
      </c>
    </row>
    <row r="86" spans="1:4" ht="18" customHeight="1" x14ac:dyDescent="0.15">
      <c r="A86" s="16">
        <v>66</v>
      </c>
      <c r="B86" s="29">
        <v>50</v>
      </c>
      <c r="C86" s="10">
        <v>46</v>
      </c>
      <c r="D86" s="9">
        <v>96</v>
      </c>
    </row>
    <row r="87" spans="1:4" ht="18" customHeight="1" x14ac:dyDescent="0.15">
      <c r="A87" s="16">
        <v>67</v>
      </c>
      <c r="B87" s="29">
        <v>48</v>
      </c>
      <c r="C87" s="10">
        <v>43</v>
      </c>
      <c r="D87" s="9">
        <v>91</v>
      </c>
    </row>
    <row r="88" spans="1:4" ht="18" customHeight="1" x14ac:dyDescent="0.15">
      <c r="A88" s="16">
        <v>68</v>
      </c>
      <c r="B88" s="29">
        <v>33</v>
      </c>
      <c r="C88" s="10">
        <v>61</v>
      </c>
      <c r="D88" s="9">
        <v>94</v>
      </c>
    </row>
    <row r="89" spans="1:4" ht="18" customHeight="1" x14ac:dyDescent="0.15">
      <c r="A89" s="16">
        <v>69</v>
      </c>
      <c r="B89" s="29">
        <v>55</v>
      </c>
      <c r="C89" s="10">
        <v>58</v>
      </c>
      <c r="D89" s="9">
        <v>113</v>
      </c>
    </row>
    <row r="90" spans="1:4" ht="18" customHeight="1" x14ac:dyDescent="0.15">
      <c r="A90" s="8" t="s">
        <v>42</v>
      </c>
      <c r="B90" s="29">
        <v>228</v>
      </c>
      <c r="C90" s="10">
        <v>254</v>
      </c>
      <c r="D90" s="9">
        <v>482</v>
      </c>
    </row>
    <row r="91" spans="1:4" ht="18" customHeight="1" x14ac:dyDescent="0.15">
      <c r="A91" s="16">
        <v>70</v>
      </c>
      <c r="B91" s="29">
        <v>49</v>
      </c>
      <c r="C91" s="10">
        <v>54</v>
      </c>
      <c r="D91" s="9">
        <v>103</v>
      </c>
    </row>
    <row r="92" spans="1:4" ht="18" customHeight="1" x14ac:dyDescent="0.15">
      <c r="A92" s="16">
        <v>71</v>
      </c>
      <c r="B92" s="29">
        <v>64</v>
      </c>
      <c r="C92" s="10">
        <v>59</v>
      </c>
      <c r="D92" s="9">
        <v>123</v>
      </c>
    </row>
    <row r="93" spans="1:4" ht="18" customHeight="1" x14ac:dyDescent="0.15">
      <c r="A93" s="16">
        <v>72</v>
      </c>
      <c r="B93" s="29">
        <v>44</v>
      </c>
      <c r="C93" s="10">
        <v>69</v>
      </c>
      <c r="D93" s="9">
        <v>113</v>
      </c>
    </row>
    <row r="94" spans="1:4" ht="18" customHeight="1" x14ac:dyDescent="0.15">
      <c r="A94" s="16">
        <v>73</v>
      </c>
      <c r="B94" s="29">
        <v>66</v>
      </c>
      <c r="C94" s="10">
        <v>81</v>
      </c>
      <c r="D94" s="9">
        <v>147</v>
      </c>
    </row>
    <row r="95" spans="1:4" ht="18" customHeight="1" x14ac:dyDescent="0.15">
      <c r="A95" s="16">
        <v>74</v>
      </c>
      <c r="B95" s="29">
        <v>84</v>
      </c>
      <c r="C95" s="10">
        <v>85</v>
      </c>
      <c r="D95" s="9">
        <v>169</v>
      </c>
    </row>
    <row r="96" spans="1:4" ht="18" customHeight="1" x14ac:dyDescent="0.15">
      <c r="A96" s="8" t="s">
        <v>41</v>
      </c>
      <c r="B96" s="29">
        <v>307</v>
      </c>
      <c r="C96" s="10">
        <v>348</v>
      </c>
      <c r="D96" s="9">
        <v>655</v>
      </c>
    </row>
    <row r="97" spans="1:4" ht="18" customHeight="1" x14ac:dyDescent="0.15">
      <c r="A97" s="16">
        <v>75</v>
      </c>
      <c r="B97" s="29">
        <v>78</v>
      </c>
      <c r="C97" s="10">
        <v>79</v>
      </c>
      <c r="D97" s="9">
        <v>157</v>
      </c>
    </row>
    <row r="98" spans="1:4" ht="18" customHeight="1" x14ac:dyDescent="0.15">
      <c r="A98" s="16">
        <v>76</v>
      </c>
      <c r="B98" s="29">
        <v>57</v>
      </c>
      <c r="C98" s="10">
        <v>46</v>
      </c>
      <c r="D98" s="9">
        <v>103</v>
      </c>
    </row>
    <row r="99" spans="1:4" ht="18" customHeight="1" x14ac:dyDescent="0.15">
      <c r="A99" s="16">
        <v>77</v>
      </c>
      <c r="B99" s="29">
        <v>36</v>
      </c>
      <c r="C99" s="10">
        <v>37</v>
      </c>
      <c r="D99" s="9">
        <v>73</v>
      </c>
    </row>
    <row r="100" spans="1:4" ht="18" customHeight="1" x14ac:dyDescent="0.15">
      <c r="A100" s="16">
        <v>78</v>
      </c>
      <c r="B100" s="29">
        <v>54</v>
      </c>
      <c r="C100" s="10">
        <v>65</v>
      </c>
      <c r="D100" s="9">
        <v>119</v>
      </c>
    </row>
    <row r="101" spans="1:4" ht="18" customHeight="1" x14ac:dyDescent="0.15">
      <c r="A101" s="16">
        <v>79</v>
      </c>
      <c r="B101" s="29">
        <v>30</v>
      </c>
      <c r="C101" s="10">
        <v>47</v>
      </c>
      <c r="D101" s="9">
        <v>77</v>
      </c>
    </row>
    <row r="102" spans="1:4" ht="18" customHeight="1" x14ac:dyDescent="0.15">
      <c r="A102" s="8" t="s">
        <v>70</v>
      </c>
      <c r="B102" s="29">
        <v>255</v>
      </c>
      <c r="C102" s="10">
        <v>274</v>
      </c>
      <c r="D102" s="9">
        <v>529</v>
      </c>
    </row>
    <row r="103" spans="1:4" ht="18" customHeight="1" x14ac:dyDescent="0.15">
      <c r="A103" s="16">
        <v>80</v>
      </c>
      <c r="B103" s="29">
        <v>46</v>
      </c>
      <c r="C103" s="10">
        <v>58</v>
      </c>
      <c r="D103" s="9">
        <v>104</v>
      </c>
    </row>
    <row r="104" spans="1:4" ht="18" customHeight="1" x14ac:dyDescent="0.15">
      <c r="A104" s="16">
        <v>81</v>
      </c>
      <c r="B104" s="29">
        <v>46</v>
      </c>
      <c r="C104" s="10">
        <v>53</v>
      </c>
      <c r="D104" s="9">
        <v>99</v>
      </c>
    </row>
    <row r="105" spans="1:4" ht="18" customHeight="1" x14ac:dyDescent="0.15">
      <c r="A105" s="16">
        <v>82</v>
      </c>
      <c r="B105" s="29">
        <v>34</v>
      </c>
      <c r="C105" s="10">
        <v>48</v>
      </c>
      <c r="D105" s="9">
        <v>82</v>
      </c>
    </row>
    <row r="106" spans="1:4" ht="18" customHeight="1" x14ac:dyDescent="0.15">
      <c r="A106" s="16">
        <v>83</v>
      </c>
      <c r="B106" s="29">
        <v>14</v>
      </c>
      <c r="C106" s="10">
        <v>33</v>
      </c>
      <c r="D106" s="9">
        <v>47</v>
      </c>
    </row>
    <row r="107" spans="1:4" ht="18" customHeight="1" x14ac:dyDescent="0.15">
      <c r="A107" s="16">
        <v>84</v>
      </c>
      <c r="B107" s="29">
        <v>21</v>
      </c>
      <c r="C107" s="10">
        <v>28</v>
      </c>
      <c r="D107" s="9">
        <v>49</v>
      </c>
    </row>
    <row r="108" spans="1:4" ht="18" customHeight="1" x14ac:dyDescent="0.15">
      <c r="A108" s="8" t="s">
        <v>39</v>
      </c>
      <c r="B108" s="29">
        <v>161</v>
      </c>
      <c r="C108" s="10">
        <v>220</v>
      </c>
      <c r="D108" s="9">
        <v>381</v>
      </c>
    </row>
    <row r="109" spans="1:4" ht="18" customHeight="1" x14ac:dyDescent="0.15">
      <c r="A109" s="16">
        <v>85</v>
      </c>
      <c r="B109" s="29">
        <v>28</v>
      </c>
      <c r="C109" s="10">
        <v>33</v>
      </c>
      <c r="D109" s="9">
        <v>61</v>
      </c>
    </row>
    <row r="110" spans="1:4" ht="18" customHeight="1" x14ac:dyDescent="0.15">
      <c r="A110" s="16">
        <v>86</v>
      </c>
      <c r="B110" s="29">
        <v>23</v>
      </c>
      <c r="C110" s="10">
        <v>30</v>
      </c>
      <c r="D110" s="9">
        <v>53</v>
      </c>
    </row>
    <row r="111" spans="1:4" ht="18" customHeight="1" x14ac:dyDescent="0.15">
      <c r="A111" s="16">
        <v>87</v>
      </c>
      <c r="B111" s="29">
        <v>19</v>
      </c>
      <c r="C111" s="10">
        <v>38</v>
      </c>
      <c r="D111" s="9">
        <v>57</v>
      </c>
    </row>
    <row r="112" spans="1:4" ht="18" customHeight="1" x14ac:dyDescent="0.15">
      <c r="A112" s="16">
        <v>88</v>
      </c>
      <c r="B112" s="29">
        <v>10</v>
      </c>
      <c r="C112" s="10">
        <v>17</v>
      </c>
      <c r="D112" s="9">
        <v>27</v>
      </c>
    </row>
    <row r="113" spans="1:4" ht="18" customHeight="1" x14ac:dyDescent="0.15">
      <c r="A113" s="16">
        <v>89</v>
      </c>
      <c r="B113" s="29">
        <v>6</v>
      </c>
      <c r="C113" s="10">
        <v>20</v>
      </c>
      <c r="D113" s="9">
        <v>26</v>
      </c>
    </row>
    <row r="114" spans="1:4" ht="18" customHeight="1" x14ac:dyDescent="0.15">
      <c r="A114" s="8" t="s">
        <v>38</v>
      </c>
      <c r="B114" s="29">
        <v>86</v>
      </c>
      <c r="C114" s="10">
        <v>138</v>
      </c>
      <c r="D114" s="9">
        <v>224</v>
      </c>
    </row>
    <row r="115" spans="1:4" ht="18" customHeight="1" x14ac:dyDescent="0.15">
      <c r="A115" s="16">
        <v>90</v>
      </c>
      <c r="B115" s="29">
        <v>12</v>
      </c>
      <c r="C115" s="10">
        <v>24</v>
      </c>
      <c r="D115" s="9">
        <v>36</v>
      </c>
    </row>
    <row r="116" spans="1:4" ht="18" customHeight="1" x14ac:dyDescent="0.15">
      <c r="A116" s="16">
        <v>91</v>
      </c>
      <c r="B116" s="29">
        <v>10</v>
      </c>
      <c r="C116" s="10">
        <v>17</v>
      </c>
      <c r="D116" s="9">
        <v>27</v>
      </c>
    </row>
    <row r="117" spans="1:4" ht="18" customHeight="1" x14ac:dyDescent="0.15">
      <c r="A117" s="16">
        <v>92</v>
      </c>
      <c r="B117" s="29">
        <v>4</v>
      </c>
      <c r="C117" s="10">
        <v>9</v>
      </c>
      <c r="D117" s="9">
        <v>13</v>
      </c>
    </row>
    <row r="118" spans="1:4" ht="18" customHeight="1" x14ac:dyDescent="0.15">
      <c r="A118" s="16">
        <v>93</v>
      </c>
      <c r="B118" s="29">
        <v>1</v>
      </c>
      <c r="C118" s="10">
        <v>13</v>
      </c>
      <c r="D118" s="9">
        <v>14</v>
      </c>
    </row>
    <row r="119" spans="1:4" ht="18" customHeight="1" x14ac:dyDescent="0.15">
      <c r="A119" s="16">
        <v>94</v>
      </c>
      <c r="B119" s="29">
        <v>4</v>
      </c>
      <c r="C119" s="10">
        <v>9</v>
      </c>
      <c r="D119" s="9">
        <v>13</v>
      </c>
    </row>
    <row r="120" spans="1:4" ht="18" customHeight="1" x14ac:dyDescent="0.15">
      <c r="A120" s="8" t="s">
        <v>69</v>
      </c>
      <c r="B120" s="29">
        <v>31</v>
      </c>
      <c r="C120" s="10">
        <v>72</v>
      </c>
      <c r="D120" s="9">
        <v>103</v>
      </c>
    </row>
    <row r="121" spans="1:4" ht="18" customHeight="1" x14ac:dyDescent="0.15">
      <c r="A121" s="16">
        <v>95</v>
      </c>
      <c r="B121" s="29">
        <v>2</v>
      </c>
      <c r="C121" s="10">
        <v>8</v>
      </c>
      <c r="D121" s="9">
        <v>10</v>
      </c>
    </row>
    <row r="122" spans="1:4" ht="18" customHeight="1" x14ac:dyDescent="0.15">
      <c r="A122" s="16">
        <v>96</v>
      </c>
      <c r="B122" s="29">
        <v>3</v>
      </c>
      <c r="C122" s="10">
        <v>9</v>
      </c>
      <c r="D122" s="9">
        <v>12</v>
      </c>
    </row>
    <row r="123" spans="1:4" ht="18" customHeight="1" x14ac:dyDescent="0.15">
      <c r="A123" s="16">
        <v>97</v>
      </c>
      <c r="B123" s="29">
        <v>0</v>
      </c>
      <c r="C123" s="10">
        <v>8</v>
      </c>
      <c r="D123" s="9">
        <v>8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1</v>
      </c>
      <c r="C125" s="10">
        <v>4</v>
      </c>
      <c r="D125" s="9">
        <v>5</v>
      </c>
    </row>
    <row r="126" spans="1:4" ht="18" customHeight="1" x14ac:dyDescent="0.15">
      <c r="A126" s="8" t="s">
        <v>68</v>
      </c>
      <c r="B126" s="29">
        <v>6</v>
      </c>
      <c r="C126" s="10">
        <v>32</v>
      </c>
      <c r="D126" s="9">
        <v>38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0</v>
      </c>
      <c r="C129" s="10">
        <v>4</v>
      </c>
      <c r="D129" s="9">
        <v>4</v>
      </c>
    </row>
    <row r="130" spans="1:4" ht="18" customHeight="1" x14ac:dyDescent="0.15">
      <c r="A130" s="8" t="s">
        <v>35</v>
      </c>
      <c r="B130" s="28">
        <v>1074</v>
      </c>
      <c r="C130" s="6">
        <v>1342</v>
      </c>
      <c r="D130" s="5">
        <v>2416</v>
      </c>
    </row>
    <row r="131" spans="1:4" ht="18" customHeight="1" x14ac:dyDescent="0.15">
      <c r="A131" s="4" t="s">
        <v>0</v>
      </c>
      <c r="B131" s="27">
        <v>3732</v>
      </c>
      <c r="C131" s="2">
        <v>3850</v>
      </c>
      <c r="D131" s="1">
        <v>758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1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4</v>
      </c>
      <c r="C5" s="18">
        <v>6</v>
      </c>
      <c r="D5" s="17">
        <v>10</v>
      </c>
    </row>
    <row r="6" spans="1:4" ht="18" customHeight="1" x14ac:dyDescent="0.15">
      <c r="A6" s="16">
        <v>1</v>
      </c>
      <c r="B6" s="29">
        <v>5</v>
      </c>
      <c r="C6" s="10">
        <v>3</v>
      </c>
      <c r="D6" s="9">
        <v>8</v>
      </c>
    </row>
    <row r="7" spans="1:4" ht="18" customHeight="1" x14ac:dyDescent="0.15">
      <c r="A7" s="16">
        <v>2</v>
      </c>
      <c r="B7" s="29">
        <v>5</v>
      </c>
      <c r="C7" s="10">
        <v>1</v>
      </c>
      <c r="D7" s="9">
        <v>6</v>
      </c>
    </row>
    <row r="8" spans="1:4" ht="18" customHeight="1" x14ac:dyDescent="0.15">
      <c r="A8" s="16">
        <v>3</v>
      </c>
      <c r="B8" s="29">
        <v>8</v>
      </c>
      <c r="C8" s="10">
        <v>4</v>
      </c>
      <c r="D8" s="9">
        <v>12</v>
      </c>
    </row>
    <row r="9" spans="1:4" ht="18" customHeight="1" x14ac:dyDescent="0.15">
      <c r="A9" s="16">
        <v>4</v>
      </c>
      <c r="B9" s="29">
        <v>4</v>
      </c>
      <c r="C9" s="10">
        <v>7</v>
      </c>
      <c r="D9" s="9">
        <v>11</v>
      </c>
    </row>
    <row r="10" spans="1:4" ht="18" customHeight="1" x14ac:dyDescent="0.15">
      <c r="A10" s="8" t="s">
        <v>76</v>
      </c>
      <c r="B10" s="29">
        <v>26</v>
      </c>
      <c r="C10" s="10">
        <v>21</v>
      </c>
      <c r="D10" s="9">
        <v>47</v>
      </c>
    </row>
    <row r="11" spans="1:4" ht="18" customHeight="1" x14ac:dyDescent="0.15">
      <c r="A11" s="16">
        <v>5</v>
      </c>
      <c r="B11" s="29">
        <v>7</v>
      </c>
      <c r="C11" s="10">
        <v>5</v>
      </c>
      <c r="D11" s="9">
        <v>12</v>
      </c>
    </row>
    <row r="12" spans="1:4" ht="18" customHeight="1" x14ac:dyDescent="0.15">
      <c r="A12" s="16">
        <v>6</v>
      </c>
      <c r="B12" s="29">
        <v>4</v>
      </c>
      <c r="C12" s="10">
        <v>3</v>
      </c>
      <c r="D12" s="9">
        <v>7</v>
      </c>
    </row>
    <row r="13" spans="1:4" ht="18" customHeight="1" x14ac:dyDescent="0.15">
      <c r="A13" s="16">
        <v>7</v>
      </c>
      <c r="B13" s="29">
        <v>10</v>
      </c>
      <c r="C13" s="10">
        <v>7</v>
      </c>
      <c r="D13" s="9">
        <v>17</v>
      </c>
    </row>
    <row r="14" spans="1:4" ht="18" customHeight="1" x14ac:dyDescent="0.15">
      <c r="A14" s="16">
        <v>8</v>
      </c>
      <c r="B14" s="29">
        <v>4</v>
      </c>
      <c r="C14" s="10">
        <v>8</v>
      </c>
      <c r="D14" s="9">
        <v>12</v>
      </c>
    </row>
    <row r="15" spans="1:4" ht="18" customHeight="1" x14ac:dyDescent="0.15">
      <c r="A15" s="16">
        <v>9</v>
      </c>
      <c r="B15" s="29">
        <v>6</v>
      </c>
      <c r="C15" s="10">
        <v>10</v>
      </c>
      <c r="D15" s="9">
        <v>16</v>
      </c>
    </row>
    <row r="16" spans="1:4" ht="18" customHeight="1" x14ac:dyDescent="0.15">
      <c r="A16" s="8" t="s">
        <v>50</v>
      </c>
      <c r="B16" s="29">
        <v>31</v>
      </c>
      <c r="C16" s="10">
        <v>33</v>
      </c>
      <c r="D16" s="9">
        <v>64</v>
      </c>
    </row>
    <row r="17" spans="1:4" ht="18" customHeight="1" x14ac:dyDescent="0.15">
      <c r="A17" s="16">
        <v>10</v>
      </c>
      <c r="B17" s="29">
        <v>12</v>
      </c>
      <c r="C17" s="10">
        <v>11</v>
      </c>
      <c r="D17" s="9">
        <v>23</v>
      </c>
    </row>
    <row r="18" spans="1:4" ht="18" customHeight="1" x14ac:dyDescent="0.15">
      <c r="A18" s="16">
        <v>11</v>
      </c>
      <c r="B18" s="29">
        <v>5</v>
      </c>
      <c r="C18" s="10">
        <v>9</v>
      </c>
      <c r="D18" s="9">
        <v>14</v>
      </c>
    </row>
    <row r="19" spans="1:4" ht="18" customHeight="1" x14ac:dyDescent="0.15">
      <c r="A19" s="16">
        <v>12</v>
      </c>
      <c r="B19" s="29">
        <v>12</v>
      </c>
      <c r="C19" s="10">
        <v>7</v>
      </c>
      <c r="D19" s="9">
        <v>19</v>
      </c>
    </row>
    <row r="20" spans="1:4" ht="18" customHeight="1" x14ac:dyDescent="0.15">
      <c r="A20" s="16">
        <v>13</v>
      </c>
      <c r="B20" s="29">
        <v>4</v>
      </c>
      <c r="C20" s="10">
        <v>12</v>
      </c>
      <c r="D20" s="9">
        <v>16</v>
      </c>
    </row>
    <row r="21" spans="1:4" ht="18" customHeight="1" x14ac:dyDescent="0.15">
      <c r="A21" s="16">
        <v>14</v>
      </c>
      <c r="B21" s="29">
        <v>10</v>
      </c>
      <c r="C21" s="10">
        <v>10</v>
      </c>
      <c r="D21" s="9">
        <v>20</v>
      </c>
    </row>
    <row r="22" spans="1:4" ht="18" customHeight="1" x14ac:dyDescent="0.15">
      <c r="A22" s="8" t="s">
        <v>75</v>
      </c>
      <c r="B22" s="29">
        <v>43</v>
      </c>
      <c r="C22" s="10">
        <v>49</v>
      </c>
      <c r="D22" s="9">
        <v>92</v>
      </c>
    </row>
    <row r="23" spans="1:4" ht="18" customHeight="1" x14ac:dyDescent="0.15">
      <c r="A23" s="8" t="s">
        <v>65</v>
      </c>
      <c r="B23" s="29">
        <v>100</v>
      </c>
      <c r="C23" s="10">
        <v>103</v>
      </c>
      <c r="D23" s="9">
        <v>203</v>
      </c>
    </row>
    <row r="24" spans="1:4" ht="18" customHeight="1" x14ac:dyDescent="0.15">
      <c r="A24" s="16">
        <v>15</v>
      </c>
      <c r="B24" s="29">
        <v>6</v>
      </c>
      <c r="C24" s="10">
        <v>8</v>
      </c>
      <c r="D24" s="9">
        <v>14</v>
      </c>
    </row>
    <row r="25" spans="1:4" ht="18" customHeight="1" x14ac:dyDescent="0.15">
      <c r="A25" s="16">
        <v>16</v>
      </c>
      <c r="B25" s="29">
        <v>6</v>
      </c>
      <c r="C25" s="10">
        <v>10</v>
      </c>
      <c r="D25" s="9">
        <v>16</v>
      </c>
    </row>
    <row r="26" spans="1:4" ht="18" customHeight="1" x14ac:dyDescent="0.15">
      <c r="A26" s="16">
        <v>17</v>
      </c>
      <c r="B26" s="29">
        <v>15</v>
      </c>
      <c r="C26" s="10">
        <v>19</v>
      </c>
      <c r="D26" s="9">
        <v>34</v>
      </c>
    </row>
    <row r="27" spans="1:4" ht="18" customHeight="1" x14ac:dyDescent="0.15">
      <c r="A27" s="16">
        <v>18</v>
      </c>
      <c r="B27" s="29">
        <v>13</v>
      </c>
      <c r="C27" s="10">
        <v>10</v>
      </c>
      <c r="D27" s="9">
        <v>23</v>
      </c>
    </row>
    <row r="28" spans="1:4" ht="18" customHeight="1" x14ac:dyDescent="0.15">
      <c r="A28" s="16">
        <v>19</v>
      </c>
      <c r="B28" s="29">
        <v>14</v>
      </c>
      <c r="C28" s="10">
        <v>6</v>
      </c>
      <c r="D28" s="9">
        <v>20</v>
      </c>
    </row>
    <row r="29" spans="1:4" ht="18" customHeight="1" x14ac:dyDescent="0.15">
      <c r="A29" s="8" t="s">
        <v>48</v>
      </c>
      <c r="B29" s="29">
        <v>54</v>
      </c>
      <c r="C29" s="10">
        <v>53</v>
      </c>
      <c r="D29" s="9">
        <v>107</v>
      </c>
    </row>
    <row r="30" spans="1:4" ht="18" customHeight="1" x14ac:dyDescent="0.15">
      <c r="A30" s="16">
        <v>20</v>
      </c>
      <c r="B30" s="29">
        <v>11</v>
      </c>
      <c r="C30" s="10">
        <v>17</v>
      </c>
      <c r="D30" s="9">
        <v>28</v>
      </c>
    </row>
    <row r="31" spans="1:4" ht="18" customHeight="1" x14ac:dyDescent="0.15">
      <c r="A31" s="16">
        <v>21</v>
      </c>
      <c r="B31" s="29">
        <v>10</v>
      </c>
      <c r="C31" s="10">
        <v>7</v>
      </c>
      <c r="D31" s="9">
        <v>17</v>
      </c>
    </row>
    <row r="32" spans="1:4" ht="18" customHeight="1" x14ac:dyDescent="0.15">
      <c r="A32" s="16">
        <v>22</v>
      </c>
      <c r="B32" s="29">
        <v>7</v>
      </c>
      <c r="C32" s="10">
        <v>10</v>
      </c>
      <c r="D32" s="9">
        <v>17</v>
      </c>
    </row>
    <row r="33" spans="1:4" ht="18" customHeight="1" x14ac:dyDescent="0.15">
      <c r="A33" s="16">
        <v>23</v>
      </c>
      <c r="B33" s="29">
        <v>13</v>
      </c>
      <c r="C33" s="10">
        <v>11</v>
      </c>
      <c r="D33" s="9">
        <v>24</v>
      </c>
    </row>
    <row r="34" spans="1:4" ht="18" customHeight="1" x14ac:dyDescent="0.15">
      <c r="A34" s="16">
        <v>24</v>
      </c>
      <c r="B34" s="29">
        <v>8</v>
      </c>
      <c r="C34" s="10">
        <v>1</v>
      </c>
      <c r="D34" s="9">
        <v>9</v>
      </c>
    </row>
    <row r="35" spans="1:4" ht="18" customHeight="1" x14ac:dyDescent="0.15">
      <c r="A35" s="8" t="s">
        <v>74</v>
      </c>
      <c r="B35" s="29">
        <v>49</v>
      </c>
      <c r="C35" s="10">
        <v>46</v>
      </c>
      <c r="D35" s="9">
        <v>95</v>
      </c>
    </row>
    <row r="36" spans="1:4" ht="18" customHeight="1" x14ac:dyDescent="0.15">
      <c r="A36" s="16">
        <v>25</v>
      </c>
      <c r="B36" s="29">
        <v>8</v>
      </c>
      <c r="C36" s="10">
        <v>10</v>
      </c>
      <c r="D36" s="9">
        <v>18</v>
      </c>
    </row>
    <row r="37" spans="1:4" ht="18" customHeight="1" x14ac:dyDescent="0.15">
      <c r="A37" s="16">
        <v>26</v>
      </c>
      <c r="B37" s="29">
        <v>7</v>
      </c>
      <c r="C37" s="10">
        <v>4</v>
      </c>
      <c r="D37" s="9">
        <v>11</v>
      </c>
    </row>
    <row r="38" spans="1:4" ht="18" customHeight="1" x14ac:dyDescent="0.15">
      <c r="A38" s="16">
        <v>27</v>
      </c>
      <c r="B38" s="29">
        <v>10</v>
      </c>
      <c r="C38" s="10">
        <v>4</v>
      </c>
      <c r="D38" s="9">
        <v>14</v>
      </c>
    </row>
    <row r="39" spans="1:4" ht="18" customHeight="1" x14ac:dyDescent="0.15">
      <c r="A39" s="16">
        <v>28</v>
      </c>
      <c r="B39" s="29">
        <v>3</v>
      </c>
      <c r="C39" s="10">
        <v>6</v>
      </c>
      <c r="D39" s="9">
        <v>9</v>
      </c>
    </row>
    <row r="40" spans="1:4" ht="18" customHeight="1" x14ac:dyDescent="0.15">
      <c r="A40" s="16">
        <v>29</v>
      </c>
      <c r="B40" s="29">
        <v>5</v>
      </c>
      <c r="C40" s="10">
        <v>7</v>
      </c>
      <c r="D40" s="9">
        <v>12</v>
      </c>
    </row>
    <row r="41" spans="1:4" ht="18" customHeight="1" x14ac:dyDescent="0.15">
      <c r="A41" s="8" t="s">
        <v>73</v>
      </c>
      <c r="B41" s="29">
        <v>33</v>
      </c>
      <c r="C41" s="10">
        <v>31</v>
      </c>
      <c r="D41" s="9">
        <v>64</v>
      </c>
    </row>
    <row r="42" spans="1:4" ht="18" customHeight="1" x14ac:dyDescent="0.15">
      <c r="A42" s="16">
        <v>30</v>
      </c>
      <c r="B42" s="29">
        <v>5</v>
      </c>
      <c r="C42" s="10">
        <v>8</v>
      </c>
      <c r="D42" s="9">
        <v>13</v>
      </c>
    </row>
    <row r="43" spans="1:4" ht="18" customHeight="1" x14ac:dyDescent="0.15">
      <c r="A43" s="16">
        <v>31</v>
      </c>
      <c r="B43" s="29">
        <v>9</v>
      </c>
      <c r="C43" s="10">
        <v>7</v>
      </c>
      <c r="D43" s="9">
        <v>16</v>
      </c>
    </row>
    <row r="44" spans="1:4" ht="18" customHeight="1" x14ac:dyDescent="0.15">
      <c r="A44" s="16">
        <v>32</v>
      </c>
      <c r="B44" s="29">
        <v>9</v>
      </c>
      <c r="C44" s="10">
        <v>10</v>
      </c>
      <c r="D44" s="9">
        <v>19</v>
      </c>
    </row>
    <row r="45" spans="1:4" ht="18" customHeight="1" x14ac:dyDescent="0.15">
      <c r="A45" s="16">
        <v>33</v>
      </c>
      <c r="B45" s="29">
        <v>8</v>
      </c>
      <c r="C45" s="10">
        <v>9</v>
      </c>
      <c r="D45" s="9">
        <v>17</v>
      </c>
    </row>
    <row r="46" spans="1:4" ht="18" customHeight="1" x14ac:dyDescent="0.15">
      <c r="A46" s="16">
        <v>34</v>
      </c>
      <c r="B46" s="29">
        <v>4</v>
      </c>
      <c r="C46" s="10">
        <v>7</v>
      </c>
      <c r="D46" s="9">
        <v>11</v>
      </c>
    </row>
    <row r="47" spans="1:4" ht="18" customHeight="1" x14ac:dyDescent="0.15">
      <c r="A47" s="8" t="s">
        <v>61</v>
      </c>
      <c r="B47" s="29">
        <v>35</v>
      </c>
      <c r="C47" s="10">
        <v>41</v>
      </c>
      <c r="D47" s="9">
        <v>76</v>
      </c>
    </row>
    <row r="48" spans="1:4" ht="18" customHeight="1" x14ac:dyDescent="0.15">
      <c r="A48" s="16">
        <v>35</v>
      </c>
      <c r="B48" s="29">
        <v>8</v>
      </c>
      <c r="C48" s="10">
        <v>10</v>
      </c>
      <c r="D48" s="9">
        <v>18</v>
      </c>
    </row>
    <row r="49" spans="1:4" ht="18" customHeight="1" x14ac:dyDescent="0.15">
      <c r="A49" s="16">
        <v>36</v>
      </c>
      <c r="B49" s="29">
        <v>9</v>
      </c>
      <c r="C49" s="10">
        <v>6</v>
      </c>
      <c r="D49" s="9">
        <v>15</v>
      </c>
    </row>
    <row r="50" spans="1:4" ht="18" customHeight="1" x14ac:dyDescent="0.15">
      <c r="A50" s="16">
        <v>37</v>
      </c>
      <c r="B50" s="29">
        <v>9</v>
      </c>
      <c r="C50" s="10">
        <v>7</v>
      </c>
      <c r="D50" s="9">
        <v>16</v>
      </c>
    </row>
    <row r="51" spans="1:4" ht="18" customHeight="1" x14ac:dyDescent="0.15">
      <c r="A51" s="16">
        <v>38</v>
      </c>
      <c r="B51" s="29">
        <v>14</v>
      </c>
      <c r="C51" s="10">
        <v>9</v>
      </c>
      <c r="D51" s="9">
        <v>23</v>
      </c>
    </row>
    <row r="52" spans="1:4" ht="18" customHeight="1" x14ac:dyDescent="0.15">
      <c r="A52" s="16">
        <v>39</v>
      </c>
      <c r="B52" s="29">
        <v>10</v>
      </c>
      <c r="C52" s="10">
        <v>15</v>
      </c>
      <c r="D52" s="9">
        <v>25</v>
      </c>
    </row>
    <row r="53" spans="1:4" ht="18" customHeight="1" x14ac:dyDescent="0.15">
      <c r="A53" s="8" t="s">
        <v>72</v>
      </c>
      <c r="B53" s="29">
        <v>50</v>
      </c>
      <c r="C53" s="10">
        <v>47</v>
      </c>
      <c r="D53" s="9">
        <v>97</v>
      </c>
    </row>
    <row r="54" spans="1:4" ht="18" customHeight="1" x14ac:dyDescent="0.15">
      <c r="A54" s="16">
        <v>40</v>
      </c>
      <c r="B54" s="29">
        <v>14</v>
      </c>
      <c r="C54" s="10">
        <v>15</v>
      </c>
      <c r="D54" s="9">
        <v>29</v>
      </c>
    </row>
    <row r="55" spans="1:4" ht="18" customHeight="1" x14ac:dyDescent="0.15">
      <c r="A55" s="16">
        <v>41</v>
      </c>
      <c r="B55" s="29">
        <v>6</v>
      </c>
      <c r="C55" s="10">
        <v>10</v>
      </c>
      <c r="D55" s="9">
        <v>16</v>
      </c>
    </row>
    <row r="56" spans="1:4" ht="18" customHeight="1" x14ac:dyDescent="0.15">
      <c r="A56" s="16">
        <v>42</v>
      </c>
      <c r="B56" s="29">
        <v>15</v>
      </c>
      <c r="C56" s="10">
        <v>14</v>
      </c>
      <c r="D56" s="9">
        <v>29</v>
      </c>
    </row>
    <row r="57" spans="1:4" ht="18" customHeight="1" x14ac:dyDescent="0.15">
      <c r="A57" s="16">
        <v>43</v>
      </c>
      <c r="B57" s="29">
        <v>18</v>
      </c>
      <c r="C57" s="10">
        <v>17</v>
      </c>
      <c r="D57" s="9">
        <v>35</v>
      </c>
    </row>
    <row r="58" spans="1:4" ht="18" customHeight="1" x14ac:dyDescent="0.15">
      <c r="A58" s="16">
        <v>44</v>
      </c>
      <c r="B58" s="29">
        <v>21</v>
      </c>
      <c r="C58" s="10">
        <v>11</v>
      </c>
      <c r="D58" s="9">
        <v>32</v>
      </c>
    </row>
    <row r="59" spans="1:4" ht="18" customHeight="1" x14ac:dyDescent="0.15">
      <c r="A59" s="8" t="s">
        <v>46</v>
      </c>
      <c r="B59" s="29">
        <v>74</v>
      </c>
      <c r="C59" s="10">
        <v>67</v>
      </c>
      <c r="D59" s="9">
        <v>141</v>
      </c>
    </row>
    <row r="60" spans="1:4" ht="18" customHeight="1" x14ac:dyDescent="0.15">
      <c r="A60" s="16">
        <v>45</v>
      </c>
      <c r="B60" s="29">
        <v>14</v>
      </c>
      <c r="C60" s="10">
        <v>16</v>
      </c>
      <c r="D60" s="9">
        <v>30</v>
      </c>
    </row>
    <row r="61" spans="1:4" ht="18" customHeight="1" x14ac:dyDescent="0.15">
      <c r="A61" s="16">
        <v>46</v>
      </c>
      <c r="B61" s="29">
        <v>14</v>
      </c>
      <c r="C61" s="10">
        <v>15</v>
      </c>
      <c r="D61" s="9">
        <v>29</v>
      </c>
    </row>
    <row r="62" spans="1:4" ht="18" customHeight="1" x14ac:dyDescent="0.15">
      <c r="A62" s="16">
        <v>47</v>
      </c>
      <c r="B62" s="29">
        <v>18</v>
      </c>
      <c r="C62" s="10">
        <v>10</v>
      </c>
      <c r="D62" s="9">
        <v>28</v>
      </c>
    </row>
    <row r="63" spans="1:4" ht="18" customHeight="1" x14ac:dyDescent="0.15">
      <c r="A63" s="16">
        <v>48</v>
      </c>
      <c r="B63" s="29">
        <v>21</v>
      </c>
      <c r="C63" s="10">
        <v>23</v>
      </c>
      <c r="D63" s="9">
        <v>44</v>
      </c>
    </row>
    <row r="64" spans="1:4" ht="18" customHeight="1" x14ac:dyDescent="0.15">
      <c r="A64" s="16">
        <v>49</v>
      </c>
      <c r="B64" s="29">
        <v>17</v>
      </c>
      <c r="C64" s="10">
        <v>22</v>
      </c>
      <c r="D64" s="9">
        <v>39</v>
      </c>
    </row>
    <row r="65" spans="1:4" ht="18" customHeight="1" x14ac:dyDescent="0.15">
      <c r="A65" s="8" t="s">
        <v>15</v>
      </c>
      <c r="B65" s="29">
        <v>84</v>
      </c>
      <c r="C65" s="10">
        <v>86</v>
      </c>
      <c r="D65" s="9">
        <v>170</v>
      </c>
    </row>
    <row r="66" spans="1:4" ht="18" customHeight="1" x14ac:dyDescent="0.15">
      <c r="A66" s="16">
        <v>50</v>
      </c>
      <c r="B66" s="29">
        <v>17</v>
      </c>
      <c r="C66" s="10">
        <v>18</v>
      </c>
      <c r="D66" s="9">
        <v>35</v>
      </c>
    </row>
    <row r="67" spans="1:4" ht="18" customHeight="1" x14ac:dyDescent="0.15">
      <c r="A67" s="16">
        <v>51</v>
      </c>
      <c r="B67" s="29">
        <v>26</v>
      </c>
      <c r="C67" s="10">
        <v>24</v>
      </c>
      <c r="D67" s="9">
        <v>50</v>
      </c>
    </row>
    <row r="68" spans="1:4" ht="18" customHeight="1" x14ac:dyDescent="0.15">
      <c r="A68" s="16">
        <v>52</v>
      </c>
      <c r="B68" s="29">
        <v>22</v>
      </c>
      <c r="C68" s="10">
        <v>13</v>
      </c>
      <c r="D68" s="9">
        <v>35</v>
      </c>
    </row>
    <row r="69" spans="1:4" ht="18" customHeight="1" x14ac:dyDescent="0.15">
      <c r="A69" s="16">
        <v>53</v>
      </c>
      <c r="B69" s="29">
        <v>9</v>
      </c>
      <c r="C69" s="10">
        <v>11</v>
      </c>
      <c r="D69" s="9">
        <v>20</v>
      </c>
    </row>
    <row r="70" spans="1:4" ht="18" customHeight="1" x14ac:dyDescent="0.15">
      <c r="A70" s="16">
        <v>54</v>
      </c>
      <c r="B70" s="29">
        <v>16</v>
      </c>
      <c r="C70" s="10">
        <v>17</v>
      </c>
      <c r="D70" s="9">
        <v>33</v>
      </c>
    </row>
    <row r="71" spans="1:4" ht="18" customHeight="1" x14ac:dyDescent="0.15">
      <c r="A71" s="8" t="s">
        <v>58</v>
      </c>
      <c r="B71" s="29">
        <v>90</v>
      </c>
      <c r="C71" s="10">
        <v>83</v>
      </c>
      <c r="D71" s="9">
        <v>173</v>
      </c>
    </row>
    <row r="72" spans="1:4" ht="18" customHeight="1" x14ac:dyDescent="0.15">
      <c r="A72" s="16">
        <v>55</v>
      </c>
      <c r="B72" s="29">
        <v>17</v>
      </c>
      <c r="C72" s="10">
        <v>16</v>
      </c>
      <c r="D72" s="9">
        <v>33</v>
      </c>
    </row>
    <row r="73" spans="1:4" ht="18" customHeight="1" x14ac:dyDescent="0.15">
      <c r="A73" s="16">
        <v>56</v>
      </c>
      <c r="B73" s="29">
        <v>9</v>
      </c>
      <c r="C73" s="10">
        <v>13</v>
      </c>
      <c r="D73" s="9">
        <v>22</v>
      </c>
    </row>
    <row r="74" spans="1:4" ht="18" customHeight="1" x14ac:dyDescent="0.15">
      <c r="A74" s="16">
        <v>57</v>
      </c>
      <c r="B74" s="29">
        <v>17</v>
      </c>
      <c r="C74" s="10">
        <v>17</v>
      </c>
      <c r="D74" s="9">
        <v>34</v>
      </c>
    </row>
    <row r="75" spans="1:4" ht="18" customHeight="1" x14ac:dyDescent="0.15">
      <c r="A75" s="16">
        <v>58</v>
      </c>
      <c r="B75" s="29">
        <v>20</v>
      </c>
      <c r="C75" s="10">
        <v>15</v>
      </c>
      <c r="D75" s="9">
        <v>35</v>
      </c>
    </row>
    <row r="76" spans="1:4" ht="18" customHeight="1" x14ac:dyDescent="0.15">
      <c r="A76" s="16">
        <v>59</v>
      </c>
      <c r="B76" s="29">
        <v>17</v>
      </c>
      <c r="C76" s="10">
        <v>4</v>
      </c>
      <c r="D76" s="9">
        <v>21</v>
      </c>
    </row>
    <row r="77" spans="1:4" ht="18" customHeight="1" x14ac:dyDescent="0.15">
      <c r="A77" s="8" t="s">
        <v>71</v>
      </c>
      <c r="B77" s="29">
        <v>80</v>
      </c>
      <c r="C77" s="10">
        <v>65</v>
      </c>
      <c r="D77" s="9">
        <v>145</v>
      </c>
    </row>
    <row r="78" spans="1:4" ht="18" customHeight="1" x14ac:dyDescent="0.15">
      <c r="A78" s="16">
        <v>60</v>
      </c>
      <c r="B78" s="29">
        <v>14</v>
      </c>
      <c r="C78" s="10">
        <v>9</v>
      </c>
      <c r="D78" s="9">
        <v>23</v>
      </c>
    </row>
    <row r="79" spans="1:4" ht="18" customHeight="1" x14ac:dyDescent="0.15">
      <c r="A79" s="16">
        <v>61</v>
      </c>
      <c r="B79" s="29">
        <v>9</v>
      </c>
      <c r="C79" s="10">
        <v>13</v>
      </c>
      <c r="D79" s="9">
        <v>22</v>
      </c>
    </row>
    <row r="80" spans="1:4" ht="18" customHeight="1" x14ac:dyDescent="0.15">
      <c r="A80" s="16">
        <v>62</v>
      </c>
      <c r="B80" s="29">
        <v>15</v>
      </c>
      <c r="C80" s="10">
        <v>10</v>
      </c>
      <c r="D80" s="9">
        <v>25</v>
      </c>
    </row>
    <row r="81" spans="1:4" ht="18" customHeight="1" x14ac:dyDescent="0.15">
      <c r="A81" s="16">
        <v>63</v>
      </c>
      <c r="B81" s="29">
        <v>12</v>
      </c>
      <c r="C81" s="10">
        <v>14</v>
      </c>
      <c r="D81" s="9">
        <v>26</v>
      </c>
    </row>
    <row r="82" spans="1:4" ht="18" customHeight="1" x14ac:dyDescent="0.15">
      <c r="A82" s="16">
        <v>64</v>
      </c>
      <c r="B82" s="29">
        <v>14</v>
      </c>
      <c r="C82" s="10">
        <v>16</v>
      </c>
      <c r="D82" s="9">
        <v>30</v>
      </c>
    </row>
    <row r="83" spans="1:4" ht="18" customHeight="1" x14ac:dyDescent="0.15">
      <c r="A83" s="8" t="s">
        <v>44</v>
      </c>
      <c r="B83" s="29">
        <v>64</v>
      </c>
      <c r="C83" s="10">
        <v>62</v>
      </c>
      <c r="D83" s="9">
        <v>126</v>
      </c>
    </row>
    <row r="84" spans="1:4" ht="18" customHeight="1" x14ac:dyDescent="0.15">
      <c r="A84" s="8" t="s">
        <v>43</v>
      </c>
      <c r="B84" s="29">
        <v>613</v>
      </c>
      <c r="C84" s="10">
        <v>581</v>
      </c>
      <c r="D84" s="9">
        <v>1194</v>
      </c>
    </row>
    <row r="85" spans="1:4" ht="18" customHeight="1" x14ac:dyDescent="0.15">
      <c r="A85" s="16">
        <v>65</v>
      </c>
      <c r="B85" s="29">
        <v>9</v>
      </c>
      <c r="C85" s="10">
        <v>13</v>
      </c>
      <c r="D85" s="9">
        <v>22</v>
      </c>
    </row>
    <row r="86" spans="1:4" ht="18" customHeight="1" x14ac:dyDescent="0.15">
      <c r="A86" s="16">
        <v>66</v>
      </c>
      <c r="B86" s="29">
        <v>7</v>
      </c>
      <c r="C86" s="10">
        <v>21</v>
      </c>
      <c r="D86" s="9">
        <v>28</v>
      </c>
    </row>
    <row r="87" spans="1:4" ht="18" customHeight="1" x14ac:dyDescent="0.15">
      <c r="A87" s="16">
        <v>67</v>
      </c>
      <c r="B87" s="29">
        <v>13</v>
      </c>
      <c r="C87" s="10">
        <v>20</v>
      </c>
      <c r="D87" s="9">
        <v>33</v>
      </c>
    </row>
    <row r="88" spans="1:4" ht="18" customHeight="1" x14ac:dyDescent="0.15">
      <c r="A88" s="16">
        <v>68</v>
      </c>
      <c r="B88" s="29">
        <v>15</v>
      </c>
      <c r="C88" s="10">
        <v>22</v>
      </c>
      <c r="D88" s="9">
        <v>37</v>
      </c>
    </row>
    <row r="89" spans="1:4" ht="18" customHeight="1" x14ac:dyDescent="0.15">
      <c r="A89" s="16">
        <v>69</v>
      </c>
      <c r="B89" s="29">
        <v>14</v>
      </c>
      <c r="C89" s="10">
        <v>35</v>
      </c>
      <c r="D89" s="9">
        <v>49</v>
      </c>
    </row>
    <row r="90" spans="1:4" ht="18" customHeight="1" x14ac:dyDescent="0.15">
      <c r="A90" s="8" t="s">
        <v>42</v>
      </c>
      <c r="B90" s="29">
        <v>58</v>
      </c>
      <c r="C90" s="10">
        <v>111</v>
      </c>
      <c r="D90" s="9">
        <v>169</v>
      </c>
    </row>
    <row r="91" spans="1:4" ht="18" customHeight="1" x14ac:dyDescent="0.15">
      <c r="A91" s="16">
        <v>70</v>
      </c>
      <c r="B91" s="29">
        <v>21</v>
      </c>
      <c r="C91" s="10">
        <v>17</v>
      </c>
      <c r="D91" s="9">
        <v>38</v>
      </c>
    </row>
    <row r="92" spans="1:4" ht="18" customHeight="1" x14ac:dyDescent="0.15">
      <c r="A92" s="16">
        <v>71</v>
      </c>
      <c r="B92" s="29">
        <v>31</v>
      </c>
      <c r="C92" s="10">
        <v>24</v>
      </c>
      <c r="D92" s="9">
        <v>55</v>
      </c>
    </row>
    <row r="93" spans="1:4" ht="18" customHeight="1" x14ac:dyDescent="0.15">
      <c r="A93" s="16">
        <v>72</v>
      </c>
      <c r="B93" s="29">
        <v>28</v>
      </c>
      <c r="C93" s="10">
        <v>24</v>
      </c>
      <c r="D93" s="9">
        <v>52</v>
      </c>
    </row>
    <row r="94" spans="1:4" ht="18" customHeight="1" x14ac:dyDescent="0.15">
      <c r="A94" s="16">
        <v>73</v>
      </c>
      <c r="B94" s="29">
        <v>28</v>
      </c>
      <c r="C94" s="10">
        <v>36</v>
      </c>
      <c r="D94" s="9">
        <v>64</v>
      </c>
    </row>
    <row r="95" spans="1:4" ht="18" customHeight="1" x14ac:dyDescent="0.15">
      <c r="A95" s="16">
        <v>74</v>
      </c>
      <c r="B95" s="29">
        <v>34</v>
      </c>
      <c r="C95" s="10">
        <v>30</v>
      </c>
      <c r="D95" s="9">
        <v>64</v>
      </c>
    </row>
    <row r="96" spans="1:4" ht="18" customHeight="1" x14ac:dyDescent="0.15">
      <c r="A96" s="8" t="s">
        <v>41</v>
      </c>
      <c r="B96" s="29">
        <v>142</v>
      </c>
      <c r="C96" s="10">
        <v>131</v>
      </c>
      <c r="D96" s="9">
        <v>273</v>
      </c>
    </row>
    <row r="97" spans="1:4" ht="18" customHeight="1" x14ac:dyDescent="0.15">
      <c r="A97" s="16">
        <v>75</v>
      </c>
      <c r="B97" s="29">
        <v>24</v>
      </c>
      <c r="C97" s="10">
        <v>28</v>
      </c>
      <c r="D97" s="9">
        <v>52</v>
      </c>
    </row>
    <row r="98" spans="1:4" ht="18" customHeight="1" x14ac:dyDescent="0.15">
      <c r="A98" s="16">
        <v>76</v>
      </c>
      <c r="B98" s="29">
        <v>21</v>
      </c>
      <c r="C98" s="10">
        <v>39</v>
      </c>
      <c r="D98" s="9">
        <v>60</v>
      </c>
    </row>
    <row r="99" spans="1:4" ht="18" customHeight="1" x14ac:dyDescent="0.15">
      <c r="A99" s="16">
        <v>77</v>
      </c>
      <c r="B99" s="29">
        <v>17</v>
      </c>
      <c r="C99" s="10">
        <v>20</v>
      </c>
      <c r="D99" s="9">
        <v>37</v>
      </c>
    </row>
    <row r="100" spans="1:4" ht="18" customHeight="1" x14ac:dyDescent="0.15">
      <c r="A100" s="16">
        <v>78</v>
      </c>
      <c r="B100" s="29">
        <v>20</v>
      </c>
      <c r="C100" s="10">
        <v>33</v>
      </c>
      <c r="D100" s="9">
        <v>53</v>
      </c>
    </row>
    <row r="101" spans="1:4" ht="18" customHeight="1" x14ac:dyDescent="0.15">
      <c r="A101" s="16">
        <v>79</v>
      </c>
      <c r="B101" s="29">
        <v>19</v>
      </c>
      <c r="C101" s="10">
        <v>17</v>
      </c>
      <c r="D101" s="9">
        <v>36</v>
      </c>
    </row>
    <row r="102" spans="1:4" ht="18" customHeight="1" x14ac:dyDescent="0.15">
      <c r="A102" s="8" t="s">
        <v>70</v>
      </c>
      <c r="B102" s="29">
        <v>101</v>
      </c>
      <c r="C102" s="10">
        <v>137</v>
      </c>
      <c r="D102" s="9">
        <v>238</v>
      </c>
    </row>
    <row r="103" spans="1:4" ht="18" customHeight="1" x14ac:dyDescent="0.15">
      <c r="A103" s="16">
        <v>80</v>
      </c>
      <c r="B103" s="29">
        <v>11</v>
      </c>
      <c r="C103" s="10">
        <v>22</v>
      </c>
      <c r="D103" s="9">
        <v>33</v>
      </c>
    </row>
    <row r="104" spans="1:4" ht="18" customHeight="1" x14ac:dyDescent="0.15">
      <c r="A104" s="16">
        <v>81</v>
      </c>
      <c r="B104" s="29">
        <v>16</v>
      </c>
      <c r="C104" s="10">
        <v>29</v>
      </c>
      <c r="D104" s="9">
        <v>45</v>
      </c>
    </row>
    <row r="105" spans="1:4" ht="18" customHeight="1" x14ac:dyDescent="0.15">
      <c r="A105" s="16">
        <v>82</v>
      </c>
      <c r="B105" s="29">
        <v>13</v>
      </c>
      <c r="C105" s="10">
        <v>15</v>
      </c>
      <c r="D105" s="9">
        <v>28</v>
      </c>
    </row>
    <row r="106" spans="1:4" ht="18" customHeight="1" x14ac:dyDescent="0.15">
      <c r="A106" s="16">
        <v>83</v>
      </c>
      <c r="B106" s="29">
        <v>13</v>
      </c>
      <c r="C106" s="10">
        <v>15</v>
      </c>
      <c r="D106" s="9">
        <v>28</v>
      </c>
    </row>
    <row r="107" spans="1:4" ht="18" customHeight="1" x14ac:dyDescent="0.15">
      <c r="A107" s="16">
        <v>84</v>
      </c>
      <c r="B107" s="29">
        <v>9</v>
      </c>
      <c r="C107" s="10">
        <v>17</v>
      </c>
      <c r="D107" s="9">
        <v>26</v>
      </c>
    </row>
    <row r="108" spans="1:4" ht="18" customHeight="1" x14ac:dyDescent="0.15">
      <c r="A108" s="8" t="s">
        <v>7</v>
      </c>
      <c r="B108" s="29">
        <v>62</v>
      </c>
      <c r="C108" s="10">
        <v>98</v>
      </c>
      <c r="D108" s="9">
        <v>160</v>
      </c>
    </row>
    <row r="109" spans="1:4" ht="18" customHeight="1" x14ac:dyDescent="0.15">
      <c r="A109" s="16">
        <v>85</v>
      </c>
      <c r="B109" s="29">
        <v>10</v>
      </c>
      <c r="C109" s="10">
        <v>18</v>
      </c>
      <c r="D109" s="9">
        <v>28</v>
      </c>
    </row>
    <row r="110" spans="1:4" ht="18" customHeight="1" x14ac:dyDescent="0.15">
      <c r="A110" s="16">
        <v>86</v>
      </c>
      <c r="B110" s="29">
        <v>11</v>
      </c>
      <c r="C110" s="10">
        <v>14</v>
      </c>
      <c r="D110" s="9">
        <v>25</v>
      </c>
    </row>
    <row r="111" spans="1:4" ht="18" customHeight="1" x14ac:dyDescent="0.15">
      <c r="A111" s="16">
        <v>87</v>
      </c>
      <c r="B111" s="29">
        <v>9</v>
      </c>
      <c r="C111" s="10">
        <v>19</v>
      </c>
      <c r="D111" s="9">
        <v>28</v>
      </c>
    </row>
    <row r="112" spans="1:4" ht="18" customHeight="1" x14ac:dyDescent="0.15">
      <c r="A112" s="16">
        <v>88</v>
      </c>
      <c r="B112" s="29">
        <v>3</v>
      </c>
      <c r="C112" s="10">
        <v>9</v>
      </c>
      <c r="D112" s="9">
        <v>12</v>
      </c>
    </row>
    <row r="113" spans="1:4" ht="18" customHeight="1" x14ac:dyDescent="0.15">
      <c r="A113" s="16">
        <v>89</v>
      </c>
      <c r="B113" s="29">
        <v>3</v>
      </c>
      <c r="C113" s="10">
        <v>17</v>
      </c>
      <c r="D113" s="9">
        <v>20</v>
      </c>
    </row>
    <row r="114" spans="1:4" ht="18" customHeight="1" x14ac:dyDescent="0.15">
      <c r="A114" s="8" t="s">
        <v>38</v>
      </c>
      <c r="B114" s="29">
        <v>36</v>
      </c>
      <c r="C114" s="10">
        <v>77</v>
      </c>
      <c r="D114" s="9">
        <v>113</v>
      </c>
    </row>
    <row r="115" spans="1:4" ht="18" customHeight="1" x14ac:dyDescent="0.15">
      <c r="A115" s="16">
        <v>90</v>
      </c>
      <c r="B115" s="29">
        <v>2</v>
      </c>
      <c r="C115" s="10">
        <v>5</v>
      </c>
      <c r="D115" s="9">
        <v>7</v>
      </c>
    </row>
    <row r="116" spans="1:4" ht="18" customHeight="1" x14ac:dyDescent="0.15">
      <c r="A116" s="16">
        <v>91</v>
      </c>
      <c r="B116" s="29">
        <v>5</v>
      </c>
      <c r="C116" s="10">
        <v>8</v>
      </c>
      <c r="D116" s="9">
        <v>13</v>
      </c>
    </row>
    <row r="117" spans="1:4" ht="18" customHeight="1" x14ac:dyDescent="0.15">
      <c r="A117" s="16">
        <v>92</v>
      </c>
      <c r="B117" s="29">
        <v>3</v>
      </c>
      <c r="C117" s="10">
        <v>13</v>
      </c>
      <c r="D117" s="9">
        <v>16</v>
      </c>
    </row>
    <row r="118" spans="1:4" ht="18" customHeight="1" x14ac:dyDescent="0.15">
      <c r="A118" s="16">
        <v>93</v>
      </c>
      <c r="B118" s="29">
        <v>4</v>
      </c>
      <c r="C118" s="10">
        <v>7</v>
      </c>
      <c r="D118" s="9">
        <v>11</v>
      </c>
    </row>
    <row r="119" spans="1:4" ht="18" customHeight="1" x14ac:dyDescent="0.15">
      <c r="A119" s="16">
        <v>94</v>
      </c>
      <c r="B119" s="29">
        <v>3</v>
      </c>
      <c r="C119" s="10">
        <v>4</v>
      </c>
      <c r="D119" s="9">
        <v>7</v>
      </c>
    </row>
    <row r="120" spans="1:4" ht="18" customHeight="1" x14ac:dyDescent="0.15">
      <c r="A120" s="8" t="s">
        <v>69</v>
      </c>
      <c r="B120" s="29">
        <v>17</v>
      </c>
      <c r="C120" s="10">
        <v>37</v>
      </c>
      <c r="D120" s="9">
        <v>54</v>
      </c>
    </row>
    <row r="121" spans="1:4" ht="18" customHeight="1" x14ac:dyDescent="0.15">
      <c r="A121" s="16">
        <v>95</v>
      </c>
      <c r="B121" s="29">
        <v>0</v>
      </c>
      <c r="C121" s="10">
        <v>3</v>
      </c>
      <c r="D121" s="9">
        <v>3</v>
      </c>
    </row>
    <row r="122" spans="1:4" ht="18" customHeight="1" x14ac:dyDescent="0.15">
      <c r="A122" s="16">
        <v>96</v>
      </c>
      <c r="B122" s="29">
        <v>1</v>
      </c>
      <c r="C122" s="10">
        <v>4</v>
      </c>
      <c r="D122" s="9">
        <v>5</v>
      </c>
    </row>
    <row r="123" spans="1:4" ht="18" customHeight="1" x14ac:dyDescent="0.15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2</v>
      </c>
      <c r="C126" s="10">
        <v>18</v>
      </c>
      <c r="D126" s="9">
        <v>20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1</v>
      </c>
      <c r="D128" s="9">
        <v>1</v>
      </c>
    </row>
    <row r="129" spans="1:4" ht="18" customHeight="1" x14ac:dyDescent="0.15">
      <c r="A129" s="8" t="s">
        <v>2</v>
      </c>
      <c r="B129" s="29">
        <v>0</v>
      </c>
      <c r="C129" s="10">
        <v>2</v>
      </c>
      <c r="D129" s="9">
        <v>2</v>
      </c>
    </row>
    <row r="130" spans="1:4" ht="18" customHeight="1" x14ac:dyDescent="0.15">
      <c r="A130" s="8" t="s">
        <v>35</v>
      </c>
      <c r="B130" s="28">
        <v>418</v>
      </c>
      <c r="C130" s="6">
        <v>611</v>
      </c>
      <c r="D130" s="5">
        <v>1029</v>
      </c>
    </row>
    <row r="131" spans="1:4" ht="18" customHeight="1" x14ac:dyDescent="0.15">
      <c r="A131" s="4" t="s">
        <v>0</v>
      </c>
      <c r="B131" s="27">
        <v>1131</v>
      </c>
      <c r="C131" s="2">
        <v>1295</v>
      </c>
      <c r="D131" s="1">
        <v>24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1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2</v>
      </c>
      <c r="C5" s="18">
        <v>15</v>
      </c>
      <c r="D5" s="17">
        <v>27</v>
      </c>
    </row>
    <row r="6" spans="1:4" ht="18" customHeight="1" x14ac:dyDescent="0.15">
      <c r="A6" s="16">
        <v>1</v>
      </c>
      <c r="B6" s="29">
        <v>8</v>
      </c>
      <c r="C6" s="10">
        <v>9</v>
      </c>
      <c r="D6" s="9">
        <v>17</v>
      </c>
    </row>
    <row r="7" spans="1:4" ht="18" customHeight="1" x14ac:dyDescent="0.15">
      <c r="A7" s="16">
        <v>2</v>
      </c>
      <c r="B7" s="29">
        <v>8</v>
      </c>
      <c r="C7" s="10">
        <v>6</v>
      </c>
      <c r="D7" s="9">
        <v>14</v>
      </c>
    </row>
    <row r="8" spans="1:4" ht="18" customHeight="1" x14ac:dyDescent="0.15">
      <c r="A8" s="16">
        <v>3</v>
      </c>
      <c r="B8" s="29">
        <v>11</v>
      </c>
      <c r="C8" s="10">
        <v>5</v>
      </c>
      <c r="D8" s="9">
        <v>16</v>
      </c>
    </row>
    <row r="9" spans="1:4" ht="18" customHeight="1" x14ac:dyDescent="0.15">
      <c r="A9" s="16">
        <v>4</v>
      </c>
      <c r="B9" s="29">
        <v>14</v>
      </c>
      <c r="C9" s="10">
        <v>12</v>
      </c>
      <c r="D9" s="9">
        <v>26</v>
      </c>
    </row>
    <row r="10" spans="1:4" ht="18" customHeight="1" x14ac:dyDescent="0.15">
      <c r="A10" s="8" t="s">
        <v>76</v>
      </c>
      <c r="B10" s="29">
        <v>53</v>
      </c>
      <c r="C10" s="10">
        <v>47</v>
      </c>
      <c r="D10" s="9">
        <v>100</v>
      </c>
    </row>
    <row r="11" spans="1:4" ht="18" customHeight="1" x14ac:dyDescent="0.15">
      <c r="A11" s="16">
        <v>5</v>
      </c>
      <c r="B11" s="29">
        <v>15</v>
      </c>
      <c r="C11" s="10">
        <v>15</v>
      </c>
      <c r="D11" s="9">
        <v>30</v>
      </c>
    </row>
    <row r="12" spans="1:4" ht="18" customHeight="1" x14ac:dyDescent="0.15">
      <c r="A12" s="16">
        <v>6</v>
      </c>
      <c r="B12" s="29">
        <v>9</v>
      </c>
      <c r="C12" s="10">
        <v>14</v>
      </c>
      <c r="D12" s="9">
        <v>23</v>
      </c>
    </row>
    <row r="13" spans="1:4" ht="18" customHeight="1" x14ac:dyDescent="0.15">
      <c r="A13" s="16">
        <v>7</v>
      </c>
      <c r="B13" s="29">
        <v>16</v>
      </c>
      <c r="C13" s="10">
        <v>10</v>
      </c>
      <c r="D13" s="9">
        <v>26</v>
      </c>
    </row>
    <row r="14" spans="1:4" ht="18" customHeight="1" x14ac:dyDescent="0.15">
      <c r="A14" s="16">
        <v>8</v>
      </c>
      <c r="B14" s="29">
        <v>12</v>
      </c>
      <c r="C14" s="10">
        <v>8</v>
      </c>
      <c r="D14" s="9">
        <v>20</v>
      </c>
    </row>
    <row r="15" spans="1:4" ht="18" customHeight="1" x14ac:dyDescent="0.15">
      <c r="A15" s="16">
        <v>9</v>
      </c>
      <c r="B15" s="29">
        <v>9</v>
      </c>
      <c r="C15" s="10">
        <v>17</v>
      </c>
      <c r="D15" s="9">
        <v>26</v>
      </c>
    </row>
    <row r="16" spans="1:4" ht="18" customHeight="1" x14ac:dyDescent="0.15">
      <c r="A16" s="8" t="s">
        <v>50</v>
      </c>
      <c r="B16" s="29">
        <v>61</v>
      </c>
      <c r="C16" s="10">
        <v>64</v>
      </c>
      <c r="D16" s="9">
        <v>125</v>
      </c>
    </row>
    <row r="17" spans="1:4" ht="18" customHeight="1" x14ac:dyDescent="0.15">
      <c r="A17" s="16">
        <v>10</v>
      </c>
      <c r="B17" s="29">
        <v>9</v>
      </c>
      <c r="C17" s="10">
        <v>10</v>
      </c>
      <c r="D17" s="9">
        <v>19</v>
      </c>
    </row>
    <row r="18" spans="1:4" ht="18" customHeight="1" x14ac:dyDescent="0.15">
      <c r="A18" s="16">
        <v>11</v>
      </c>
      <c r="B18" s="29">
        <v>12</v>
      </c>
      <c r="C18" s="10">
        <v>11</v>
      </c>
      <c r="D18" s="9">
        <v>23</v>
      </c>
    </row>
    <row r="19" spans="1:4" ht="18" customHeight="1" x14ac:dyDescent="0.15">
      <c r="A19" s="16">
        <v>12</v>
      </c>
      <c r="B19" s="29">
        <v>13</v>
      </c>
      <c r="C19" s="10">
        <v>12</v>
      </c>
      <c r="D19" s="9">
        <v>25</v>
      </c>
    </row>
    <row r="20" spans="1:4" ht="18" customHeight="1" x14ac:dyDescent="0.15">
      <c r="A20" s="16">
        <v>13</v>
      </c>
      <c r="B20" s="29">
        <v>12</v>
      </c>
      <c r="C20" s="10">
        <v>16</v>
      </c>
      <c r="D20" s="9">
        <v>28</v>
      </c>
    </row>
    <row r="21" spans="1:4" ht="18" customHeight="1" x14ac:dyDescent="0.15">
      <c r="A21" s="16">
        <v>14</v>
      </c>
      <c r="B21" s="29">
        <v>10</v>
      </c>
      <c r="C21" s="10">
        <v>18</v>
      </c>
      <c r="D21" s="9">
        <v>28</v>
      </c>
    </row>
    <row r="22" spans="1:4" ht="18" customHeight="1" x14ac:dyDescent="0.15">
      <c r="A22" s="8" t="s">
        <v>75</v>
      </c>
      <c r="B22" s="29">
        <v>56</v>
      </c>
      <c r="C22" s="10">
        <v>67</v>
      </c>
      <c r="D22" s="9">
        <v>123</v>
      </c>
    </row>
    <row r="23" spans="1:4" ht="18" customHeight="1" x14ac:dyDescent="0.15">
      <c r="A23" s="8" t="s">
        <v>65</v>
      </c>
      <c r="B23" s="29">
        <v>170</v>
      </c>
      <c r="C23" s="10">
        <v>178</v>
      </c>
      <c r="D23" s="9">
        <v>348</v>
      </c>
    </row>
    <row r="24" spans="1:4" ht="18" customHeight="1" x14ac:dyDescent="0.15">
      <c r="A24" s="16">
        <v>15</v>
      </c>
      <c r="B24" s="29">
        <v>23</v>
      </c>
      <c r="C24" s="10">
        <v>13</v>
      </c>
      <c r="D24" s="9">
        <v>36</v>
      </c>
    </row>
    <row r="25" spans="1:4" ht="18" customHeight="1" x14ac:dyDescent="0.15">
      <c r="A25" s="16">
        <v>16</v>
      </c>
      <c r="B25" s="29">
        <v>26</v>
      </c>
      <c r="C25" s="10">
        <v>23</v>
      </c>
      <c r="D25" s="9">
        <v>49</v>
      </c>
    </row>
    <row r="26" spans="1:4" ht="18" customHeight="1" x14ac:dyDescent="0.15">
      <c r="A26" s="16">
        <v>17</v>
      </c>
      <c r="B26" s="29">
        <v>16</v>
      </c>
      <c r="C26" s="10">
        <v>18</v>
      </c>
      <c r="D26" s="9">
        <v>34</v>
      </c>
    </row>
    <row r="27" spans="1:4" ht="18" customHeight="1" x14ac:dyDescent="0.15">
      <c r="A27" s="16">
        <v>18</v>
      </c>
      <c r="B27" s="29">
        <v>24</v>
      </c>
      <c r="C27" s="10">
        <v>21</v>
      </c>
      <c r="D27" s="9">
        <v>45</v>
      </c>
    </row>
    <row r="28" spans="1:4" ht="18" customHeight="1" x14ac:dyDescent="0.15">
      <c r="A28" s="16">
        <v>19</v>
      </c>
      <c r="B28" s="29">
        <v>24</v>
      </c>
      <c r="C28" s="10">
        <v>24</v>
      </c>
      <c r="D28" s="9">
        <v>48</v>
      </c>
    </row>
    <row r="29" spans="1:4" ht="18" customHeight="1" x14ac:dyDescent="0.15">
      <c r="A29" s="8" t="s">
        <v>48</v>
      </c>
      <c r="B29" s="29">
        <v>113</v>
      </c>
      <c r="C29" s="10">
        <v>99</v>
      </c>
      <c r="D29" s="9">
        <v>212</v>
      </c>
    </row>
    <row r="30" spans="1:4" ht="18" customHeight="1" x14ac:dyDescent="0.15">
      <c r="A30" s="16">
        <v>20</v>
      </c>
      <c r="B30" s="29">
        <v>25</v>
      </c>
      <c r="C30" s="10">
        <v>14</v>
      </c>
      <c r="D30" s="9">
        <v>39</v>
      </c>
    </row>
    <row r="31" spans="1:4" ht="18" customHeight="1" x14ac:dyDescent="0.15">
      <c r="A31" s="16">
        <v>21</v>
      </c>
      <c r="B31" s="29">
        <v>30</v>
      </c>
      <c r="C31" s="10">
        <v>24</v>
      </c>
      <c r="D31" s="9">
        <v>54</v>
      </c>
    </row>
    <row r="32" spans="1:4" ht="18" customHeight="1" x14ac:dyDescent="0.15">
      <c r="A32" s="16">
        <v>22</v>
      </c>
      <c r="B32" s="29">
        <v>41</v>
      </c>
      <c r="C32" s="10">
        <v>19</v>
      </c>
      <c r="D32" s="9">
        <v>60</v>
      </c>
    </row>
    <row r="33" spans="1:4" ht="18" customHeight="1" x14ac:dyDescent="0.15">
      <c r="A33" s="16">
        <v>23</v>
      </c>
      <c r="B33" s="29">
        <v>30</v>
      </c>
      <c r="C33" s="10">
        <v>22</v>
      </c>
      <c r="D33" s="9">
        <v>52</v>
      </c>
    </row>
    <row r="34" spans="1:4" ht="18" customHeight="1" x14ac:dyDescent="0.15">
      <c r="A34" s="16">
        <v>24</v>
      </c>
      <c r="B34" s="29">
        <v>23</v>
      </c>
      <c r="C34" s="10">
        <v>15</v>
      </c>
      <c r="D34" s="9">
        <v>38</v>
      </c>
    </row>
    <row r="35" spans="1:4" ht="18" customHeight="1" x14ac:dyDescent="0.15">
      <c r="A35" s="8" t="s">
        <v>74</v>
      </c>
      <c r="B35" s="29">
        <v>149</v>
      </c>
      <c r="C35" s="10">
        <v>94</v>
      </c>
      <c r="D35" s="9">
        <v>243</v>
      </c>
    </row>
    <row r="36" spans="1:4" ht="18" customHeight="1" x14ac:dyDescent="0.15">
      <c r="A36" s="16">
        <v>25</v>
      </c>
      <c r="B36" s="29">
        <v>18</v>
      </c>
      <c r="C36" s="10">
        <v>14</v>
      </c>
      <c r="D36" s="9">
        <v>32</v>
      </c>
    </row>
    <row r="37" spans="1:4" ht="18" customHeight="1" x14ac:dyDescent="0.15">
      <c r="A37" s="16">
        <v>26</v>
      </c>
      <c r="B37" s="29">
        <v>32</v>
      </c>
      <c r="C37" s="10">
        <v>18</v>
      </c>
      <c r="D37" s="9">
        <v>50</v>
      </c>
    </row>
    <row r="38" spans="1:4" ht="18" customHeight="1" x14ac:dyDescent="0.15">
      <c r="A38" s="16">
        <v>27</v>
      </c>
      <c r="B38" s="29">
        <v>28</v>
      </c>
      <c r="C38" s="10">
        <v>18</v>
      </c>
      <c r="D38" s="9">
        <v>46</v>
      </c>
    </row>
    <row r="39" spans="1:4" ht="18" customHeight="1" x14ac:dyDescent="0.15">
      <c r="A39" s="16">
        <v>28</v>
      </c>
      <c r="B39" s="29">
        <v>23</v>
      </c>
      <c r="C39" s="10">
        <v>18</v>
      </c>
      <c r="D39" s="9">
        <v>41</v>
      </c>
    </row>
    <row r="40" spans="1:4" ht="18" customHeight="1" x14ac:dyDescent="0.15">
      <c r="A40" s="16">
        <v>29</v>
      </c>
      <c r="B40" s="29">
        <v>20</v>
      </c>
      <c r="C40" s="10">
        <v>15</v>
      </c>
      <c r="D40" s="9">
        <v>35</v>
      </c>
    </row>
    <row r="41" spans="1:4" ht="18" customHeight="1" x14ac:dyDescent="0.15">
      <c r="A41" s="8" t="s">
        <v>73</v>
      </c>
      <c r="B41" s="29">
        <v>121</v>
      </c>
      <c r="C41" s="10">
        <v>83</v>
      </c>
      <c r="D41" s="9">
        <v>204</v>
      </c>
    </row>
    <row r="42" spans="1:4" ht="18" customHeight="1" x14ac:dyDescent="0.15">
      <c r="A42" s="16">
        <v>30</v>
      </c>
      <c r="B42" s="29">
        <v>10</v>
      </c>
      <c r="C42" s="10">
        <v>10</v>
      </c>
      <c r="D42" s="9">
        <v>20</v>
      </c>
    </row>
    <row r="43" spans="1:4" ht="18" customHeight="1" x14ac:dyDescent="0.15">
      <c r="A43" s="16">
        <v>31</v>
      </c>
      <c r="B43" s="29">
        <v>16</v>
      </c>
      <c r="C43" s="10">
        <v>14</v>
      </c>
      <c r="D43" s="9">
        <v>30</v>
      </c>
    </row>
    <row r="44" spans="1:4" ht="18" customHeight="1" x14ac:dyDescent="0.15">
      <c r="A44" s="16">
        <v>32</v>
      </c>
      <c r="B44" s="29">
        <v>16</v>
      </c>
      <c r="C44" s="10">
        <v>9</v>
      </c>
      <c r="D44" s="9">
        <v>25</v>
      </c>
    </row>
    <row r="45" spans="1:4" ht="18" customHeight="1" x14ac:dyDescent="0.15">
      <c r="A45" s="16">
        <v>33</v>
      </c>
      <c r="B45" s="29">
        <v>17</v>
      </c>
      <c r="C45" s="10">
        <v>9</v>
      </c>
      <c r="D45" s="9">
        <v>26</v>
      </c>
    </row>
    <row r="46" spans="1:4" ht="18" customHeight="1" x14ac:dyDescent="0.15">
      <c r="A46" s="16">
        <v>34</v>
      </c>
      <c r="B46" s="29">
        <v>16</v>
      </c>
      <c r="C46" s="10">
        <v>11</v>
      </c>
      <c r="D46" s="9">
        <v>27</v>
      </c>
    </row>
    <row r="47" spans="1:4" ht="18" customHeight="1" x14ac:dyDescent="0.15">
      <c r="A47" s="8" t="s">
        <v>61</v>
      </c>
      <c r="B47" s="29">
        <v>75</v>
      </c>
      <c r="C47" s="10">
        <v>53</v>
      </c>
      <c r="D47" s="9">
        <v>128</v>
      </c>
    </row>
    <row r="48" spans="1:4" ht="18" customHeight="1" x14ac:dyDescent="0.15">
      <c r="A48" s="16">
        <v>35</v>
      </c>
      <c r="B48" s="29">
        <v>17</v>
      </c>
      <c r="C48" s="10">
        <v>14</v>
      </c>
      <c r="D48" s="9">
        <v>31</v>
      </c>
    </row>
    <row r="49" spans="1:4" ht="18" customHeight="1" x14ac:dyDescent="0.15">
      <c r="A49" s="16">
        <v>36</v>
      </c>
      <c r="B49" s="29">
        <v>15</v>
      </c>
      <c r="C49" s="10">
        <v>17</v>
      </c>
      <c r="D49" s="9">
        <v>32</v>
      </c>
    </row>
    <row r="50" spans="1:4" ht="18" customHeight="1" x14ac:dyDescent="0.15">
      <c r="A50" s="16">
        <v>37</v>
      </c>
      <c r="B50" s="29">
        <v>18</v>
      </c>
      <c r="C50" s="10">
        <v>15</v>
      </c>
      <c r="D50" s="9">
        <v>33</v>
      </c>
    </row>
    <row r="51" spans="1:4" ht="18" customHeight="1" x14ac:dyDescent="0.15">
      <c r="A51" s="16">
        <v>38</v>
      </c>
      <c r="B51" s="29">
        <v>21</v>
      </c>
      <c r="C51" s="10">
        <v>21</v>
      </c>
      <c r="D51" s="9">
        <v>42</v>
      </c>
    </row>
    <row r="52" spans="1:4" ht="18" customHeight="1" x14ac:dyDescent="0.15">
      <c r="A52" s="16">
        <v>39</v>
      </c>
      <c r="B52" s="29">
        <v>12</v>
      </c>
      <c r="C52" s="10">
        <v>17</v>
      </c>
      <c r="D52" s="9">
        <v>29</v>
      </c>
    </row>
    <row r="53" spans="1:4" ht="18" customHeight="1" x14ac:dyDescent="0.15">
      <c r="A53" s="8" t="s">
        <v>72</v>
      </c>
      <c r="B53" s="29">
        <v>83</v>
      </c>
      <c r="C53" s="10">
        <v>84</v>
      </c>
      <c r="D53" s="9">
        <v>167</v>
      </c>
    </row>
    <row r="54" spans="1:4" ht="18" customHeight="1" x14ac:dyDescent="0.15">
      <c r="A54" s="16">
        <v>40</v>
      </c>
      <c r="B54" s="29">
        <v>19</v>
      </c>
      <c r="C54" s="10">
        <v>21</v>
      </c>
      <c r="D54" s="9">
        <v>40</v>
      </c>
    </row>
    <row r="55" spans="1:4" ht="18" customHeight="1" x14ac:dyDescent="0.15">
      <c r="A55" s="16">
        <v>41</v>
      </c>
      <c r="B55" s="29">
        <v>9</v>
      </c>
      <c r="C55" s="10">
        <v>21</v>
      </c>
      <c r="D55" s="9">
        <v>30</v>
      </c>
    </row>
    <row r="56" spans="1:4" ht="18" customHeight="1" x14ac:dyDescent="0.15">
      <c r="A56" s="16">
        <v>42</v>
      </c>
      <c r="B56" s="29">
        <v>20</v>
      </c>
      <c r="C56" s="10">
        <v>20</v>
      </c>
      <c r="D56" s="9">
        <v>40</v>
      </c>
    </row>
    <row r="57" spans="1:4" ht="18" customHeight="1" x14ac:dyDescent="0.15">
      <c r="A57" s="16">
        <v>43</v>
      </c>
      <c r="B57" s="29">
        <v>20</v>
      </c>
      <c r="C57" s="10">
        <v>24</v>
      </c>
      <c r="D57" s="9">
        <v>44</v>
      </c>
    </row>
    <row r="58" spans="1:4" ht="18" customHeight="1" x14ac:dyDescent="0.15">
      <c r="A58" s="16">
        <v>44</v>
      </c>
      <c r="B58" s="29">
        <v>27</v>
      </c>
      <c r="C58" s="10">
        <v>30</v>
      </c>
      <c r="D58" s="9">
        <v>57</v>
      </c>
    </row>
    <row r="59" spans="1:4" ht="18" customHeight="1" x14ac:dyDescent="0.15">
      <c r="A59" s="8" t="s">
        <v>46</v>
      </c>
      <c r="B59" s="29">
        <v>95</v>
      </c>
      <c r="C59" s="10">
        <v>116</v>
      </c>
      <c r="D59" s="9">
        <v>211</v>
      </c>
    </row>
    <row r="60" spans="1:4" ht="18" customHeight="1" x14ac:dyDescent="0.15">
      <c r="A60" s="16">
        <v>45</v>
      </c>
      <c r="B60" s="29">
        <v>29</v>
      </c>
      <c r="C60" s="10">
        <v>21</v>
      </c>
      <c r="D60" s="9">
        <v>50</v>
      </c>
    </row>
    <row r="61" spans="1:4" ht="18" customHeight="1" x14ac:dyDescent="0.15">
      <c r="A61" s="16">
        <v>46</v>
      </c>
      <c r="B61" s="29">
        <v>30</v>
      </c>
      <c r="C61" s="10">
        <v>24</v>
      </c>
      <c r="D61" s="9">
        <v>54</v>
      </c>
    </row>
    <row r="62" spans="1:4" ht="18" customHeight="1" x14ac:dyDescent="0.15">
      <c r="A62" s="16">
        <v>47</v>
      </c>
      <c r="B62" s="29">
        <v>36</v>
      </c>
      <c r="C62" s="10">
        <v>36</v>
      </c>
      <c r="D62" s="9">
        <v>72</v>
      </c>
    </row>
    <row r="63" spans="1:4" ht="18" customHeight="1" x14ac:dyDescent="0.15">
      <c r="A63" s="16">
        <v>48</v>
      </c>
      <c r="B63" s="29">
        <v>40</v>
      </c>
      <c r="C63" s="10">
        <v>38</v>
      </c>
      <c r="D63" s="9">
        <v>78</v>
      </c>
    </row>
    <row r="64" spans="1:4" ht="18" customHeight="1" x14ac:dyDescent="0.15">
      <c r="A64" s="16">
        <v>49</v>
      </c>
      <c r="B64" s="29">
        <v>36</v>
      </c>
      <c r="C64" s="10">
        <v>36</v>
      </c>
      <c r="D64" s="9">
        <v>72</v>
      </c>
    </row>
    <row r="65" spans="1:4" ht="18" customHeight="1" x14ac:dyDescent="0.15">
      <c r="A65" s="8" t="s">
        <v>45</v>
      </c>
      <c r="B65" s="29">
        <v>171</v>
      </c>
      <c r="C65" s="10">
        <v>155</v>
      </c>
      <c r="D65" s="9">
        <v>326</v>
      </c>
    </row>
    <row r="66" spans="1:4" ht="18" customHeight="1" x14ac:dyDescent="0.15">
      <c r="A66" s="16">
        <v>50</v>
      </c>
      <c r="B66" s="29">
        <v>27</v>
      </c>
      <c r="C66" s="10">
        <v>46</v>
      </c>
      <c r="D66" s="9">
        <v>73</v>
      </c>
    </row>
    <row r="67" spans="1:4" ht="18" customHeight="1" x14ac:dyDescent="0.15">
      <c r="A67" s="16">
        <v>51</v>
      </c>
      <c r="B67" s="29">
        <v>39</v>
      </c>
      <c r="C67" s="10">
        <v>45</v>
      </c>
      <c r="D67" s="9">
        <v>84</v>
      </c>
    </row>
    <row r="68" spans="1:4" ht="18" customHeight="1" x14ac:dyDescent="0.15">
      <c r="A68" s="16">
        <v>52</v>
      </c>
      <c r="B68" s="29">
        <v>43</v>
      </c>
      <c r="C68" s="10">
        <v>22</v>
      </c>
      <c r="D68" s="9">
        <v>65</v>
      </c>
    </row>
    <row r="69" spans="1:4" ht="18" customHeight="1" x14ac:dyDescent="0.15">
      <c r="A69" s="16">
        <v>53</v>
      </c>
      <c r="B69" s="29">
        <v>33</v>
      </c>
      <c r="C69" s="10">
        <v>33</v>
      </c>
      <c r="D69" s="9">
        <v>66</v>
      </c>
    </row>
    <row r="70" spans="1:4" ht="18" customHeight="1" x14ac:dyDescent="0.15">
      <c r="A70" s="16">
        <v>54</v>
      </c>
      <c r="B70" s="29">
        <v>37</v>
      </c>
      <c r="C70" s="10">
        <v>35</v>
      </c>
      <c r="D70" s="9">
        <v>72</v>
      </c>
    </row>
    <row r="71" spans="1:4" ht="18" customHeight="1" x14ac:dyDescent="0.15">
      <c r="A71" s="8" t="s">
        <v>58</v>
      </c>
      <c r="B71" s="29">
        <v>179</v>
      </c>
      <c r="C71" s="10">
        <v>181</v>
      </c>
      <c r="D71" s="9">
        <v>360</v>
      </c>
    </row>
    <row r="72" spans="1:4" ht="18" customHeight="1" x14ac:dyDescent="0.15">
      <c r="A72" s="16">
        <v>55</v>
      </c>
      <c r="B72" s="29">
        <v>31</v>
      </c>
      <c r="C72" s="10">
        <v>37</v>
      </c>
      <c r="D72" s="9">
        <v>68</v>
      </c>
    </row>
    <row r="73" spans="1:4" ht="18" customHeight="1" x14ac:dyDescent="0.15">
      <c r="A73" s="16">
        <v>56</v>
      </c>
      <c r="B73" s="29">
        <v>27</v>
      </c>
      <c r="C73" s="10">
        <v>32</v>
      </c>
      <c r="D73" s="9">
        <v>59</v>
      </c>
    </row>
    <row r="74" spans="1:4" ht="18" customHeight="1" x14ac:dyDescent="0.15">
      <c r="A74" s="16">
        <v>57</v>
      </c>
      <c r="B74" s="29">
        <v>27</v>
      </c>
      <c r="C74" s="10">
        <v>27</v>
      </c>
      <c r="D74" s="9">
        <v>54</v>
      </c>
    </row>
    <row r="75" spans="1:4" ht="18" customHeight="1" x14ac:dyDescent="0.15">
      <c r="A75" s="16">
        <v>58</v>
      </c>
      <c r="B75" s="29">
        <v>24</v>
      </c>
      <c r="C75" s="10">
        <v>29</v>
      </c>
      <c r="D75" s="9">
        <v>53</v>
      </c>
    </row>
    <row r="76" spans="1:4" ht="18" customHeight="1" x14ac:dyDescent="0.15">
      <c r="A76" s="16">
        <v>59</v>
      </c>
      <c r="B76" s="29">
        <v>22</v>
      </c>
      <c r="C76" s="10">
        <v>20</v>
      </c>
      <c r="D76" s="9">
        <v>42</v>
      </c>
    </row>
    <row r="77" spans="1:4" ht="18" customHeight="1" x14ac:dyDescent="0.15">
      <c r="A77" s="8" t="s">
        <v>71</v>
      </c>
      <c r="B77" s="29">
        <v>131</v>
      </c>
      <c r="C77" s="10">
        <v>145</v>
      </c>
      <c r="D77" s="9">
        <v>276</v>
      </c>
    </row>
    <row r="78" spans="1:4" ht="18" customHeight="1" x14ac:dyDescent="0.15">
      <c r="A78" s="16">
        <v>60</v>
      </c>
      <c r="B78" s="29">
        <v>25</v>
      </c>
      <c r="C78" s="10">
        <v>27</v>
      </c>
      <c r="D78" s="9">
        <v>52</v>
      </c>
    </row>
    <row r="79" spans="1:4" ht="18" customHeight="1" x14ac:dyDescent="0.15">
      <c r="A79" s="16">
        <v>61</v>
      </c>
      <c r="B79" s="29">
        <v>24</v>
      </c>
      <c r="C79" s="10">
        <v>24</v>
      </c>
      <c r="D79" s="9">
        <v>48</v>
      </c>
    </row>
    <row r="80" spans="1:4" ht="18" customHeight="1" x14ac:dyDescent="0.15">
      <c r="A80" s="16">
        <v>62</v>
      </c>
      <c r="B80" s="29">
        <v>29</v>
      </c>
      <c r="C80" s="10">
        <v>18</v>
      </c>
      <c r="D80" s="9">
        <v>47</v>
      </c>
    </row>
    <row r="81" spans="1:4" ht="18" customHeight="1" x14ac:dyDescent="0.15">
      <c r="A81" s="16">
        <v>63</v>
      </c>
      <c r="B81" s="29">
        <v>25</v>
      </c>
      <c r="C81" s="10">
        <v>17</v>
      </c>
      <c r="D81" s="9">
        <v>42</v>
      </c>
    </row>
    <row r="82" spans="1:4" ht="18" customHeight="1" x14ac:dyDescent="0.15">
      <c r="A82" s="16">
        <v>64</v>
      </c>
      <c r="B82" s="29">
        <v>21</v>
      </c>
      <c r="C82" s="10">
        <v>21</v>
      </c>
      <c r="D82" s="9">
        <v>42</v>
      </c>
    </row>
    <row r="83" spans="1:4" ht="18" customHeight="1" x14ac:dyDescent="0.15">
      <c r="A83" s="8" t="s">
        <v>44</v>
      </c>
      <c r="B83" s="29">
        <v>124</v>
      </c>
      <c r="C83" s="10">
        <v>107</v>
      </c>
      <c r="D83" s="9">
        <v>231</v>
      </c>
    </row>
    <row r="84" spans="1:4" ht="18" customHeight="1" x14ac:dyDescent="0.15">
      <c r="A84" s="8" t="s">
        <v>43</v>
      </c>
      <c r="B84" s="29">
        <v>1241</v>
      </c>
      <c r="C84" s="10">
        <v>1117</v>
      </c>
      <c r="D84" s="9">
        <v>2358</v>
      </c>
    </row>
    <row r="85" spans="1:4" ht="18" customHeight="1" x14ac:dyDescent="0.15">
      <c r="A85" s="16">
        <v>65</v>
      </c>
      <c r="B85" s="29">
        <v>22</v>
      </c>
      <c r="C85" s="10">
        <v>21</v>
      </c>
      <c r="D85" s="9">
        <v>43</v>
      </c>
    </row>
    <row r="86" spans="1:4" ht="18" customHeight="1" x14ac:dyDescent="0.15">
      <c r="A86" s="16">
        <v>66</v>
      </c>
      <c r="B86" s="29">
        <v>13</v>
      </c>
      <c r="C86" s="10">
        <v>29</v>
      </c>
      <c r="D86" s="9">
        <v>42</v>
      </c>
    </row>
    <row r="87" spans="1:4" ht="18" customHeight="1" x14ac:dyDescent="0.15">
      <c r="A87" s="16">
        <v>67</v>
      </c>
      <c r="B87" s="29">
        <v>23</v>
      </c>
      <c r="C87" s="10">
        <v>19</v>
      </c>
      <c r="D87" s="9">
        <v>42</v>
      </c>
    </row>
    <row r="88" spans="1:4" ht="18" customHeight="1" x14ac:dyDescent="0.15">
      <c r="A88" s="16">
        <v>68</v>
      </c>
      <c r="B88" s="29">
        <v>24</v>
      </c>
      <c r="C88" s="10">
        <v>19</v>
      </c>
      <c r="D88" s="9">
        <v>43</v>
      </c>
    </row>
    <row r="89" spans="1:4" ht="18" customHeight="1" x14ac:dyDescent="0.15">
      <c r="A89" s="16">
        <v>69</v>
      </c>
      <c r="B89" s="29">
        <v>32</v>
      </c>
      <c r="C89" s="10">
        <v>25</v>
      </c>
      <c r="D89" s="9">
        <v>57</v>
      </c>
    </row>
    <row r="90" spans="1:4" ht="18" customHeight="1" x14ac:dyDescent="0.15">
      <c r="A90" s="8" t="s">
        <v>42</v>
      </c>
      <c r="B90" s="29">
        <v>114</v>
      </c>
      <c r="C90" s="10">
        <v>113</v>
      </c>
      <c r="D90" s="9">
        <v>227</v>
      </c>
    </row>
    <row r="91" spans="1:4" ht="18" customHeight="1" x14ac:dyDescent="0.15">
      <c r="A91" s="16">
        <v>70</v>
      </c>
      <c r="B91" s="29">
        <v>29</v>
      </c>
      <c r="C91" s="10">
        <v>34</v>
      </c>
      <c r="D91" s="9">
        <v>63</v>
      </c>
    </row>
    <row r="92" spans="1:4" ht="18" customHeight="1" x14ac:dyDescent="0.15">
      <c r="A92" s="16">
        <v>71</v>
      </c>
      <c r="B92" s="29">
        <v>20</v>
      </c>
      <c r="C92" s="10">
        <v>31</v>
      </c>
      <c r="D92" s="9">
        <v>51</v>
      </c>
    </row>
    <row r="93" spans="1:4" ht="18" customHeight="1" x14ac:dyDescent="0.15">
      <c r="A93" s="16">
        <v>72</v>
      </c>
      <c r="B93" s="29">
        <v>24</v>
      </c>
      <c r="C93" s="10">
        <v>32</v>
      </c>
      <c r="D93" s="9">
        <v>56</v>
      </c>
    </row>
    <row r="94" spans="1:4" ht="18" customHeight="1" x14ac:dyDescent="0.15">
      <c r="A94" s="16">
        <v>73</v>
      </c>
      <c r="B94" s="29">
        <v>33</v>
      </c>
      <c r="C94" s="10">
        <v>50</v>
      </c>
      <c r="D94" s="9">
        <v>83</v>
      </c>
    </row>
    <row r="95" spans="1:4" ht="18" customHeight="1" x14ac:dyDescent="0.15">
      <c r="A95" s="16">
        <v>74</v>
      </c>
      <c r="B95" s="29">
        <v>39</v>
      </c>
      <c r="C95" s="10">
        <v>45</v>
      </c>
      <c r="D95" s="9">
        <v>84</v>
      </c>
    </row>
    <row r="96" spans="1:4" ht="18" customHeight="1" x14ac:dyDescent="0.15">
      <c r="A96" s="8" t="s">
        <v>41</v>
      </c>
      <c r="B96" s="29">
        <v>145</v>
      </c>
      <c r="C96" s="10">
        <v>192</v>
      </c>
      <c r="D96" s="9">
        <v>337</v>
      </c>
    </row>
    <row r="97" spans="1:4" ht="18" customHeight="1" x14ac:dyDescent="0.15">
      <c r="A97" s="16">
        <v>75</v>
      </c>
      <c r="B97" s="29">
        <v>33</v>
      </c>
      <c r="C97" s="10">
        <v>37</v>
      </c>
      <c r="D97" s="9">
        <v>70</v>
      </c>
    </row>
    <row r="98" spans="1:4" ht="18" customHeight="1" x14ac:dyDescent="0.15">
      <c r="A98" s="16">
        <v>76</v>
      </c>
      <c r="B98" s="29">
        <v>27</v>
      </c>
      <c r="C98" s="10">
        <v>31</v>
      </c>
      <c r="D98" s="9">
        <v>58</v>
      </c>
    </row>
    <row r="99" spans="1:4" ht="18" customHeight="1" x14ac:dyDescent="0.15">
      <c r="A99" s="16">
        <v>77</v>
      </c>
      <c r="B99" s="29">
        <v>21</v>
      </c>
      <c r="C99" s="10">
        <v>18</v>
      </c>
      <c r="D99" s="9">
        <v>39</v>
      </c>
    </row>
    <row r="100" spans="1:4" ht="18" customHeight="1" x14ac:dyDescent="0.15">
      <c r="A100" s="16">
        <v>78</v>
      </c>
      <c r="B100" s="29">
        <v>28</v>
      </c>
      <c r="C100" s="10">
        <v>28</v>
      </c>
      <c r="D100" s="9">
        <v>56</v>
      </c>
    </row>
    <row r="101" spans="1:4" ht="18" customHeight="1" x14ac:dyDescent="0.15">
      <c r="A101" s="16">
        <v>79</v>
      </c>
      <c r="B101" s="29">
        <v>14</v>
      </c>
      <c r="C101" s="10">
        <v>38</v>
      </c>
      <c r="D101" s="9">
        <v>52</v>
      </c>
    </row>
    <row r="102" spans="1:4" ht="18" customHeight="1" x14ac:dyDescent="0.15">
      <c r="A102" s="8" t="s">
        <v>70</v>
      </c>
      <c r="B102" s="29">
        <v>123</v>
      </c>
      <c r="C102" s="10">
        <v>152</v>
      </c>
      <c r="D102" s="9">
        <v>275</v>
      </c>
    </row>
    <row r="103" spans="1:4" ht="18" customHeight="1" x14ac:dyDescent="0.15">
      <c r="A103" s="16">
        <v>80</v>
      </c>
      <c r="B103" s="29">
        <v>18</v>
      </c>
      <c r="C103" s="10">
        <v>32</v>
      </c>
      <c r="D103" s="9">
        <v>50</v>
      </c>
    </row>
    <row r="104" spans="1:4" ht="18" customHeight="1" x14ac:dyDescent="0.15">
      <c r="A104" s="16">
        <v>81</v>
      </c>
      <c r="B104" s="29">
        <v>28</v>
      </c>
      <c r="C104" s="10">
        <v>42</v>
      </c>
      <c r="D104" s="9">
        <v>70</v>
      </c>
    </row>
    <row r="105" spans="1:4" ht="18" customHeight="1" x14ac:dyDescent="0.15">
      <c r="A105" s="16">
        <v>82</v>
      </c>
      <c r="B105" s="29">
        <v>17</v>
      </c>
      <c r="C105" s="10">
        <v>19</v>
      </c>
      <c r="D105" s="9">
        <v>36</v>
      </c>
    </row>
    <row r="106" spans="1:4" ht="18" customHeight="1" x14ac:dyDescent="0.15">
      <c r="A106" s="16">
        <v>83</v>
      </c>
      <c r="B106" s="29">
        <v>15</v>
      </c>
      <c r="C106" s="10">
        <v>27</v>
      </c>
      <c r="D106" s="9">
        <v>42</v>
      </c>
    </row>
    <row r="107" spans="1:4" ht="18" customHeight="1" x14ac:dyDescent="0.15">
      <c r="A107" s="16">
        <v>84</v>
      </c>
      <c r="B107" s="29">
        <v>12</v>
      </c>
      <c r="C107" s="10">
        <v>21</v>
      </c>
      <c r="D107" s="9">
        <v>33</v>
      </c>
    </row>
    <row r="108" spans="1:4" ht="18" customHeight="1" x14ac:dyDescent="0.15">
      <c r="A108" s="8" t="s">
        <v>39</v>
      </c>
      <c r="B108" s="29">
        <v>90</v>
      </c>
      <c r="C108" s="10">
        <v>141</v>
      </c>
      <c r="D108" s="9">
        <v>231</v>
      </c>
    </row>
    <row r="109" spans="1:4" ht="18" customHeight="1" x14ac:dyDescent="0.15">
      <c r="A109" s="16">
        <v>85</v>
      </c>
      <c r="B109" s="29">
        <v>16</v>
      </c>
      <c r="C109" s="10">
        <v>29</v>
      </c>
      <c r="D109" s="9">
        <v>45</v>
      </c>
    </row>
    <row r="110" spans="1:4" ht="18" customHeight="1" x14ac:dyDescent="0.15">
      <c r="A110" s="16">
        <v>86</v>
      </c>
      <c r="B110" s="29">
        <v>9</v>
      </c>
      <c r="C110" s="10">
        <v>26</v>
      </c>
      <c r="D110" s="9">
        <v>35</v>
      </c>
    </row>
    <row r="111" spans="1:4" ht="18" customHeight="1" x14ac:dyDescent="0.15">
      <c r="A111" s="16">
        <v>87</v>
      </c>
      <c r="B111" s="29">
        <v>8</v>
      </c>
      <c r="C111" s="10">
        <v>24</v>
      </c>
      <c r="D111" s="9">
        <v>32</v>
      </c>
    </row>
    <row r="112" spans="1:4" ht="18" customHeight="1" x14ac:dyDescent="0.15">
      <c r="A112" s="16">
        <v>88</v>
      </c>
      <c r="B112" s="29">
        <v>8</v>
      </c>
      <c r="C112" s="10">
        <v>19</v>
      </c>
      <c r="D112" s="9">
        <v>27</v>
      </c>
    </row>
    <row r="113" spans="1:4" ht="18" customHeight="1" x14ac:dyDescent="0.15">
      <c r="A113" s="16">
        <v>89</v>
      </c>
      <c r="B113" s="29">
        <v>5</v>
      </c>
      <c r="C113" s="10">
        <v>11</v>
      </c>
      <c r="D113" s="9">
        <v>16</v>
      </c>
    </row>
    <row r="114" spans="1:4" ht="18" customHeight="1" x14ac:dyDescent="0.15">
      <c r="A114" s="8" t="s">
        <v>38</v>
      </c>
      <c r="B114" s="29">
        <v>46</v>
      </c>
      <c r="C114" s="10">
        <v>109</v>
      </c>
      <c r="D114" s="9">
        <v>155</v>
      </c>
    </row>
    <row r="115" spans="1:4" ht="18" customHeight="1" x14ac:dyDescent="0.15">
      <c r="A115" s="16">
        <v>90</v>
      </c>
      <c r="B115" s="29">
        <v>5</v>
      </c>
      <c r="C115" s="10">
        <v>15</v>
      </c>
      <c r="D115" s="9">
        <v>20</v>
      </c>
    </row>
    <row r="116" spans="1:4" ht="18" customHeight="1" x14ac:dyDescent="0.15">
      <c r="A116" s="16">
        <v>91</v>
      </c>
      <c r="B116" s="29">
        <v>3</v>
      </c>
      <c r="C116" s="10">
        <v>13</v>
      </c>
      <c r="D116" s="9">
        <v>16</v>
      </c>
    </row>
    <row r="117" spans="1:4" ht="18" customHeight="1" x14ac:dyDescent="0.15">
      <c r="A117" s="16">
        <v>92</v>
      </c>
      <c r="B117" s="29">
        <v>2</v>
      </c>
      <c r="C117" s="10">
        <v>10</v>
      </c>
      <c r="D117" s="9">
        <v>12</v>
      </c>
    </row>
    <row r="118" spans="1:4" ht="18" customHeight="1" x14ac:dyDescent="0.15">
      <c r="A118" s="16">
        <v>93</v>
      </c>
      <c r="B118" s="29">
        <v>4</v>
      </c>
      <c r="C118" s="10">
        <v>13</v>
      </c>
      <c r="D118" s="9">
        <v>17</v>
      </c>
    </row>
    <row r="119" spans="1:4" ht="18" customHeight="1" x14ac:dyDescent="0.15">
      <c r="A119" s="16">
        <v>94</v>
      </c>
      <c r="B119" s="29">
        <v>1</v>
      </c>
      <c r="C119" s="10">
        <v>5</v>
      </c>
      <c r="D119" s="9">
        <v>6</v>
      </c>
    </row>
    <row r="120" spans="1:4" ht="18" customHeight="1" x14ac:dyDescent="0.15">
      <c r="A120" s="8" t="s">
        <v>69</v>
      </c>
      <c r="B120" s="29">
        <v>15</v>
      </c>
      <c r="C120" s="10">
        <v>56</v>
      </c>
      <c r="D120" s="9">
        <v>71</v>
      </c>
    </row>
    <row r="121" spans="1:4" ht="18" customHeight="1" x14ac:dyDescent="0.15">
      <c r="A121" s="16">
        <v>95</v>
      </c>
      <c r="B121" s="29">
        <v>0</v>
      </c>
      <c r="C121" s="10">
        <v>5</v>
      </c>
      <c r="D121" s="9">
        <v>5</v>
      </c>
    </row>
    <row r="122" spans="1:4" ht="18" customHeight="1" x14ac:dyDescent="0.15">
      <c r="A122" s="16">
        <v>96</v>
      </c>
      <c r="B122" s="29">
        <v>2</v>
      </c>
      <c r="C122" s="10">
        <v>0</v>
      </c>
      <c r="D122" s="9">
        <v>2</v>
      </c>
    </row>
    <row r="123" spans="1:4" ht="18" customHeight="1" x14ac:dyDescent="0.15">
      <c r="A123" s="16">
        <v>97</v>
      </c>
      <c r="B123" s="29">
        <v>2</v>
      </c>
      <c r="C123" s="10">
        <v>2</v>
      </c>
      <c r="D123" s="9">
        <v>4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1</v>
      </c>
      <c r="C125" s="10">
        <v>0</v>
      </c>
      <c r="D125" s="9">
        <v>1</v>
      </c>
    </row>
    <row r="126" spans="1:4" ht="18" customHeight="1" x14ac:dyDescent="0.15">
      <c r="A126" s="8" t="s">
        <v>68</v>
      </c>
      <c r="B126" s="29">
        <v>5</v>
      </c>
      <c r="C126" s="10">
        <v>10</v>
      </c>
      <c r="D126" s="9">
        <v>15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0</v>
      </c>
      <c r="C129" s="10">
        <v>5</v>
      </c>
      <c r="D129" s="9">
        <v>5</v>
      </c>
    </row>
    <row r="130" spans="1:4" ht="18" customHeight="1" x14ac:dyDescent="0.15">
      <c r="A130" s="8" t="s">
        <v>35</v>
      </c>
      <c r="B130" s="28">
        <v>538</v>
      </c>
      <c r="C130" s="6">
        <v>778</v>
      </c>
      <c r="D130" s="5">
        <v>1316</v>
      </c>
    </row>
    <row r="131" spans="1:4" ht="18" customHeight="1" x14ac:dyDescent="0.15">
      <c r="A131" s="4" t="s">
        <v>0</v>
      </c>
      <c r="B131" s="27">
        <v>1949</v>
      </c>
      <c r="C131" s="2">
        <v>2073</v>
      </c>
      <c r="D131" s="1">
        <v>402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3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70</v>
      </c>
      <c r="C5" s="18">
        <v>55</v>
      </c>
      <c r="D5" s="17">
        <v>125</v>
      </c>
    </row>
    <row r="6" spans="1:4" ht="18" customHeight="1" x14ac:dyDescent="0.15">
      <c r="A6" s="16">
        <v>1</v>
      </c>
      <c r="B6" s="29">
        <v>75</v>
      </c>
      <c r="C6" s="10">
        <v>59</v>
      </c>
      <c r="D6" s="9">
        <v>134</v>
      </c>
    </row>
    <row r="7" spans="1:4" ht="18" customHeight="1" x14ac:dyDescent="0.15">
      <c r="A7" s="16">
        <v>2</v>
      </c>
      <c r="B7" s="29">
        <v>63</v>
      </c>
      <c r="C7" s="10">
        <v>66</v>
      </c>
      <c r="D7" s="9">
        <v>129</v>
      </c>
    </row>
    <row r="8" spans="1:4" ht="18" customHeight="1" x14ac:dyDescent="0.15">
      <c r="A8" s="16">
        <v>3</v>
      </c>
      <c r="B8" s="29">
        <v>77</v>
      </c>
      <c r="C8" s="10">
        <v>73</v>
      </c>
      <c r="D8" s="9">
        <v>150</v>
      </c>
    </row>
    <row r="9" spans="1:4" ht="18" customHeight="1" x14ac:dyDescent="0.15">
      <c r="A9" s="16">
        <v>4</v>
      </c>
      <c r="B9" s="29">
        <v>84</v>
      </c>
      <c r="C9" s="10">
        <v>48</v>
      </c>
      <c r="D9" s="9">
        <v>132</v>
      </c>
    </row>
    <row r="10" spans="1:4" ht="18" customHeight="1" x14ac:dyDescent="0.15">
      <c r="A10" s="8" t="s">
        <v>76</v>
      </c>
      <c r="B10" s="29">
        <v>369</v>
      </c>
      <c r="C10" s="10">
        <v>301</v>
      </c>
      <c r="D10" s="9">
        <v>670</v>
      </c>
    </row>
    <row r="11" spans="1:4" ht="18" customHeight="1" x14ac:dyDescent="0.15">
      <c r="A11" s="16">
        <v>5</v>
      </c>
      <c r="B11" s="29">
        <v>55</v>
      </c>
      <c r="C11" s="10">
        <v>76</v>
      </c>
      <c r="D11" s="9">
        <v>131</v>
      </c>
    </row>
    <row r="12" spans="1:4" ht="18" customHeight="1" x14ac:dyDescent="0.15">
      <c r="A12" s="16">
        <v>6</v>
      </c>
      <c r="B12" s="29">
        <v>69</v>
      </c>
      <c r="C12" s="10">
        <v>76</v>
      </c>
      <c r="D12" s="9">
        <v>145</v>
      </c>
    </row>
    <row r="13" spans="1:4" ht="18" customHeight="1" x14ac:dyDescent="0.15">
      <c r="A13" s="16">
        <v>7</v>
      </c>
      <c r="B13" s="29">
        <v>52</v>
      </c>
      <c r="C13" s="10">
        <v>69</v>
      </c>
      <c r="D13" s="9">
        <v>121</v>
      </c>
    </row>
    <row r="14" spans="1:4" ht="18" customHeight="1" x14ac:dyDescent="0.15">
      <c r="A14" s="16">
        <v>8</v>
      </c>
      <c r="B14" s="29">
        <v>69</v>
      </c>
      <c r="C14" s="10">
        <v>61</v>
      </c>
      <c r="D14" s="9">
        <v>130</v>
      </c>
    </row>
    <row r="15" spans="1:4" ht="18" customHeight="1" x14ac:dyDescent="0.15">
      <c r="A15" s="16">
        <v>9</v>
      </c>
      <c r="B15" s="29">
        <v>73</v>
      </c>
      <c r="C15" s="10">
        <v>74</v>
      </c>
      <c r="D15" s="9">
        <v>147</v>
      </c>
    </row>
    <row r="16" spans="1:4" ht="18" customHeight="1" x14ac:dyDescent="0.15">
      <c r="A16" s="8" t="s">
        <v>50</v>
      </c>
      <c r="B16" s="29">
        <v>318</v>
      </c>
      <c r="C16" s="10">
        <v>356</v>
      </c>
      <c r="D16" s="9">
        <v>674</v>
      </c>
    </row>
    <row r="17" spans="1:4" ht="18" customHeight="1" x14ac:dyDescent="0.15">
      <c r="A17" s="16">
        <v>10</v>
      </c>
      <c r="B17" s="29">
        <v>69</v>
      </c>
      <c r="C17" s="10">
        <v>63</v>
      </c>
      <c r="D17" s="9">
        <v>132</v>
      </c>
    </row>
    <row r="18" spans="1:4" ht="18" customHeight="1" x14ac:dyDescent="0.15">
      <c r="A18" s="16">
        <v>11</v>
      </c>
      <c r="B18" s="29">
        <v>69</v>
      </c>
      <c r="C18" s="10">
        <v>71</v>
      </c>
      <c r="D18" s="9">
        <v>140</v>
      </c>
    </row>
    <row r="19" spans="1:4" ht="18" customHeight="1" x14ac:dyDescent="0.15">
      <c r="A19" s="16">
        <v>12</v>
      </c>
      <c r="B19" s="29">
        <v>70</v>
      </c>
      <c r="C19" s="10">
        <v>56</v>
      </c>
      <c r="D19" s="9">
        <v>126</v>
      </c>
    </row>
    <row r="20" spans="1:4" ht="18" customHeight="1" x14ac:dyDescent="0.15">
      <c r="A20" s="16">
        <v>13</v>
      </c>
      <c r="B20" s="29">
        <v>77</v>
      </c>
      <c r="C20" s="10">
        <v>62</v>
      </c>
      <c r="D20" s="9">
        <v>139</v>
      </c>
    </row>
    <row r="21" spans="1:4" ht="18" customHeight="1" x14ac:dyDescent="0.15">
      <c r="A21" s="16">
        <v>14</v>
      </c>
      <c r="B21" s="29">
        <v>68</v>
      </c>
      <c r="C21" s="10">
        <v>60</v>
      </c>
      <c r="D21" s="9">
        <v>128</v>
      </c>
    </row>
    <row r="22" spans="1:4" ht="18" customHeight="1" x14ac:dyDescent="0.15">
      <c r="A22" s="8" t="s">
        <v>75</v>
      </c>
      <c r="B22" s="29">
        <v>353</v>
      </c>
      <c r="C22" s="10">
        <v>312</v>
      </c>
      <c r="D22" s="9">
        <v>665</v>
      </c>
    </row>
    <row r="23" spans="1:4" ht="18" customHeight="1" x14ac:dyDescent="0.15">
      <c r="A23" s="8" t="s">
        <v>65</v>
      </c>
      <c r="B23" s="29">
        <v>1040</v>
      </c>
      <c r="C23" s="10">
        <v>969</v>
      </c>
      <c r="D23" s="9">
        <v>2009</v>
      </c>
    </row>
    <row r="24" spans="1:4" ht="18" customHeight="1" x14ac:dyDescent="0.15">
      <c r="A24" s="16">
        <v>15</v>
      </c>
      <c r="B24" s="29">
        <v>67</v>
      </c>
      <c r="C24" s="10">
        <v>50</v>
      </c>
      <c r="D24" s="9">
        <v>117</v>
      </c>
    </row>
    <row r="25" spans="1:4" ht="18" customHeight="1" x14ac:dyDescent="0.15">
      <c r="A25" s="16">
        <v>16</v>
      </c>
      <c r="B25" s="29">
        <v>66</v>
      </c>
      <c r="C25" s="10">
        <v>56</v>
      </c>
      <c r="D25" s="9">
        <v>122</v>
      </c>
    </row>
    <row r="26" spans="1:4" ht="18" customHeight="1" x14ac:dyDescent="0.15">
      <c r="A26" s="16">
        <v>17</v>
      </c>
      <c r="B26" s="29">
        <v>61</v>
      </c>
      <c r="C26" s="10">
        <v>73</v>
      </c>
      <c r="D26" s="9">
        <v>134</v>
      </c>
    </row>
    <row r="27" spans="1:4" ht="18" customHeight="1" x14ac:dyDescent="0.15">
      <c r="A27" s="16">
        <v>18</v>
      </c>
      <c r="B27" s="29">
        <v>60</v>
      </c>
      <c r="C27" s="10">
        <v>71</v>
      </c>
      <c r="D27" s="9">
        <v>131</v>
      </c>
    </row>
    <row r="28" spans="1:4" ht="18" customHeight="1" x14ac:dyDescent="0.15">
      <c r="A28" s="16">
        <v>19</v>
      </c>
      <c r="B28" s="29">
        <v>66</v>
      </c>
      <c r="C28" s="10">
        <v>63</v>
      </c>
      <c r="D28" s="9">
        <v>129</v>
      </c>
    </row>
    <row r="29" spans="1:4" ht="18" customHeight="1" x14ac:dyDescent="0.15">
      <c r="A29" s="8" t="s">
        <v>131</v>
      </c>
      <c r="B29" s="29">
        <v>320</v>
      </c>
      <c r="C29" s="10">
        <v>313</v>
      </c>
      <c r="D29" s="9">
        <v>633</v>
      </c>
    </row>
    <row r="30" spans="1:4" ht="18" customHeight="1" x14ac:dyDescent="0.15">
      <c r="A30" s="16">
        <v>20</v>
      </c>
      <c r="B30" s="29">
        <v>58</v>
      </c>
      <c r="C30" s="10">
        <v>62</v>
      </c>
      <c r="D30" s="9">
        <v>120</v>
      </c>
    </row>
    <row r="31" spans="1:4" ht="18" customHeight="1" x14ac:dyDescent="0.15">
      <c r="A31" s="16">
        <v>21</v>
      </c>
      <c r="B31" s="29">
        <v>79</v>
      </c>
      <c r="C31" s="10">
        <v>79</v>
      </c>
      <c r="D31" s="9">
        <v>158</v>
      </c>
    </row>
    <row r="32" spans="1:4" ht="18" customHeight="1" x14ac:dyDescent="0.15">
      <c r="A32" s="16">
        <v>22</v>
      </c>
      <c r="B32" s="29">
        <v>78</v>
      </c>
      <c r="C32" s="10">
        <v>70</v>
      </c>
      <c r="D32" s="9">
        <v>148</v>
      </c>
    </row>
    <row r="33" spans="1:4" ht="18" customHeight="1" x14ac:dyDescent="0.15">
      <c r="A33" s="16">
        <v>23</v>
      </c>
      <c r="B33" s="29">
        <v>77</v>
      </c>
      <c r="C33" s="10">
        <v>61</v>
      </c>
      <c r="D33" s="9">
        <v>138</v>
      </c>
    </row>
    <row r="34" spans="1:4" ht="18" customHeight="1" x14ac:dyDescent="0.15">
      <c r="A34" s="16">
        <v>24</v>
      </c>
      <c r="B34" s="29">
        <v>84</v>
      </c>
      <c r="C34" s="10">
        <v>79</v>
      </c>
      <c r="D34" s="9">
        <v>163</v>
      </c>
    </row>
    <row r="35" spans="1:4" ht="18" customHeight="1" x14ac:dyDescent="0.15">
      <c r="A35" s="8" t="s">
        <v>74</v>
      </c>
      <c r="B35" s="29">
        <v>376</v>
      </c>
      <c r="C35" s="10">
        <v>351</v>
      </c>
      <c r="D35" s="9">
        <v>727</v>
      </c>
    </row>
    <row r="36" spans="1:4" ht="18" customHeight="1" x14ac:dyDescent="0.15">
      <c r="A36" s="16">
        <v>25</v>
      </c>
      <c r="B36" s="29">
        <v>67</v>
      </c>
      <c r="C36" s="10">
        <v>60</v>
      </c>
      <c r="D36" s="9">
        <v>127</v>
      </c>
    </row>
    <row r="37" spans="1:4" ht="18" customHeight="1" x14ac:dyDescent="0.15">
      <c r="A37" s="16">
        <v>26</v>
      </c>
      <c r="B37" s="29">
        <v>91</v>
      </c>
      <c r="C37" s="10">
        <v>80</v>
      </c>
      <c r="D37" s="9">
        <v>171</v>
      </c>
    </row>
    <row r="38" spans="1:4" ht="18" customHeight="1" x14ac:dyDescent="0.15">
      <c r="A38" s="16">
        <v>27</v>
      </c>
      <c r="B38" s="29">
        <v>78</v>
      </c>
      <c r="C38" s="10">
        <v>56</v>
      </c>
      <c r="D38" s="9">
        <v>134</v>
      </c>
    </row>
    <row r="39" spans="1:4" ht="18" customHeight="1" x14ac:dyDescent="0.15">
      <c r="A39" s="16">
        <v>28</v>
      </c>
      <c r="B39" s="29">
        <v>66</v>
      </c>
      <c r="C39" s="10">
        <v>69</v>
      </c>
      <c r="D39" s="9">
        <v>135</v>
      </c>
    </row>
    <row r="40" spans="1:4" ht="18" customHeight="1" x14ac:dyDescent="0.15">
      <c r="A40" s="16">
        <v>29</v>
      </c>
      <c r="B40" s="29">
        <v>88</v>
      </c>
      <c r="C40" s="10">
        <v>83</v>
      </c>
      <c r="D40" s="9">
        <v>171</v>
      </c>
    </row>
    <row r="41" spans="1:4" ht="18" customHeight="1" x14ac:dyDescent="0.15">
      <c r="A41" s="8" t="s">
        <v>130</v>
      </c>
      <c r="B41" s="29">
        <v>390</v>
      </c>
      <c r="C41" s="10">
        <v>348</v>
      </c>
      <c r="D41" s="9">
        <v>738</v>
      </c>
    </row>
    <row r="42" spans="1:4" ht="18" customHeight="1" x14ac:dyDescent="0.15">
      <c r="A42" s="16">
        <v>30</v>
      </c>
      <c r="B42" s="29">
        <v>86</v>
      </c>
      <c r="C42" s="10">
        <v>69</v>
      </c>
      <c r="D42" s="9">
        <v>155</v>
      </c>
    </row>
    <row r="43" spans="1:4" ht="18" customHeight="1" x14ac:dyDescent="0.15">
      <c r="A43" s="16">
        <v>31</v>
      </c>
      <c r="B43" s="29">
        <v>83</v>
      </c>
      <c r="C43" s="10">
        <v>77</v>
      </c>
      <c r="D43" s="9">
        <v>160</v>
      </c>
    </row>
    <row r="44" spans="1:4" ht="18" customHeight="1" x14ac:dyDescent="0.15">
      <c r="A44" s="16">
        <v>32</v>
      </c>
      <c r="B44" s="29">
        <v>93</v>
      </c>
      <c r="C44" s="10">
        <v>72</v>
      </c>
      <c r="D44" s="9">
        <v>165</v>
      </c>
    </row>
    <row r="45" spans="1:4" ht="18" customHeight="1" x14ac:dyDescent="0.15">
      <c r="A45" s="16">
        <v>33</v>
      </c>
      <c r="B45" s="29">
        <v>75</v>
      </c>
      <c r="C45" s="10">
        <v>73</v>
      </c>
      <c r="D45" s="9">
        <v>148</v>
      </c>
    </row>
    <row r="46" spans="1:4" ht="18" customHeight="1" x14ac:dyDescent="0.15">
      <c r="A46" s="16">
        <v>34</v>
      </c>
      <c r="B46" s="29">
        <v>108</v>
      </c>
      <c r="C46" s="10">
        <v>94</v>
      </c>
      <c r="D46" s="9">
        <v>202</v>
      </c>
    </row>
    <row r="47" spans="1:4" ht="18" customHeight="1" x14ac:dyDescent="0.15">
      <c r="A47" s="8" t="s">
        <v>129</v>
      </c>
      <c r="B47" s="29">
        <v>445</v>
      </c>
      <c r="C47" s="10">
        <v>385</v>
      </c>
      <c r="D47" s="9">
        <v>830</v>
      </c>
    </row>
    <row r="48" spans="1:4" ht="18" customHeight="1" x14ac:dyDescent="0.15">
      <c r="A48" s="16">
        <v>35</v>
      </c>
      <c r="B48" s="29">
        <v>92</v>
      </c>
      <c r="C48" s="10">
        <v>94</v>
      </c>
      <c r="D48" s="9">
        <v>186</v>
      </c>
    </row>
    <row r="49" spans="1:4" ht="18" customHeight="1" x14ac:dyDescent="0.15">
      <c r="A49" s="16">
        <v>36</v>
      </c>
      <c r="B49" s="29">
        <v>69</v>
      </c>
      <c r="C49" s="10">
        <v>87</v>
      </c>
      <c r="D49" s="9">
        <v>156</v>
      </c>
    </row>
    <row r="50" spans="1:4" ht="18" customHeight="1" x14ac:dyDescent="0.15">
      <c r="A50" s="16">
        <v>37</v>
      </c>
      <c r="B50" s="29">
        <v>97</v>
      </c>
      <c r="C50" s="10">
        <v>99</v>
      </c>
      <c r="D50" s="9">
        <v>196</v>
      </c>
    </row>
    <row r="51" spans="1:4" ht="18" customHeight="1" x14ac:dyDescent="0.15">
      <c r="A51" s="16">
        <v>38</v>
      </c>
      <c r="B51" s="29">
        <v>97</v>
      </c>
      <c r="C51" s="10">
        <v>99</v>
      </c>
      <c r="D51" s="9">
        <v>196</v>
      </c>
    </row>
    <row r="52" spans="1:4" ht="18" customHeight="1" x14ac:dyDescent="0.15">
      <c r="A52" s="16">
        <v>39</v>
      </c>
      <c r="B52" s="29">
        <v>95</v>
      </c>
      <c r="C52" s="10">
        <v>98</v>
      </c>
      <c r="D52" s="9">
        <v>193</v>
      </c>
    </row>
    <row r="53" spans="1:4" ht="18" customHeight="1" x14ac:dyDescent="0.15">
      <c r="A53" s="8" t="s">
        <v>72</v>
      </c>
      <c r="B53" s="29">
        <v>450</v>
      </c>
      <c r="C53" s="10">
        <v>477</v>
      </c>
      <c r="D53" s="9">
        <v>927</v>
      </c>
    </row>
    <row r="54" spans="1:4" ht="18" customHeight="1" x14ac:dyDescent="0.15">
      <c r="A54" s="16">
        <v>40</v>
      </c>
      <c r="B54" s="29">
        <v>103</v>
      </c>
      <c r="C54" s="10">
        <v>74</v>
      </c>
      <c r="D54" s="9">
        <v>177</v>
      </c>
    </row>
    <row r="55" spans="1:4" ht="18" customHeight="1" x14ac:dyDescent="0.15">
      <c r="A55" s="16">
        <v>41</v>
      </c>
      <c r="B55" s="29">
        <v>102</v>
      </c>
      <c r="C55" s="10">
        <v>94</v>
      </c>
      <c r="D55" s="9">
        <v>196</v>
      </c>
    </row>
    <row r="56" spans="1:4" ht="18" customHeight="1" x14ac:dyDescent="0.15">
      <c r="A56" s="16">
        <v>42</v>
      </c>
      <c r="B56" s="29">
        <v>91</v>
      </c>
      <c r="C56" s="10">
        <v>85</v>
      </c>
      <c r="D56" s="9">
        <v>176</v>
      </c>
    </row>
    <row r="57" spans="1:4" ht="18" customHeight="1" x14ac:dyDescent="0.15">
      <c r="A57" s="16">
        <v>43</v>
      </c>
      <c r="B57" s="29">
        <v>103</v>
      </c>
      <c r="C57" s="10">
        <v>94</v>
      </c>
      <c r="D57" s="9">
        <v>197</v>
      </c>
    </row>
    <row r="58" spans="1:4" ht="18" customHeight="1" x14ac:dyDescent="0.15">
      <c r="A58" s="16">
        <v>44</v>
      </c>
      <c r="B58" s="29">
        <v>108</v>
      </c>
      <c r="C58" s="10">
        <v>103</v>
      </c>
      <c r="D58" s="9">
        <v>211</v>
      </c>
    </row>
    <row r="59" spans="1:4" ht="18" customHeight="1" x14ac:dyDescent="0.15">
      <c r="A59" s="8" t="s">
        <v>128</v>
      </c>
      <c r="B59" s="29">
        <v>507</v>
      </c>
      <c r="C59" s="10">
        <v>450</v>
      </c>
      <c r="D59" s="9">
        <v>957</v>
      </c>
    </row>
    <row r="60" spans="1:4" ht="18" customHeight="1" x14ac:dyDescent="0.15">
      <c r="A60" s="16">
        <v>45</v>
      </c>
      <c r="B60" s="29">
        <v>106</v>
      </c>
      <c r="C60" s="10">
        <v>73</v>
      </c>
      <c r="D60" s="9">
        <v>179</v>
      </c>
    </row>
    <row r="61" spans="1:4" ht="18" customHeight="1" x14ac:dyDescent="0.15">
      <c r="A61" s="16">
        <v>46</v>
      </c>
      <c r="B61" s="29">
        <v>114</v>
      </c>
      <c r="C61" s="10">
        <v>105</v>
      </c>
      <c r="D61" s="9">
        <v>219</v>
      </c>
    </row>
    <row r="62" spans="1:4" ht="18" customHeight="1" x14ac:dyDescent="0.15">
      <c r="A62" s="16">
        <v>47</v>
      </c>
      <c r="B62" s="29">
        <v>110</v>
      </c>
      <c r="C62" s="10">
        <v>126</v>
      </c>
      <c r="D62" s="9">
        <v>236</v>
      </c>
    </row>
    <row r="63" spans="1:4" ht="18" customHeight="1" x14ac:dyDescent="0.15">
      <c r="A63" s="16">
        <v>48</v>
      </c>
      <c r="B63" s="29">
        <v>119</v>
      </c>
      <c r="C63" s="10">
        <v>137</v>
      </c>
      <c r="D63" s="9">
        <v>256</v>
      </c>
    </row>
    <row r="64" spans="1:4" ht="18" customHeight="1" x14ac:dyDescent="0.15">
      <c r="A64" s="16">
        <v>49</v>
      </c>
      <c r="B64" s="29">
        <v>136</v>
      </c>
      <c r="C64" s="10">
        <v>129</v>
      </c>
      <c r="D64" s="9">
        <v>265</v>
      </c>
    </row>
    <row r="65" spans="1:4" ht="18" customHeight="1" x14ac:dyDescent="0.15">
      <c r="A65" s="8" t="s">
        <v>127</v>
      </c>
      <c r="B65" s="29">
        <v>585</v>
      </c>
      <c r="C65" s="10">
        <v>570</v>
      </c>
      <c r="D65" s="9">
        <v>1155</v>
      </c>
    </row>
    <row r="66" spans="1:4" ht="18" customHeight="1" x14ac:dyDescent="0.15">
      <c r="A66" s="16">
        <v>50</v>
      </c>
      <c r="B66" s="29">
        <v>107</v>
      </c>
      <c r="C66" s="10">
        <v>115</v>
      </c>
      <c r="D66" s="9">
        <v>222</v>
      </c>
    </row>
    <row r="67" spans="1:4" ht="18" customHeight="1" x14ac:dyDescent="0.15">
      <c r="A67" s="16">
        <v>51</v>
      </c>
      <c r="B67" s="29">
        <v>122</v>
      </c>
      <c r="C67" s="10">
        <v>110</v>
      </c>
      <c r="D67" s="9">
        <v>232</v>
      </c>
    </row>
    <row r="68" spans="1:4" ht="18" customHeight="1" x14ac:dyDescent="0.15">
      <c r="A68" s="16">
        <v>52</v>
      </c>
      <c r="B68" s="29">
        <v>121</v>
      </c>
      <c r="C68" s="10">
        <v>99</v>
      </c>
      <c r="D68" s="9">
        <v>220</v>
      </c>
    </row>
    <row r="69" spans="1:4" ht="18" customHeight="1" x14ac:dyDescent="0.15">
      <c r="A69" s="16">
        <v>53</v>
      </c>
      <c r="B69" s="29">
        <v>108</v>
      </c>
      <c r="C69" s="10">
        <v>108</v>
      </c>
      <c r="D69" s="9">
        <v>216</v>
      </c>
    </row>
    <row r="70" spans="1:4" ht="18" customHeight="1" x14ac:dyDescent="0.15">
      <c r="A70" s="16">
        <v>54</v>
      </c>
      <c r="B70" s="29">
        <v>115</v>
      </c>
      <c r="C70" s="10">
        <v>113</v>
      </c>
      <c r="D70" s="9">
        <v>228</v>
      </c>
    </row>
    <row r="71" spans="1:4" ht="18" customHeight="1" x14ac:dyDescent="0.15">
      <c r="A71" s="8" t="s">
        <v>58</v>
      </c>
      <c r="B71" s="29">
        <v>573</v>
      </c>
      <c r="C71" s="10">
        <v>545</v>
      </c>
      <c r="D71" s="9">
        <v>1118</v>
      </c>
    </row>
    <row r="72" spans="1:4" ht="18" customHeight="1" x14ac:dyDescent="0.15">
      <c r="A72" s="16">
        <v>55</v>
      </c>
      <c r="B72" s="29">
        <v>116</v>
      </c>
      <c r="C72" s="10">
        <v>107</v>
      </c>
      <c r="D72" s="9">
        <v>223</v>
      </c>
    </row>
    <row r="73" spans="1:4" ht="18" customHeight="1" x14ac:dyDescent="0.15">
      <c r="A73" s="16">
        <v>56</v>
      </c>
      <c r="B73" s="29">
        <v>97</v>
      </c>
      <c r="C73" s="10">
        <v>85</v>
      </c>
      <c r="D73" s="9">
        <v>182</v>
      </c>
    </row>
    <row r="74" spans="1:4" ht="18" customHeight="1" x14ac:dyDescent="0.15">
      <c r="A74" s="16">
        <v>57</v>
      </c>
      <c r="B74" s="29">
        <v>98</v>
      </c>
      <c r="C74" s="10">
        <v>110</v>
      </c>
      <c r="D74" s="9">
        <v>208</v>
      </c>
    </row>
    <row r="75" spans="1:4" ht="18" customHeight="1" x14ac:dyDescent="0.15">
      <c r="A75" s="16">
        <v>58</v>
      </c>
      <c r="B75" s="29">
        <v>95</v>
      </c>
      <c r="C75" s="10">
        <v>96</v>
      </c>
      <c r="D75" s="9">
        <v>191</v>
      </c>
    </row>
    <row r="76" spans="1:4" ht="18" customHeight="1" x14ac:dyDescent="0.15">
      <c r="A76" s="16">
        <v>59</v>
      </c>
      <c r="B76" s="29">
        <v>97</v>
      </c>
      <c r="C76" s="10">
        <v>96</v>
      </c>
      <c r="D76" s="9">
        <v>193</v>
      </c>
    </row>
    <row r="77" spans="1:4" ht="18" customHeight="1" x14ac:dyDescent="0.15">
      <c r="A77" s="8" t="s">
        <v>126</v>
      </c>
      <c r="B77" s="29">
        <v>503</v>
      </c>
      <c r="C77" s="10">
        <v>494</v>
      </c>
      <c r="D77" s="9">
        <v>997</v>
      </c>
    </row>
    <row r="78" spans="1:4" ht="18" customHeight="1" x14ac:dyDescent="0.15">
      <c r="A78" s="16">
        <v>60</v>
      </c>
      <c r="B78" s="29">
        <v>101</v>
      </c>
      <c r="C78" s="10">
        <v>120</v>
      </c>
      <c r="D78" s="9">
        <v>221</v>
      </c>
    </row>
    <row r="79" spans="1:4" ht="18" customHeight="1" x14ac:dyDescent="0.15">
      <c r="A79" s="16">
        <v>61</v>
      </c>
      <c r="B79" s="29">
        <v>89</v>
      </c>
      <c r="C79" s="10">
        <v>88</v>
      </c>
      <c r="D79" s="9">
        <v>177</v>
      </c>
    </row>
    <row r="80" spans="1:4" ht="18" customHeight="1" x14ac:dyDescent="0.15">
      <c r="A80" s="16">
        <v>62</v>
      </c>
      <c r="B80" s="29">
        <v>96</v>
      </c>
      <c r="C80" s="10">
        <v>83</v>
      </c>
      <c r="D80" s="9">
        <v>179</v>
      </c>
    </row>
    <row r="81" spans="1:4" ht="18" customHeight="1" x14ac:dyDescent="0.15">
      <c r="A81" s="16">
        <v>63</v>
      </c>
      <c r="B81" s="29">
        <v>85</v>
      </c>
      <c r="C81" s="10">
        <v>92</v>
      </c>
      <c r="D81" s="9">
        <v>177</v>
      </c>
    </row>
    <row r="82" spans="1:4" ht="18" customHeight="1" x14ac:dyDescent="0.15">
      <c r="A82" s="16">
        <v>64</v>
      </c>
      <c r="B82" s="29">
        <v>82</v>
      </c>
      <c r="C82" s="10">
        <v>93</v>
      </c>
      <c r="D82" s="9">
        <v>175</v>
      </c>
    </row>
    <row r="83" spans="1:4" ht="18" customHeight="1" x14ac:dyDescent="0.15">
      <c r="A83" s="8" t="s">
        <v>44</v>
      </c>
      <c r="B83" s="29">
        <v>453</v>
      </c>
      <c r="C83" s="10">
        <v>476</v>
      </c>
      <c r="D83" s="9">
        <v>929</v>
      </c>
    </row>
    <row r="84" spans="1:4" ht="18" customHeight="1" x14ac:dyDescent="0.15">
      <c r="A84" s="8" t="s">
        <v>43</v>
      </c>
      <c r="B84" s="29">
        <v>4602</v>
      </c>
      <c r="C84" s="10">
        <v>4409</v>
      </c>
      <c r="D84" s="9">
        <v>9011</v>
      </c>
    </row>
    <row r="85" spans="1:4" ht="18" customHeight="1" x14ac:dyDescent="0.15">
      <c r="A85" s="16">
        <v>65</v>
      </c>
      <c r="B85" s="29">
        <v>78</v>
      </c>
      <c r="C85" s="10">
        <v>74</v>
      </c>
      <c r="D85" s="9">
        <v>152</v>
      </c>
    </row>
    <row r="86" spans="1:4" ht="18" customHeight="1" x14ac:dyDescent="0.15">
      <c r="A86" s="16">
        <v>66</v>
      </c>
      <c r="B86" s="29">
        <v>91</v>
      </c>
      <c r="C86" s="10">
        <v>97</v>
      </c>
      <c r="D86" s="9">
        <v>188</v>
      </c>
    </row>
    <row r="87" spans="1:4" ht="18" customHeight="1" x14ac:dyDescent="0.15">
      <c r="A87" s="16">
        <v>67</v>
      </c>
      <c r="B87" s="29">
        <v>84</v>
      </c>
      <c r="C87" s="10">
        <v>94</v>
      </c>
      <c r="D87" s="9">
        <v>178</v>
      </c>
    </row>
    <row r="88" spans="1:4" ht="18" customHeight="1" x14ac:dyDescent="0.15">
      <c r="A88" s="16">
        <v>68</v>
      </c>
      <c r="B88" s="29">
        <v>86</v>
      </c>
      <c r="C88" s="10">
        <v>95</v>
      </c>
      <c r="D88" s="9">
        <v>181</v>
      </c>
    </row>
    <row r="89" spans="1:4" ht="18" customHeight="1" x14ac:dyDescent="0.15">
      <c r="A89" s="16">
        <v>69</v>
      </c>
      <c r="B89" s="29">
        <v>95</v>
      </c>
      <c r="C89" s="10">
        <v>109</v>
      </c>
      <c r="D89" s="9">
        <v>204</v>
      </c>
    </row>
    <row r="90" spans="1:4" ht="18" customHeight="1" x14ac:dyDescent="0.15">
      <c r="A90" s="8" t="s">
        <v>125</v>
      </c>
      <c r="B90" s="29">
        <v>434</v>
      </c>
      <c r="C90" s="10">
        <v>469</v>
      </c>
      <c r="D90" s="9">
        <v>903</v>
      </c>
    </row>
    <row r="91" spans="1:4" ht="18" customHeight="1" x14ac:dyDescent="0.15">
      <c r="A91" s="16">
        <v>70</v>
      </c>
      <c r="B91" s="29">
        <v>105</v>
      </c>
      <c r="C91" s="10">
        <v>104</v>
      </c>
      <c r="D91" s="9">
        <v>209</v>
      </c>
    </row>
    <row r="92" spans="1:4" ht="18" customHeight="1" x14ac:dyDescent="0.15">
      <c r="A92" s="16">
        <v>71</v>
      </c>
      <c r="B92" s="29">
        <v>93</v>
      </c>
      <c r="C92" s="10">
        <v>118</v>
      </c>
      <c r="D92" s="9">
        <v>211</v>
      </c>
    </row>
    <row r="93" spans="1:4" ht="18" customHeight="1" x14ac:dyDescent="0.15">
      <c r="A93" s="16">
        <v>72</v>
      </c>
      <c r="B93" s="29">
        <v>108</v>
      </c>
      <c r="C93" s="10">
        <v>119</v>
      </c>
      <c r="D93" s="9">
        <v>227</v>
      </c>
    </row>
    <row r="94" spans="1:4" ht="18" customHeight="1" x14ac:dyDescent="0.15">
      <c r="A94" s="16">
        <v>73</v>
      </c>
      <c r="B94" s="29">
        <v>116</v>
      </c>
      <c r="C94" s="10">
        <v>146</v>
      </c>
      <c r="D94" s="9">
        <v>262</v>
      </c>
    </row>
    <row r="95" spans="1:4" ht="18" customHeight="1" x14ac:dyDescent="0.15">
      <c r="A95" s="16">
        <v>74</v>
      </c>
      <c r="B95" s="29">
        <v>124</v>
      </c>
      <c r="C95" s="10">
        <v>126</v>
      </c>
      <c r="D95" s="9">
        <v>250</v>
      </c>
    </row>
    <row r="96" spans="1:4" ht="18" customHeight="1" x14ac:dyDescent="0.15">
      <c r="A96" s="8" t="s">
        <v>41</v>
      </c>
      <c r="B96" s="29">
        <v>546</v>
      </c>
      <c r="C96" s="10">
        <v>613</v>
      </c>
      <c r="D96" s="9">
        <v>1159</v>
      </c>
    </row>
    <row r="97" spans="1:4" ht="18" customHeight="1" x14ac:dyDescent="0.15">
      <c r="A97" s="16">
        <v>75</v>
      </c>
      <c r="B97" s="29">
        <v>115</v>
      </c>
      <c r="C97" s="10">
        <v>147</v>
      </c>
      <c r="D97" s="9">
        <v>262</v>
      </c>
    </row>
    <row r="98" spans="1:4" ht="18" customHeight="1" x14ac:dyDescent="0.15">
      <c r="A98" s="16">
        <v>76</v>
      </c>
      <c r="B98" s="29">
        <v>86</v>
      </c>
      <c r="C98" s="10">
        <v>106</v>
      </c>
      <c r="D98" s="9">
        <v>192</v>
      </c>
    </row>
    <row r="99" spans="1:4" ht="18" customHeight="1" x14ac:dyDescent="0.15">
      <c r="A99" s="16">
        <v>77</v>
      </c>
      <c r="B99" s="29">
        <v>60</v>
      </c>
      <c r="C99" s="10">
        <v>81</v>
      </c>
      <c r="D99" s="9">
        <v>141</v>
      </c>
    </row>
    <row r="100" spans="1:4" ht="18" customHeight="1" x14ac:dyDescent="0.15">
      <c r="A100" s="16">
        <v>78</v>
      </c>
      <c r="B100" s="29">
        <v>82</v>
      </c>
      <c r="C100" s="10">
        <v>94</v>
      </c>
      <c r="D100" s="9">
        <v>176</v>
      </c>
    </row>
    <row r="101" spans="1:4" ht="18" customHeight="1" x14ac:dyDescent="0.15">
      <c r="A101" s="16">
        <v>79</v>
      </c>
      <c r="B101" s="29">
        <v>74</v>
      </c>
      <c r="C101" s="10">
        <v>117</v>
      </c>
      <c r="D101" s="9">
        <v>191</v>
      </c>
    </row>
    <row r="102" spans="1:4" ht="18" customHeight="1" x14ac:dyDescent="0.15">
      <c r="A102" s="8" t="s">
        <v>124</v>
      </c>
      <c r="B102" s="29">
        <v>417</v>
      </c>
      <c r="C102" s="10">
        <v>545</v>
      </c>
      <c r="D102" s="9">
        <v>962</v>
      </c>
    </row>
    <row r="103" spans="1:4" ht="18" customHeight="1" x14ac:dyDescent="0.15">
      <c r="A103" s="16">
        <v>80</v>
      </c>
      <c r="B103" s="29">
        <v>66</v>
      </c>
      <c r="C103" s="10">
        <v>98</v>
      </c>
      <c r="D103" s="9">
        <v>164</v>
      </c>
    </row>
    <row r="104" spans="1:4" ht="18" customHeight="1" x14ac:dyDescent="0.15">
      <c r="A104" s="16">
        <v>81</v>
      </c>
      <c r="B104" s="29">
        <v>73</v>
      </c>
      <c r="C104" s="10">
        <v>84</v>
      </c>
      <c r="D104" s="9">
        <v>157</v>
      </c>
    </row>
    <row r="105" spans="1:4" ht="18" customHeight="1" x14ac:dyDescent="0.15">
      <c r="A105" s="16">
        <v>82</v>
      </c>
      <c r="B105" s="29">
        <v>64</v>
      </c>
      <c r="C105" s="10">
        <v>63</v>
      </c>
      <c r="D105" s="9">
        <v>127</v>
      </c>
    </row>
    <row r="106" spans="1:4" ht="18" customHeight="1" x14ac:dyDescent="0.15">
      <c r="A106" s="16">
        <v>83</v>
      </c>
      <c r="B106" s="29">
        <v>68</v>
      </c>
      <c r="C106" s="10">
        <v>74</v>
      </c>
      <c r="D106" s="9">
        <v>142</v>
      </c>
    </row>
    <row r="107" spans="1:4" ht="18" customHeight="1" x14ac:dyDescent="0.15">
      <c r="A107" s="16">
        <v>84</v>
      </c>
      <c r="B107" s="29">
        <v>44</v>
      </c>
      <c r="C107" s="10">
        <v>71</v>
      </c>
      <c r="D107" s="9">
        <v>115</v>
      </c>
    </row>
    <row r="108" spans="1:4" ht="18" customHeight="1" x14ac:dyDescent="0.15">
      <c r="A108" s="8" t="s">
        <v>123</v>
      </c>
      <c r="B108" s="29">
        <v>315</v>
      </c>
      <c r="C108" s="10">
        <v>390</v>
      </c>
      <c r="D108" s="9">
        <v>705</v>
      </c>
    </row>
    <row r="109" spans="1:4" ht="18" customHeight="1" x14ac:dyDescent="0.15">
      <c r="A109" s="16">
        <v>85</v>
      </c>
      <c r="B109" s="29">
        <v>39</v>
      </c>
      <c r="C109" s="10">
        <v>66</v>
      </c>
      <c r="D109" s="9">
        <v>105</v>
      </c>
    </row>
    <row r="110" spans="1:4" ht="18" customHeight="1" x14ac:dyDescent="0.15">
      <c r="A110" s="16">
        <v>86</v>
      </c>
      <c r="B110" s="29">
        <v>45</v>
      </c>
      <c r="C110" s="10">
        <v>62</v>
      </c>
      <c r="D110" s="9">
        <v>107</v>
      </c>
    </row>
    <row r="111" spans="1:4" ht="18" customHeight="1" x14ac:dyDescent="0.15">
      <c r="A111" s="16">
        <v>87</v>
      </c>
      <c r="B111" s="29">
        <v>34</v>
      </c>
      <c r="C111" s="10">
        <v>55</v>
      </c>
      <c r="D111" s="9">
        <v>89</v>
      </c>
    </row>
    <row r="112" spans="1:4" ht="18" customHeight="1" x14ac:dyDescent="0.15">
      <c r="A112" s="16">
        <v>88</v>
      </c>
      <c r="B112" s="29">
        <v>21</v>
      </c>
      <c r="C112" s="10">
        <v>44</v>
      </c>
      <c r="D112" s="9">
        <v>65</v>
      </c>
    </row>
    <row r="113" spans="1:4" ht="18" customHeight="1" x14ac:dyDescent="0.15">
      <c r="A113" s="16">
        <v>89</v>
      </c>
      <c r="B113" s="29">
        <v>19</v>
      </c>
      <c r="C113" s="10">
        <v>42</v>
      </c>
      <c r="D113" s="9">
        <v>61</v>
      </c>
    </row>
    <row r="114" spans="1:4" ht="18" customHeight="1" x14ac:dyDescent="0.15">
      <c r="A114" s="8" t="s">
        <v>122</v>
      </c>
      <c r="B114" s="29">
        <v>158</v>
      </c>
      <c r="C114" s="10">
        <v>269</v>
      </c>
      <c r="D114" s="9">
        <v>427</v>
      </c>
    </row>
    <row r="115" spans="1:4" ht="18" customHeight="1" x14ac:dyDescent="0.15">
      <c r="A115" s="16">
        <v>90</v>
      </c>
      <c r="B115" s="29">
        <v>15</v>
      </c>
      <c r="C115" s="10">
        <v>36</v>
      </c>
      <c r="D115" s="9">
        <v>51</v>
      </c>
    </row>
    <row r="116" spans="1:4" ht="18" customHeight="1" x14ac:dyDescent="0.15">
      <c r="A116" s="16">
        <v>91</v>
      </c>
      <c r="B116" s="29">
        <v>15</v>
      </c>
      <c r="C116" s="10">
        <v>34</v>
      </c>
      <c r="D116" s="9">
        <v>49</v>
      </c>
    </row>
    <row r="117" spans="1:4" ht="18" customHeight="1" x14ac:dyDescent="0.15">
      <c r="A117" s="16">
        <v>92</v>
      </c>
      <c r="B117" s="29">
        <v>11</v>
      </c>
      <c r="C117" s="10">
        <v>26</v>
      </c>
      <c r="D117" s="9">
        <v>37</v>
      </c>
    </row>
    <row r="118" spans="1:4" ht="18" customHeight="1" x14ac:dyDescent="0.15">
      <c r="A118" s="16">
        <v>93</v>
      </c>
      <c r="B118" s="29">
        <v>9</v>
      </c>
      <c r="C118" s="10">
        <v>19</v>
      </c>
      <c r="D118" s="9">
        <v>28</v>
      </c>
    </row>
    <row r="119" spans="1:4" ht="18" customHeight="1" x14ac:dyDescent="0.15">
      <c r="A119" s="16">
        <v>94</v>
      </c>
      <c r="B119" s="29">
        <v>7</v>
      </c>
      <c r="C119" s="10">
        <v>29</v>
      </c>
      <c r="D119" s="9">
        <v>36</v>
      </c>
    </row>
    <row r="120" spans="1:4" ht="18" customHeight="1" x14ac:dyDescent="0.15">
      <c r="A120" s="8" t="s">
        <v>69</v>
      </c>
      <c r="B120" s="29">
        <v>57</v>
      </c>
      <c r="C120" s="10">
        <v>144</v>
      </c>
      <c r="D120" s="9">
        <v>201</v>
      </c>
    </row>
    <row r="121" spans="1:4" ht="18" customHeight="1" x14ac:dyDescent="0.15">
      <c r="A121" s="16">
        <v>95</v>
      </c>
      <c r="B121" s="29">
        <v>4</v>
      </c>
      <c r="C121" s="10">
        <v>17</v>
      </c>
      <c r="D121" s="9">
        <v>21</v>
      </c>
    </row>
    <row r="122" spans="1:4" ht="18" customHeight="1" x14ac:dyDescent="0.15">
      <c r="A122" s="16">
        <v>96</v>
      </c>
      <c r="B122" s="29">
        <v>1</v>
      </c>
      <c r="C122" s="10">
        <v>10</v>
      </c>
      <c r="D122" s="9">
        <v>11</v>
      </c>
    </row>
    <row r="123" spans="1:4" ht="18" customHeight="1" x14ac:dyDescent="0.15">
      <c r="A123" s="16">
        <v>97</v>
      </c>
      <c r="B123" s="29">
        <v>0</v>
      </c>
      <c r="C123" s="10">
        <v>9</v>
      </c>
      <c r="D123" s="9">
        <v>9</v>
      </c>
    </row>
    <row r="124" spans="1:4" ht="18" customHeight="1" x14ac:dyDescent="0.15">
      <c r="A124" s="16">
        <v>98</v>
      </c>
      <c r="B124" s="29">
        <v>2</v>
      </c>
      <c r="C124" s="10">
        <v>9</v>
      </c>
      <c r="D124" s="9">
        <v>11</v>
      </c>
    </row>
    <row r="125" spans="1:4" ht="18" customHeight="1" x14ac:dyDescent="0.15">
      <c r="A125" s="16">
        <v>99</v>
      </c>
      <c r="B125" s="29">
        <v>1</v>
      </c>
      <c r="C125" s="10">
        <v>8</v>
      </c>
      <c r="D125" s="9">
        <v>9</v>
      </c>
    </row>
    <row r="126" spans="1:4" ht="18" customHeight="1" x14ac:dyDescent="0.15">
      <c r="A126" s="8" t="s">
        <v>121</v>
      </c>
      <c r="B126" s="29">
        <v>8</v>
      </c>
      <c r="C126" s="10">
        <v>53</v>
      </c>
      <c r="D126" s="9">
        <v>61</v>
      </c>
    </row>
    <row r="127" spans="1:4" ht="18" customHeight="1" x14ac:dyDescent="0.15">
      <c r="A127" s="16">
        <v>100</v>
      </c>
      <c r="B127" s="29">
        <v>1</v>
      </c>
      <c r="C127" s="10">
        <v>1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4</v>
      </c>
      <c r="D128" s="9">
        <v>4</v>
      </c>
    </row>
    <row r="129" spans="1:4" ht="18" customHeight="1" x14ac:dyDescent="0.15">
      <c r="A129" s="8" t="s">
        <v>120</v>
      </c>
      <c r="B129" s="29">
        <v>1</v>
      </c>
      <c r="C129" s="10">
        <v>5</v>
      </c>
      <c r="D129" s="9">
        <v>6</v>
      </c>
    </row>
    <row r="130" spans="1:4" ht="18" customHeight="1" x14ac:dyDescent="0.15">
      <c r="A130" s="8" t="s">
        <v>119</v>
      </c>
      <c r="B130" s="28">
        <v>1936</v>
      </c>
      <c r="C130" s="6">
        <v>2488</v>
      </c>
      <c r="D130" s="5">
        <v>4424</v>
      </c>
    </row>
    <row r="131" spans="1:4" ht="18" customHeight="1" x14ac:dyDescent="0.15">
      <c r="A131" s="4" t="s">
        <v>0</v>
      </c>
      <c r="B131" s="27">
        <v>7578</v>
      </c>
      <c r="C131" s="2">
        <v>7866</v>
      </c>
      <c r="D131" s="1">
        <v>1544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3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51</v>
      </c>
      <c r="C5" s="18">
        <v>51</v>
      </c>
      <c r="D5" s="17">
        <v>102</v>
      </c>
    </row>
    <row r="6" spans="1:4" ht="18" customHeight="1" x14ac:dyDescent="0.15">
      <c r="A6" s="16">
        <v>1</v>
      </c>
      <c r="B6" s="29">
        <v>52</v>
      </c>
      <c r="C6" s="10">
        <v>42</v>
      </c>
      <c r="D6" s="9">
        <v>94</v>
      </c>
    </row>
    <row r="7" spans="1:4" ht="18" customHeight="1" x14ac:dyDescent="0.15">
      <c r="A7" s="16">
        <v>2</v>
      </c>
      <c r="B7" s="29">
        <v>42</v>
      </c>
      <c r="C7" s="10">
        <v>53</v>
      </c>
      <c r="D7" s="9">
        <v>95</v>
      </c>
    </row>
    <row r="8" spans="1:4" ht="18" customHeight="1" x14ac:dyDescent="0.15">
      <c r="A8" s="16">
        <v>3</v>
      </c>
      <c r="B8" s="29">
        <v>35</v>
      </c>
      <c r="C8" s="10">
        <v>40</v>
      </c>
      <c r="D8" s="9">
        <v>75</v>
      </c>
    </row>
    <row r="9" spans="1:4" ht="18" customHeight="1" x14ac:dyDescent="0.15">
      <c r="A9" s="16">
        <v>4</v>
      </c>
      <c r="B9" s="29">
        <v>32</v>
      </c>
      <c r="C9" s="10">
        <v>50</v>
      </c>
      <c r="D9" s="9">
        <v>82</v>
      </c>
    </row>
    <row r="10" spans="1:4" ht="18" customHeight="1" x14ac:dyDescent="0.15">
      <c r="A10" s="8" t="s">
        <v>76</v>
      </c>
      <c r="B10" s="29">
        <v>212</v>
      </c>
      <c r="C10" s="10">
        <v>236</v>
      </c>
      <c r="D10" s="9">
        <v>448</v>
      </c>
    </row>
    <row r="11" spans="1:4" ht="18" customHeight="1" x14ac:dyDescent="0.15">
      <c r="A11" s="16">
        <v>5</v>
      </c>
      <c r="B11" s="29">
        <v>36</v>
      </c>
      <c r="C11" s="10">
        <v>43</v>
      </c>
      <c r="D11" s="9">
        <v>79</v>
      </c>
    </row>
    <row r="12" spans="1:4" ht="18" customHeight="1" x14ac:dyDescent="0.15">
      <c r="A12" s="16">
        <v>6</v>
      </c>
      <c r="B12" s="29">
        <v>45</v>
      </c>
      <c r="C12" s="10">
        <v>42</v>
      </c>
      <c r="D12" s="9">
        <v>87</v>
      </c>
    </row>
    <row r="13" spans="1:4" ht="18" customHeight="1" x14ac:dyDescent="0.15">
      <c r="A13" s="16">
        <v>7</v>
      </c>
      <c r="B13" s="29">
        <v>28</v>
      </c>
      <c r="C13" s="10">
        <v>25</v>
      </c>
      <c r="D13" s="9">
        <v>53</v>
      </c>
    </row>
    <row r="14" spans="1:4" ht="18" customHeight="1" x14ac:dyDescent="0.15">
      <c r="A14" s="16">
        <v>8</v>
      </c>
      <c r="B14" s="29">
        <v>28</v>
      </c>
      <c r="C14" s="10">
        <v>30</v>
      </c>
      <c r="D14" s="9">
        <v>58</v>
      </c>
    </row>
    <row r="15" spans="1:4" ht="18" customHeight="1" x14ac:dyDescent="0.15">
      <c r="A15" s="16">
        <v>9</v>
      </c>
      <c r="B15" s="29">
        <v>28</v>
      </c>
      <c r="C15" s="10">
        <v>26</v>
      </c>
      <c r="D15" s="9">
        <v>54</v>
      </c>
    </row>
    <row r="16" spans="1:4" ht="18" customHeight="1" x14ac:dyDescent="0.15">
      <c r="A16" s="8" t="s">
        <v>50</v>
      </c>
      <c r="B16" s="29">
        <v>165</v>
      </c>
      <c r="C16" s="10">
        <v>166</v>
      </c>
      <c r="D16" s="9">
        <v>331</v>
      </c>
    </row>
    <row r="17" spans="1:4" ht="18" customHeight="1" x14ac:dyDescent="0.15">
      <c r="A17" s="16">
        <v>10</v>
      </c>
      <c r="B17" s="29">
        <v>28</v>
      </c>
      <c r="C17" s="10">
        <v>40</v>
      </c>
      <c r="D17" s="9">
        <v>68</v>
      </c>
    </row>
    <row r="18" spans="1:4" ht="18" customHeight="1" x14ac:dyDescent="0.15">
      <c r="A18" s="16">
        <v>11</v>
      </c>
      <c r="B18" s="29">
        <v>32</v>
      </c>
      <c r="C18" s="10">
        <v>31</v>
      </c>
      <c r="D18" s="9">
        <v>63</v>
      </c>
    </row>
    <row r="19" spans="1:4" ht="18" customHeight="1" x14ac:dyDescent="0.15">
      <c r="A19" s="16">
        <v>12</v>
      </c>
      <c r="B19" s="29">
        <v>28</v>
      </c>
      <c r="C19" s="10">
        <v>23</v>
      </c>
      <c r="D19" s="9">
        <v>51</v>
      </c>
    </row>
    <row r="20" spans="1:4" ht="18" customHeight="1" x14ac:dyDescent="0.15">
      <c r="A20" s="16">
        <v>13</v>
      </c>
      <c r="B20" s="29">
        <v>33</v>
      </c>
      <c r="C20" s="10">
        <v>27</v>
      </c>
      <c r="D20" s="9">
        <v>60</v>
      </c>
    </row>
    <row r="21" spans="1:4" ht="18" customHeight="1" x14ac:dyDescent="0.15">
      <c r="A21" s="16">
        <v>14</v>
      </c>
      <c r="B21" s="29">
        <v>45</v>
      </c>
      <c r="C21" s="10">
        <v>43</v>
      </c>
      <c r="D21" s="9">
        <v>88</v>
      </c>
    </row>
    <row r="22" spans="1:4" ht="18" customHeight="1" x14ac:dyDescent="0.15">
      <c r="A22" s="8" t="s">
        <v>133</v>
      </c>
      <c r="B22" s="29">
        <v>166</v>
      </c>
      <c r="C22" s="10">
        <v>164</v>
      </c>
      <c r="D22" s="9">
        <v>330</v>
      </c>
    </row>
    <row r="23" spans="1:4" ht="18" customHeight="1" x14ac:dyDescent="0.15">
      <c r="A23" s="8" t="s">
        <v>65</v>
      </c>
      <c r="B23" s="29">
        <v>543</v>
      </c>
      <c r="C23" s="10">
        <v>566</v>
      </c>
      <c r="D23" s="9">
        <v>1109</v>
      </c>
    </row>
    <row r="24" spans="1:4" ht="18" customHeight="1" x14ac:dyDescent="0.15">
      <c r="A24" s="16">
        <v>15</v>
      </c>
      <c r="B24" s="29">
        <v>40</v>
      </c>
      <c r="C24" s="10">
        <v>49</v>
      </c>
      <c r="D24" s="9">
        <v>89</v>
      </c>
    </row>
    <row r="25" spans="1:4" ht="18" customHeight="1" x14ac:dyDescent="0.15">
      <c r="A25" s="16">
        <v>16</v>
      </c>
      <c r="B25" s="29">
        <v>27</v>
      </c>
      <c r="C25" s="10">
        <v>43</v>
      </c>
      <c r="D25" s="9">
        <v>70</v>
      </c>
    </row>
    <row r="26" spans="1:4" ht="18" customHeight="1" x14ac:dyDescent="0.15">
      <c r="A26" s="16">
        <v>17</v>
      </c>
      <c r="B26" s="29">
        <v>43</v>
      </c>
      <c r="C26" s="10">
        <v>41</v>
      </c>
      <c r="D26" s="9">
        <v>84</v>
      </c>
    </row>
    <row r="27" spans="1:4" ht="18" customHeight="1" x14ac:dyDescent="0.15">
      <c r="A27" s="16">
        <v>18</v>
      </c>
      <c r="B27" s="29">
        <v>46</v>
      </c>
      <c r="C27" s="10">
        <v>41</v>
      </c>
      <c r="D27" s="9">
        <v>87</v>
      </c>
    </row>
    <row r="28" spans="1:4" ht="18" customHeight="1" x14ac:dyDescent="0.15">
      <c r="A28" s="16">
        <v>19</v>
      </c>
      <c r="B28" s="29">
        <v>41</v>
      </c>
      <c r="C28" s="10">
        <v>41</v>
      </c>
      <c r="D28" s="9">
        <v>82</v>
      </c>
    </row>
    <row r="29" spans="1:4" ht="18" customHeight="1" x14ac:dyDescent="0.15">
      <c r="A29" s="8" t="s">
        <v>48</v>
      </c>
      <c r="B29" s="29">
        <v>197</v>
      </c>
      <c r="C29" s="10">
        <v>215</v>
      </c>
      <c r="D29" s="9">
        <v>412</v>
      </c>
    </row>
    <row r="30" spans="1:4" ht="18" customHeight="1" x14ac:dyDescent="0.15">
      <c r="A30" s="16">
        <v>20</v>
      </c>
      <c r="B30" s="29">
        <v>37</v>
      </c>
      <c r="C30" s="10">
        <v>45</v>
      </c>
      <c r="D30" s="9">
        <v>82</v>
      </c>
    </row>
    <row r="31" spans="1:4" ht="18" customHeight="1" x14ac:dyDescent="0.15">
      <c r="A31" s="16">
        <v>21</v>
      </c>
      <c r="B31" s="29">
        <v>46</v>
      </c>
      <c r="C31" s="10">
        <v>40</v>
      </c>
      <c r="D31" s="9">
        <v>86</v>
      </c>
    </row>
    <row r="32" spans="1:4" ht="18" customHeight="1" x14ac:dyDescent="0.15">
      <c r="A32" s="16">
        <v>22</v>
      </c>
      <c r="B32" s="29">
        <v>49</v>
      </c>
      <c r="C32" s="10">
        <v>43</v>
      </c>
      <c r="D32" s="9">
        <v>92</v>
      </c>
    </row>
    <row r="33" spans="1:4" ht="18" customHeight="1" x14ac:dyDescent="0.15">
      <c r="A33" s="16">
        <v>23</v>
      </c>
      <c r="B33" s="29">
        <v>53</v>
      </c>
      <c r="C33" s="10">
        <v>48</v>
      </c>
      <c r="D33" s="9">
        <v>101</v>
      </c>
    </row>
    <row r="34" spans="1:4" ht="18" customHeight="1" x14ac:dyDescent="0.15">
      <c r="A34" s="16">
        <v>24</v>
      </c>
      <c r="B34" s="29">
        <v>47</v>
      </c>
      <c r="C34" s="10">
        <v>57</v>
      </c>
      <c r="D34" s="9">
        <v>104</v>
      </c>
    </row>
    <row r="35" spans="1:4" ht="18" customHeight="1" x14ac:dyDescent="0.15">
      <c r="A35" s="8" t="s">
        <v>74</v>
      </c>
      <c r="B35" s="29">
        <v>232</v>
      </c>
      <c r="C35" s="10">
        <v>233</v>
      </c>
      <c r="D35" s="9">
        <v>465</v>
      </c>
    </row>
    <row r="36" spans="1:4" ht="18" customHeight="1" x14ac:dyDescent="0.15">
      <c r="A36" s="16">
        <v>25</v>
      </c>
      <c r="B36" s="29">
        <v>54</v>
      </c>
      <c r="C36" s="10">
        <v>51</v>
      </c>
      <c r="D36" s="9">
        <v>105</v>
      </c>
    </row>
    <row r="37" spans="1:4" ht="18" customHeight="1" x14ac:dyDescent="0.15">
      <c r="A37" s="16">
        <v>26</v>
      </c>
      <c r="B37" s="29">
        <v>57</v>
      </c>
      <c r="C37" s="10">
        <v>57</v>
      </c>
      <c r="D37" s="9">
        <v>114</v>
      </c>
    </row>
    <row r="38" spans="1:4" ht="18" customHeight="1" x14ac:dyDescent="0.15">
      <c r="A38" s="16">
        <v>27</v>
      </c>
      <c r="B38" s="29">
        <v>74</v>
      </c>
      <c r="C38" s="10">
        <v>68</v>
      </c>
      <c r="D38" s="9">
        <v>142</v>
      </c>
    </row>
    <row r="39" spans="1:4" ht="18" customHeight="1" x14ac:dyDescent="0.15">
      <c r="A39" s="16">
        <v>28</v>
      </c>
      <c r="B39" s="29">
        <v>92</v>
      </c>
      <c r="C39" s="10">
        <v>61</v>
      </c>
      <c r="D39" s="9">
        <v>153</v>
      </c>
    </row>
    <row r="40" spans="1:4" ht="18" customHeight="1" x14ac:dyDescent="0.15">
      <c r="A40" s="16">
        <v>29</v>
      </c>
      <c r="B40" s="29">
        <v>54</v>
      </c>
      <c r="C40" s="10">
        <v>61</v>
      </c>
      <c r="D40" s="9">
        <v>115</v>
      </c>
    </row>
    <row r="41" spans="1:4" ht="18" customHeight="1" x14ac:dyDescent="0.15">
      <c r="A41" s="8" t="s">
        <v>73</v>
      </c>
      <c r="B41" s="29">
        <v>331</v>
      </c>
      <c r="C41" s="10">
        <v>298</v>
      </c>
      <c r="D41" s="9">
        <v>629</v>
      </c>
    </row>
    <row r="42" spans="1:4" ht="18" customHeight="1" x14ac:dyDescent="0.15">
      <c r="A42" s="16">
        <v>30</v>
      </c>
      <c r="B42" s="29">
        <v>54</v>
      </c>
      <c r="C42" s="10">
        <v>61</v>
      </c>
      <c r="D42" s="9">
        <v>115</v>
      </c>
    </row>
    <row r="43" spans="1:4" ht="18" customHeight="1" x14ac:dyDescent="0.15">
      <c r="A43" s="16">
        <v>31</v>
      </c>
      <c r="B43" s="29">
        <v>62</v>
      </c>
      <c r="C43" s="10">
        <v>65</v>
      </c>
      <c r="D43" s="9">
        <v>127</v>
      </c>
    </row>
    <row r="44" spans="1:4" ht="18" customHeight="1" x14ac:dyDescent="0.15">
      <c r="A44" s="16">
        <v>32</v>
      </c>
      <c r="B44" s="29">
        <v>57</v>
      </c>
      <c r="C44" s="10">
        <v>58</v>
      </c>
      <c r="D44" s="9">
        <v>115</v>
      </c>
    </row>
    <row r="45" spans="1:4" ht="18" customHeight="1" x14ac:dyDescent="0.15">
      <c r="A45" s="16">
        <v>33</v>
      </c>
      <c r="B45" s="29">
        <v>66</v>
      </c>
      <c r="C45" s="10">
        <v>67</v>
      </c>
      <c r="D45" s="9">
        <v>133</v>
      </c>
    </row>
    <row r="46" spans="1:4" ht="18" customHeight="1" x14ac:dyDescent="0.15">
      <c r="A46" s="16">
        <v>34</v>
      </c>
      <c r="B46" s="29">
        <v>67</v>
      </c>
      <c r="C46" s="10">
        <v>59</v>
      </c>
      <c r="D46" s="9">
        <v>126</v>
      </c>
    </row>
    <row r="47" spans="1:4" ht="18" customHeight="1" x14ac:dyDescent="0.15">
      <c r="A47" s="8" t="s">
        <v>61</v>
      </c>
      <c r="B47" s="29">
        <v>306</v>
      </c>
      <c r="C47" s="10">
        <v>310</v>
      </c>
      <c r="D47" s="9">
        <v>616</v>
      </c>
    </row>
    <row r="48" spans="1:4" ht="18" customHeight="1" x14ac:dyDescent="0.15">
      <c r="A48" s="16">
        <v>35</v>
      </c>
      <c r="B48" s="29">
        <v>55</v>
      </c>
      <c r="C48" s="10">
        <v>50</v>
      </c>
      <c r="D48" s="9">
        <v>105</v>
      </c>
    </row>
    <row r="49" spans="1:4" ht="18" customHeight="1" x14ac:dyDescent="0.15">
      <c r="A49" s="16">
        <v>36</v>
      </c>
      <c r="B49" s="29">
        <v>61</v>
      </c>
      <c r="C49" s="10">
        <v>55</v>
      </c>
      <c r="D49" s="9">
        <v>116</v>
      </c>
    </row>
    <row r="50" spans="1:4" ht="18" customHeight="1" x14ac:dyDescent="0.15">
      <c r="A50" s="16">
        <v>37</v>
      </c>
      <c r="B50" s="29">
        <v>66</v>
      </c>
      <c r="C50" s="10">
        <v>54</v>
      </c>
      <c r="D50" s="9">
        <v>120</v>
      </c>
    </row>
    <row r="51" spans="1:4" ht="18" customHeight="1" x14ac:dyDescent="0.15">
      <c r="A51" s="16">
        <v>38</v>
      </c>
      <c r="B51" s="29">
        <v>71</v>
      </c>
      <c r="C51" s="10">
        <v>62</v>
      </c>
      <c r="D51" s="9">
        <v>133</v>
      </c>
    </row>
    <row r="52" spans="1:4" ht="18" customHeight="1" x14ac:dyDescent="0.15">
      <c r="A52" s="16">
        <v>39</v>
      </c>
      <c r="B52" s="29">
        <v>61</v>
      </c>
      <c r="C52" s="10">
        <v>55</v>
      </c>
      <c r="D52" s="9">
        <v>116</v>
      </c>
    </row>
    <row r="53" spans="1:4" ht="18" customHeight="1" x14ac:dyDescent="0.15">
      <c r="A53" s="8" t="s">
        <v>72</v>
      </c>
      <c r="B53" s="29">
        <v>314</v>
      </c>
      <c r="C53" s="10">
        <v>276</v>
      </c>
      <c r="D53" s="9">
        <v>590</v>
      </c>
    </row>
    <row r="54" spans="1:4" ht="18" customHeight="1" x14ac:dyDescent="0.15">
      <c r="A54" s="16">
        <v>40</v>
      </c>
      <c r="B54" s="29">
        <v>43</v>
      </c>
      <c r="C54" s="10">
        <v>57</v>
      </c>
      <c r="D54" s="9">
        <v>100</v>
      </c>
    </row>
    <row r="55" spans="1:4" ht="18" customHeight="1" x14ac:dyDescent="0.15">
      <c r="A55" s="16">
        <v>41</v>
      </c>
      <c r="B55" s="29">
        <v>62</v>
      </c>
      <c r="C55" s="10">
        <v>58</v>
      </c>
      <c r="D55" s="9">
        <v>120</v>
      </c>
    </row>
    <row r="56" spans="1:4" ht="18" customHeight="1" x14ac:dyDescent="0.15">
      <c r="A56" s="16">
        <v>42</v>
      </c>
      <c r="B56" s="29">
        <v>60</v>
      </c>
      <c r="C56" s="10">
        <v>44</v>
      </c>
      <c r="D56" s="9">
        <v>104</v>
      </c>
    </row>
    <row r="57" spans="1:4" ht="18" customHeight="1" x14ac:dyDescent="0.15">
      <c r="A57" s="16">
        <v>43</v>
      </c>
      <c r="B57" s="29">
        <v>67</v>
      </c>
      <c r="C57" s="10">
        <v>62</v>
      </c>
      <c r="D57" s="9">
        <v>129</v>
      </c>
    </row>
    <row r="58" spans="1:4" ht="18" customHeight="1" x14ac:dyDescent="0.15">
      <c r="A58" s="16">
        <v>44</v>
      </c>
      <c r="B58" s="29">
        <v>54</v>
      </c>
      <c r="C58" s="10">
        <v>58</v>
      </c>
      <c r="D58" s="9">
        <v>112</v>
      </c>
    </row>
    <row r="59" spans="1:4" ht="18" customHeight="1" x14ac:dyDescent="0.15">
      <c r="A59" s="8" t="s">
        <v>46</v>
      </c>
      <c r="B59" s="29">
        <v>286</v>
      </c>
      <c r="C59" s="10">
        <v>279</v>
      </c>
      <c r="D59" s="9">
        <v>565</v>
      </c>
    </row>
    <row r="60" spans="1:4" ht="18" customHeight="1" x14ac:dyDescent="0.15">
      <c r="A60" s="16">
        <v>45</v>
      </c>
      <c r="B60" s="29">
        <v>88</v>
      </c>
      <c r="C60" s="10">
        <v>57</v>
      </c>
      <c r="D60" s="9">
        <v>145</v>
      </c>
    </row>
    <row r="61" spans="1:4" ht="18" customHeight="1" x14ac:dyDescent="0.15">
      <c r="A61" s="16">
        <v>46</v>
      </c>
      <c r="B61" s="29">
        <v>78</v>
      </c>
      <c r="C61" s="10">
        <v>58</v>
      </c>
      <c r="D61" s="9">
        <v>136</v>
      </c>
    </row>
    <row r="62" spans="1:4" ht="18" customHeight="1" x14ac:dyDescent="0.15">
      <c r="A62" s="16">
        <v>47</v>
      </c>
      <c r="B62" s="29">
        <v>62</v>
      </c>
      <c r="C62" s="10">
        <v>66</v>
      </c>
      <c r="D62" s="9">
        <v>128</v>
      </c>
    </row>
    <row r="63" spans="1:4" ht="18" customHeight="1" x14ac:dyDescent="0.15">
      <c r="A63" s="16">
        <v>48</v>
      </c>
      <c r="B63" s="29">
        <v>67</v>
      </c>
      <c r="C63" s="10">
        <v>69</v>
      </c>
      <c r="D63" s="9">
        <v>136</v>
      </c>
    </row>
    <row r="64" spans="1:4" ht="18" customHeight="1" x14ac:dyDescent="0.15">
      <c r="A64" s="16">
        <v>49</v>
      </c>
      <c r="B64" s="29">
        <v>67</v>
      </c>
      <c r="C64" s="10">
        <v>83</v>
      </c>
      <c r="D64" s="9">
        <v>150</v>
      </c>
    </row>
    <row r="65" spans="1:4" ht="18" customHeight="1" x14ac:dyDescent="0.15">
      <c r="A65" s="8" t="s">
        <v>45</v>
      </c>
      <c r="B65" s="29">
        <v>362</v>
      </c>
      <c r="C65" s="10">
        <v>333</v>
      </c>
      <c r="D65" s="9">
        <v>695</v>
      </c>
    </row>
    <row r="66" spans="1:4" ht="18" customHeight="1" x14ac:dyDescent="0.15">
      <c r="A66" s="16">
        <v>50</v>
      </c>
      <c r="B66" s="29">
        <v>97</v>
      </c>
      <c r="C66" s="10">
        <v>86</v>
      </c>
      <c r="D66" s="9">
        <v>183</v>
      </c>
    </row>
    <row r="67" spans="1:4" ht="18" customHeight="1" x14ac:dyDescent="0.15">
      <c r="A67" s="16">
        <v>51</v>
      </c>
      <c r="B67" s="29">
        <v>71</v>
      </c>
      <c r="C67" s="10">
        <v>89</v>
      </c>
      <c r="D67" s="9">
        <v>160</v>
      </c>
    </row>
    <row r="68" spans="1:4" ht="18" customHeight="1" x14ac:dyDescent="0.15">
      <c r="A68" s="16">
        <v>52</v>
      </c>
      <c r="B68" s="29">
        <v>86</v>
      </c>
      <c r="C68" s="10">
        <v>81</v>
      </c>
      <c r="D68" s="9">
        <v>167</v>
      </c>
    </row>
    <row r="69" spans="1:4" ht="18" customHeight="1" x14ac:dyDescent="0.15">
      <c r="A69" s="16">
        <v>53</v>
      </c>
      <c r="B69" s="29">
        <v>66</v>
      </c>
      <c r="C69" s="10">
        <v>68</v>
      </c>
      <c r="D69" s="9">
        <v>134</v>
      </c>
    </row>
    <row r="70" spans="1:4" ht="18" customHeight="1" x14ac:dyDescent="0.15">
      <c r="A70" s="16">
        <v>54</v>
      </c>
      <c r="B70" s="29">
        <v>82</v>
      </c>
      <c r="C70" s="10">
        <v>60</v>
      </c>
      <c r="D70" s="9">
        <v>142</v>
      </c>
    </row>
    <row r="71" spans="1:4" ht="18" customHeight="1" x14ac:dyDescent="0.15">
      <c r="A71" s="8" t="s">
        <v>58</v>
      </c>
      <c r="B71" s="29">
        <v>402</v>
      </c>
      <c r="C71" s="10">
        <v>384</v>
      </c>
      <c r="D71" s="9">
        <v>786</v>
      </c>
    </row>
    <row r="72" spans="1:4" ht="18" customHeight="1" x14ac:dyDescent="0.15">
      <c r="A72" s="16">
        <v>55</v>
      </c>
      <c r="B72" s="29">
        <v>64</v>
      </c>
      <c r="C72" s="10">
        <v>66</v>
      </c>
      <c r="D72" s="9">
        <v>130</v>
      </c>
    </row>
    <row r="73" spans="1:4" ht="18" customHeight="1" x14ac:dyDescent="0.15">
      <c r="A73" s="16">
        <v>56</v>
      </c>
      <c r="B73" s="29">
        <v>52</v>
      </c>
      <c r="C73" s="10">
        <v>52</v>
      </c>
      <c r="D73" s="9">
        <v>104</v>
      </c>
    </row>
    <row r="74" spans="1:4" ht="18" customHeight="1" x14ac:dyDescent="0.15">
      <c r="A74" s="16">
        <v>57</v>
      </c>
      <c r="B74" s="29">
        <v>52</v>
      </c>
      <c r="C74" s="10">
        <v>49</v>
      </c>
      <c r="D74" s="9">
        <v>101</v>
      </c>
    </row>
    <row r="75" spans="1:4" ht="18" customHeight="1" x14ac:dyDescent="0.15">
      <c r="A75" s="16">
        <v>58</v>
      </c>
      <c r="B75" s="29">
        <v>54</v>
      </c>
      <c r="C75" s="10">
        <v>52</v>
      </c>
      <c r="D75" s="9">
        <v>106</v>
      </c>
    </row>
    <row r="76" spans="1:4" ht="18" customHeight="1" x14ac:dyDescent="0.15">
      <c r="A76" s="16">
        <v>59</v>
      </c>
      <c r="B76" s="29">
        <v>55</v>
      </c>
      <c r="C76" s="10">
        <v>53</v>
      </c>
      <c r="D76" s="9">
        <v>108</v>
      </c>
    </row>
    <row r="77" spans="1:4" ht="18" customHeight="1" x14ac:dyDescent="0.15">
      <c r="A77" s="8" t="s">
        <v>71</v>
      </c>
      <c r="B77" s="29">
        <v>277</v>
      </c>
      <c r="C77" s="10">
        <v>272</v>
      </c>
      <c r="D77" s="9">
        <v>549</v>
      </c>
    </row>
    <row r="78" spans="1:4" ht="18" customHeight="1" x14ac:dyDescent="0.15">
      <c r="A78" s="16">
        <v>60</v>
      </c>
      <c r="B78" s="29">
        <v>47</v>
      </c>
      <c r="C78" s="10">
        <v>55</v>
      </c>
      <c r="D78" s="9">
        <v>102</v>
      </c>
    </row>
    <row r="79" spans="1:4" ht="18" customHeight="1" x14ac:dyDescent="0.15">
      <c r="A79" s="16">
        <v>61</v>
      </c>
      <c r="B79" s="29">
        <v>52</v>
      </c>
      <c r="C79" s="10">
        <v>58</v>
      </c>
      <c r="D79" s="9">
        <v>110</v>
      </c>
    </row>
    <row r="80" spans="1:4" ht="18" customHeight="1" x14ac:dyDescent="0.15">
      <c r="A80" s="16">
        <v>62</v>
      </c>
      <c r="B80" s="29">
        <v>47</v>
      </c>
      <c r="C80" s="10">
        <v>59</v>
      </c>
      <c r="D80" s="9">
        <v>106</v>
      </c>
    </row>
    <row r="81" spans="1:4" ht="18" customHeight="1" x14ac:dyDescent="0.15">
      <c r="A81" s="16">
        <v>63</v>
      </c>
      <c r="B81" s="29">
        <v>52</v>
      </c>
      <c r="C81" s="10">
        <v>45</v>
      </c>
      <c r="D81" s="9">
        <v>97</v>
      </c>
    </row>
    <row r="82" spans="1:4" ht="18" customHeight="1" x14ac:dyDescent="0.15">
      <c r="A82" s="16">
        <v>64</v>
      </c>
      <c r="B82" s="29">
        <v>43</v>
      </c>
      <c r="C82" s="10">
        <v>53</v>
      </c>
      <c r="D82" s="9">
        <v>96</v>
      </c>
    </row>
    <row r="83" spans="1:4" ht="18" customHeight="1" x14ac:dyDescent="0.15">
      <c r="A83" s="8" t="s">
        <v>44</v>
      </c>
      <c r="B83" s="29">
        <v>241</v>
      </c>
      <c r="C83" s="10">
        <v>270</v>
      </c>
      <c r="D83" s="9">
        <v>511</v>
      </c>
    </row>
    <row r="84" spans="1:4" ht="18" customHeight="1" x14ac:dyDescent="0.15">
      <c r="A84" s="8" t="s">
        <v>43</v>
      </c>
      <c r="B84" s="29">
        <v>2948</v>
      </c>
      <c r="C84" s="10">
        <v>2870</v>
      </c>
      <c r="D84" s="9">
        <v>5818</v>
      </c>
    </row>
    <row r="85" spans="1:4" ht="18" customHeight="1" x14ac:dyDescent="0.15">
      <c r="A85" s="16">
        <v>65</v>
      </c>
      <c r="B85" s="29">
        <v>39</v>
      </c>
      <c r="C85" s="10">
        <v>48</v>
      </c>
      <c r="D85" s="9">
        <v>87</v>
      </c>
    </row>
    <row r="86" spans="1:4" ht="18" customHeight="1" x14ac:dyDescent="0.15">
      <c r="A86" s="16">
        <v>66</v>
      </c>
      <c r="B86" s="29">
        <v>38</v>
      </c>
      <c r="C86" s="10">
        <v>55</v>
      </c>
      <c r="D86" s="9">
        <v>93</v>
      </c>
    </row>
    <row r="87" spans="1:4" ht="18" customHeight="1" x14ac:dyDescent="0.15">
      <c r="A87" s="16">
        <v>67</v>
      </c>
      <c r="B87" s="29">
        <v>43</v>
      </c>
      <c r="C87" s="10">
        <v>74</v>
      </c>
      <c r="D87" s="9">
        <v>117</v>
      </c>
    </row>
    <row r="88" spans="1:4" ht="18" customHeight="1" x14ac:dyDescent="0.15">
      <c r="A88" s="16">
        <v>68</v>
      </c>
      <c r="B88" s="29">
        <v>59</v>
      </c>
      <c r="C88" s="10">
        <v>68</v>
      </c>
      <c r="D88" s="9">
        <v>127</v>
      </c>
    </row>
    <row r="89" spans="1:4" ht="18" customHeight="1" x14ac:dyDescent="0.15">
      <c r="A89" s="16">
        <v>69</v>
      </c>
      <c r="B89" s="29">
        <v>57</v>
      </c>
      <c r="C89" s="10">
        <v>63</v>
      </c>
      <c r="D89" s="9">
        <v>120</v>
      </c>
    </row>
    <row r="90" spans="1:4" ht="18" customHeight="1" x14ac:dyDescent="0.15">
      <c r="A90" s="8" t="s">
        <v>42</v>
      </c>
      <c r="B90" s="29">
        <v>236</v>
      </c>
      <c r="C90" s="10">
        <v>308</v>
      </c>
      <c r="D90" s="9">
        <v>544</v>
      </c>
    </row>
    <row r="91" spans="1:4" ht="18" customHeight="1" x14ac:dyDescent="0.15">
      <c r="A91" s="16">
        <v>70</v>
      </c>
      <c r="B91" s="29">
        <v>51</v>
      </c>
      <c r="C91" s="10">
        <v>55</v>
      </c>
      <c r="D91" s="9">
        <v>106</v>
      </c>
    </row>
    <row r="92" spans="1:4" ht="18" customHeight="1" x14ac:dyDescent="0.15">
      <c r="A92" s="16">
        <v>71</v>
      </c>
      <c r="B92" s="29">
        <v>69</v>
      </c>
      <c r="C92" s="10">
        <v>75</v>
      </c>
      <c r="D92" s="9">
        <v>144</v>
      </c>
    </row>
    <row r="93" spans="1:4" ht="18" customHeight="1" x14ac:dyDescent="0.15">
      <c r="A93" s="16">
        <v>72</v>
      </c>
      <c r="B93" s="29">
        <v>69</v>
      </c>
      <c r="C93" s="10">
        <v>76</v>
      </c>
      <c r="D93" s="9">
        <v>145</v>
      </c>
    </row>
    <row r="94" spans="1:4" ht="18" customHeight="1" x14ac:dyDescent="0.15">
      <c r="A94" s="16">
        <v>73</v>
      </c>
      <c r="B94" s="29">
        <v>69</v>
      </c>
      <c r="C94" s="10">
        <v>77</v>
      </c>
      <c r="D94" s="9">
        <v>146</v>
      </c>
    </row>
    <row r="95" spans="1:4" ht="18" customHeight="1" x14ac:dyDescent="0.15">
      <c r="A95" s="16">
        <v>74</v>
      </c>
      <c r="B95" s="29">
        <v>83</v>
      </c>
      <c r="C95" s="10">
        <v>99</v>
      </c>
      <c r="D95" s="9">
        <v>182</v>
      </c>
    </row>
    <row r="96" spans="1:4" ht="18" customHeight="1" x14ac:dyDescent="0.15">
      <c r="A96" s="8" t="s">
        <v>41</v>
      </c>
      <c r="B96" s="29">
        <v>341</v>
      </c>
      <c r="C96" s="10">
        <v>382</v>
      </c>
      <c r="D96" s="9">
        <v>723</v>
      </c>
    </row>
    <row r="97" spans="1:4" ht="18" customHeight="1" x14ac:dyDescent="0.15">
      <c r="A97" s="16">
        <v>75</v>
      </c>
      <c r="B97" s="29">
        <v>73</v>
      </c>
      <c r="C97" s="10">
        <v>100</v>
      </c>
      <c r="D97" s="9">
        <v>173</v>
      </c>
    </row>
    <row r="98" spans="1:4" ht="18" customHeight="1" x14ac:dyDescent="0.15">
      <c r="A98" s="16">
        <v>76</v>
      </c>
      <c r="B98" s="29">
        <v>58</v>
      </c>
      <c r="C98" s="10">
        <v>73</v>
      </c>
      <c r="D98" s="9">
        <v>131</v>
      </c>
    </row>
    <row r="99" spans="1:4" ht="18" customHeight="1" x14ac:dyDescent="0.15">
      <c r="A99" s="16">
        <v>77</v>
      </c>
      <c r="B99" s="29">
        <v>42</v>
      </c>
      <c r="C99" s="10">
        <v>46</v>
      </c>
      <c r="D99" s="9">
        <v>88</v>
      </c>
    </row>
    <row r="100" spans="1:4" ht="18" customHeight="1" x14ac:dyDescent="0.15">
      <c r="A100" s="16">
        <v>78</v>
      </c>
      <c r="B100" s="29">
        <v>53</v>
      </c>
      <c r="C100" s="10">
        <v>63</v>
      </c>
      <c r="D100" s="9">
        <v>116</v>
      </c>
    </row>
    <row r="101" spans="1:4" ht="18" customHeight="1" x14ac:dyDescent="0.15">
      <c r="A101" s="16">
        <v>79</v>
      </c>
      <c r="B101" s="29">
        <v>46</v>
      </c>
      <c r="C101" s="10">
        <v>68</v>
      </c>
      <c r="D101" s="9">
        <v>114</v>
      </c>
    </row>
    <row r="102" spans="1:4" ht="18" customHeight="1" x14ac:dyDescent="0.15">
      <c r="A102" s="8" t="s">
        <v>70</v>
      </c>
      <c r="B102" s="29">
        <v>272</v>
      </c>
      <c r="C102" s="10">
        <v>350</v>
      </c>
      <c r="D102" s="9">
        <v>622</v>
      </c>
    </row>
    <row r="103" spans="1:4" ht="18" customHeight="1" x14ac:dyDescent="0.15">
      <c r="A103" s="16">
        <v>80</v>
      </c>
      <c r="B103" s="29">
        <v>44</v>
      </c>
      <c r="C103" s="10">
        <v>53</v>
      </c>
      <c r="D103" s="9">
        <v>97</v>
      </c>
    </row>
    <row r="104" spans="1:4" ht="18" customHeight="1" x14ac:dyDescent="0.15">
      <c r="A104" s="16">
        <v>81</v>
      </c>
      <c r="B104" s="29">
        <v>42</v>
      </c>
      <c r="C104" s="10">
        <v>73</v>
      </c>
      <c r="D104" s="9">
        <v>115</v>
      </c>
    </row>
    <row r="105" spans="1:4" ht="18" customHeight="1" x14ac:dyDescent="0.15">
      <c r="A105" s="16">
        <v>82</v>
      </c>
      <c r="B105" s="29">
        <v>39</v>
      </c>
      <c r="C105" s="10">
        <v>44</v>
      </c>
      <c r="D105" s="9">
        <v>83</v>
      </c>
    </row>
    <row r="106" spans="1:4" ht="18" customHeight="1" x14ac:dyDescent="0.15">
      <c r="A106" s="16">
        <v>83</v>
      </c>
      <c r="B106" s="29">
        <v>29</v>
      </c>
      <c r="C106" s="10">
        <v>41</v>
      </c>
      <c r="D106" s="9">
        <v>70</v>
      </c>
    </row>
    <row r="107" spans="1:4" ht="18" customHeight="1" x14ac:dyDescent="0.15">
      <c r="A107" s="16">
        <v>84</v>
      </c>
      <c r="B107" s="29">
        <v>19</v>
      </c>
      <c r="C107" s="10">
        <v>37</v>
      </c>
      <c r="D107" s="9">
        <v>56</v>
      </c>
    </row>
    <row r="108" spans="1:4" ht="18" customHeight="1" x14ac:dyDescent="0.15">
      <c r="A108" s="8" t="s">
        <v>39</v>
      </c>
      <c r="B108" s="29">
        <v>173</v>
      </c>
      <c r="C108" s="10">
        <v>248</v>
      </c>
      <c r="D108" s="9">
        <v>421</v>
      </c>
    </row>
    <row r="109" spans="1:4" ht="18" customHeight="1" x14ac:dyDescent="0.15">
      <c r="A109" s="16">
        <v>85</v>
      </c>
      <c r="B109" s="29">
        <v>22</v>
      </c>
      <c r="C109" s="10">
        <v>39</v>
      </c>
      <c r="D109" s="9">
        <v>61</v>
      </c>
    </row>
    <row r="110" spans="1:4" ht="18" customHeight="1" x14ac:dyDescent="0.15">
      <c r="A110" s="16">
        <v>86</v>
      </c>
      <c r="B110" s="29">
        <v>23</v>
      </c>
      <c r="C110" s="10">
        <v>42</v>
      </c>
      <c r="D110" s="9">
        <v>65</v>
      </c>
    </row>
    <row r="111" spans="1:4" ht="18" customHeight="1" x14ac:dyDescent="0.15">
      <c r="A111" s="16">
        <v>87</v>
      </c>
      <c r="B111" s="29">
        <v>17</v>
      </c>
      <c r="C111" s="10">
        <v>42</v>
      </c>
      <c r="D111" s="9">
        <v>59</v>
      </c>
    </row>
    <row r="112" spans="1:4" ht="18" customHeight="1" x14ac:dyDescent="0.15">
      <c r="A112" s="16">
        <v>88</v>
      </c>
      <c r="B112" s="29">
        <v>15</v>
      </c>
      <c r="C112" s="10">
        <v>25</v>
      </c>
      <c r="D112" s="9">
        <v>40</v>
      </c>
    </row>
    <row r="113" spans="1:4" ht="18" customHeight="1" x14ac:dyDescent="0.15">
      <c r="A113" s="16">
        <v>89</v>
      </c>
      <c r="B113" s="29">
        <v>13</v>
      </c>
      <c r="C113" s="10">
        <v>28</v>
      </c>
      <c r="D113" s="9">
        <v>41</v>
      </c>
    </row>
    <row r="114" spans="1:4" ht="18" customHeight="1" x14ac:dyDescent="0.15">
      <c r="A114" s="8" t="s">
        <v>38</v>
      </c>
      <c r="B114" s="29">
        <v>90</v>
      </c>
      <c r="C114" s="10">
        <v>176</v>
      </c>
      <c r="D114" s="9">
        <v>266</v>
      </c>
    </row>
    <row r="115" spans="1:4" ht="18" customHeight="1" x14ac:dyDescent="0.15">
      <c r="A115" s="16">
        <v>90</v>
      </c>
      <c r="B115" s="29">
        <v>16</v>
      </c>
      <c r="C115" s="10">
        <v>23</v>
      </c>
      <c r="D115" s="9">
        <v>39</v>
      </c>
    </row>
    <row r="116" spans="1:4" ht="18" customHeight="1" x14ac:dyDescent="0.15">
      <c r="A116" s="16">
        <v>91</v>
      </c>
      <c r="B116" s="29">
        <v>9</v>
      </c>
      <c r="C116" s="10">
        <v>20</v>
      </c>
      <c r="D116" s="9">
        <v>29</v>
      </c>
    </row>
    <row r="117" spans="1:4" ht="18" customHeight="1" x14ac:dyDescent="0.15">
      <c r="A117" s="16">
        <v>92</v>
      </c>
      <c r="B117" s="29">
        <v>8</v>
      </c>
      <c r="C117" s="10">
        <v>17</v>
      </c>
      <c r="D117" s="9">
        <v>25</v>
      </c>
    </row>
    <row r="118" spans="1:4" ht="18" customHeight="1" x14ac:dyDescent="0.15">
      <c r="A118" s="16">
        <v>93</v>
      </c>
      <c r="B118" s="29">
        <v>4</v>
      </c>
      <c r="C118" s="10">
        <v>14</v>
      </c>
      <c r="D118" s="9">
        <v>18</v>
      </c>
    </row>
    <row r="119" spans="1:4" ht="18" customHeight="1" x14ac:dyDescent="0.15">
      <c r="A119" s="16">
        <v>94</v>
      </c>
      <c r="B119" s="29">
        <v>4</v>
      </c>
      <c r="C119" s="10">
        <v>16</v>
      </c>
      <c r="D119" s="9">
        <v>20</v>
      </c>
    </row>
    <row r="120" spans="1:4" ht="18" customHeight="1" x14ac:dyDescent="0.15">
      <c r="A120" s="8" t="s">
        <v>69</v>
      </c>
      <c r="B120" s="29">
        <v>41</v>
      </c>
      <c r="C120" s="10">
        <v>90</v>
      </c>
      <c r="D120" s="9">
        <v>131</v>
      </c>
    </row>
    <row r="121" spans="1:4" ht="18" customHeight="1" x14ac:dyDescent="0.15">
      <c r="A121" s="16">
        <v>95</v>
      </c>
      <c r="B121" s="29">
        <v>0</v>
      </c>
      <c r="C121" s="10">
        <v>11</v>
      </c>
      <c r="D121" s="9">
        <v>11</v>
      </c>
    </row>
    <row r="122" spans="1:4" ht="18" customHeight="1" x14ac:dyDescent="0.15">
      <c r="A122" s="16">
        <v>96</v>
      </c>
      <c r="B122" s="29">
        <v>1</v>
      </c>
      <c r="C122" s="10">
        <v>12</v>
      </c>
      <c r="D122" s="9">
        <v>13</v>
      </c>
    </row>
    <row r="123" spans="1:4" ht="18" customHeight="1" x14ac:dyDescent="0.15">
      <c r="A123" s="16">
        <v>97</v>
      </c>
      <c r="B123" s="29">
        <v>1</v>
      </c>
      <c r="C123" s="10">
        <v>8</v>
      </c>
      <c r="D123" s="9">
        <v>9</v>
      </c>
    </row>
    <row r="124" spans="1:4" ht="18" customHeight="1" x14ac:dyDescent="0.15">
      <c r="A124" s="16">
        <v>98</v>
      </c>
      <c r="B124" s="29">
        <v>1</v>
      </c>
      <c r="C124" s="10">
        <v>1</v>
      </c>
      <c r="D124" s="9">
        <v>2</v>
      </c>
    </row>
    <row r="125" spans="1:4" ht="18" customHeight="1" x14ac:dyDescent="0.15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15">
      <c r="A126" s="8" t="s">
        <v>68</v>
      </c>
      <c r="B126" s="29">
        <v>4</v>
      </c>
      <c r="C126" s="10">
        <v>34</v>
      </c>
      <c r="D126" s="9">
        <v>38</v>
      </c>
    </row>
    <row r="127" spans="1:4" ht="18" customHeight="1" x14ac:dyDescent="0.15">
      <c r="A127" s="16">
        <v>100</v>
      </c>
      <c r="B127" s="29">
        <v>1</v>
      </c>
      <c r="C127" s="10">
        <v>1</v>
      </c>
      <c r="D127" s="9">
        <v>2</v>
      </c>
    </row>
    <row r="128" spans="1:4" ht="18" customHeight="1" x14ac:dyDescent="0.15">
      <c r="A128" s="15" t="s">
        <v>37</v>
      </c>
      <c r="B128" s="29">
        <v>1</v>
      </c>
      <c r="C128" s="10">
        <v>1</v>
      </c>
      <c r="D128" s="9">
        <v>2</v>
      </c>
    </row>
    <row r="129" spans="1:4" ht="18" customHeight="1" x14ac:dyDescent="0.15">
      <c r="A129" s="8" t="s">
        <v>36</v>
      </c>
      <c r="B129" s="29">
        <v>2</v>
      </c>
      <c r="C129" s="10">
        <v>2</v>
      </c>
      <c r="D129" s="9">
        <v>4</v>
      </c>
    </row>
    <row r="130" spans="1:4" ht="18" customHeight="1" x14ac:dyDescent="0.15">
      <c r="A130" s="8" t="s">
        <v>35</v>
      </c>
      <c r="B130" s="28">
        <v>1159</v>
      </c>
      <c r="C130" s="6">
        <v>1590</v>
      </c>
      <c r="D130" s="5">
        <v>2749</v>
      </c>
    </row>
    <row r="131" spans="1:4" ht="18" customHeight="1" x14ac:dyDescent="0.15">
      <c r="A131" s="4" t="s">
        <v>0</v>
      </c>
      <c r="B131" s="27">
        <v>4650</v>
      </c>
      <c r="C131" s="2">
        <v>5026</v>
      </c>
      <c r="D131" s="1">
        <v>967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3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0</v>
      </c>
      <c r="C5" s="18">
        <v>50</v>
      </c>
      <c r="D5" s="17">
        <v>110</v>
      </c>
    </row>
    <row r="6" spans="1:4" ht="18" customHeight="1" x14ac:dyDescent="0.15">
      <c r="A6" s="16">
        <v>1</v>
      </c>
      <c r="B6" s="29">
        <v>59</v>
      </c>
      <c r="C6" s="10">
        <v>69</v>
      </c>
      <c r="D6" s="9">
        <v>128</v>
      </c>
    </row>
    <row r="7" spans="1:4" ht="18" customHeight="1" x14ac:dyDescent="0.15">
      <c r="A7" s="16">
        <v>2</v>
      </c>
      <c r="B7" s="29">
        <v>63</v>
      </c>
      <c r="C7" s="10">
        <v>53</v>
      </c>
      <c r="D7" s="9">
        <v>116</v>
      </c>
    </row>
    <row r="8" spans="1:4" ht="18" customHeight="1" x14ac:dyDescent="0.15">
      <c r="A8" s="16">
        <v>3</v>
      </c>
      <c r="B8" s="29">
        <v>52</v>
      </c>
      <c r="C8" s="10">
        <v>71</v>
      </c>
      <c r="D8" s="9">
        <v>123</v>
      </c>
    </row>
    <row r="9" spans="1:4" ht="18" customHeight="1" x14ac:dyDescent="0.15">
      <c r="A9" s="16">
        <v>4</v>
      </c>
      <c r="B9" s="29">
        <v>79</v>
      </c>
      <c r="C9" s="10">
        <v>60</v>
      </c>
      <c r="D9" s="9">
        <v>139</v>
      </c>
    </row>
    <row r="10" spans="1:4" ht="18" customHeight="1" x14ac:dyDescent="0.15">
      <c r="A10" s="8" t="s">
        <v>76</v>
      </c>
      <c r="B10" s="29">
        <v>313</v>
      </c>
      <c r="C10" s="10">
        <v>303</v>
      </c>
      <c r="D10" s="9">
        <v>616</v>
      </c>
    </row>
    <row r="11" spans="1:4" ht="18" customHeight="1" x14ac:dyDescent="0.15">
      <c r="A11" s="16">
        <v>5</v>
      </c>
      <c r="B11" s="29">
        <v>61</v>
      </c>
      <c r="C11" s="10">
        <v>52</v>
      </c>
      <c r="D11" s="9">
        <v>113</v>
      </c>
    </row>
    <row r="12" spans="1:4" ht="18" customHeight="1" x14ac:dyDescent="0.15">
      <c r="A12" s="16">
        <v>6</v>
      </c>
      <c r="B12" s="29">
        <v>50</v>
      </c>
      <c r="C12" s="10">
        <v>53</v>
      </c>
      <c r="D12" s="9">
        <v>103</v>
      </c>
    </row>
    <row r="13" spans="1:4" ht="18" customHeight="1" x14ac:dyDescent="0.15">
      <c r="A13" s="16">
        <v>7</v>
      </c>
      <c r="B13" s="29">
        <v>71</v>
      </c>
      <c r="C13" s="10">
        <v>60</v>
      </c>
      <c r="D13" s="9">
        <v>131</v>
      </c>
    </row>
    <row r="14" spans="1:4" ht="18" customHeight="1" x14ac:dyDescent="0.15">
      <c r="A14" s="16">
        <v>8</v>
      </c>
      <c r="B14" s="29">
        <v>50</v>
      </c>
      <c r="C14" s="10">
        <v>58</v>
      </c>
      <c r="D14" s="9">
        <v>108</v>
      </c>
    </row>
    <row r="15" spans="1:4" ht="18" customHeight="1" x14ac:dyDescent="0.15">
      <c r="A15" s="16">
        <v>9</v>
      </c>
      <c r="B15" s="29">
        <v>41</v>
      </c>
      <c r="C15" s="10">
        <v>66</v>
      </c>
      <c r="D15" s="9">
        <v>107</v>
      </c>
    </row>
    <row r="16" spans="1:4" ht="18" customHeight="1" x14ac:dyDescent="0.15">
      <c r="A16" s="8" t="s">
        <v>50</v>
      </c>
      <c r="B16" s="29">
        <v>273</v>
      </c>
      <c r="C16" s="10">
        <v>289</v>
      </c>
      <c r="D16" s="9">
        <v>562</v>
      </c>
    </row>
    <row r="17" spans="1:4" ht="18" customHeight="1" x14ac:dyDescent="0.15">
      <c r="A17" s="16">
        <v>10</v>
      </c>
      <c r="B17" s="29">
        <v>62</v>
      </c>
      <c r="C17" s="10">
        <v>63</v>
      </c>
      <c r="D17" s="9">
        <v>125</v>
      </c>
    </row>
    <row r="18" spans="1:4" ht="18" customHeight="1" x14ac:dyDescent="0.15">
      <c r="A18" s="16">
        <v>11</v>
      </c>
      <c r="B18" s="29">
        <v>38</v>
      </c>
      <c r="C18" s="10">
        <v>54</v>
      </c>
      <c r="D18" s="9">
        <v>92</v>
      </c>
    </row>
    <row r="19" spans="1:4" ht="18" customHeight="1" x14ac:dyDescent="0.15">
      <c r="A19" s="16">
        <v>12</v>
      </c>
      <c r="B19" s="29">
        <v>49</v>
      </c>
      <c r="C19" s="10">
        <v>48</v>
      </c>
      <c r="D19" s="9">
        <v>97</v>
      </c>
    </row>
    <row r="20" spans="1:4" ht="18" customHeight="1" x14ac:dyDescent="0.15">
      <c r="A20" s="16">
        <v>13</v>
      </c>
      <c r="B20" s="29">
        <v>60</v>
      </c>
      <c r="C20" s="10">
        <v>59</v>
      </c>
      <c r="D20" s="9">
        <v>119</v>
      </c>
    </row>
    <row r="21" spans="1:4" ht="18" customHeight="1" x14ac:dyDescent="0.15">
      <c r="A21" s="16">
        <v>14</v>
      </c>
      <c r="B21" s="29">
        <v>40</v>
      </c>
      <c r="C21" s="10">
        <v>56</v>
      </c>
      <c r="D21" s="9">
        <v>96</v>
      </c>
    </row>
    <row r="22" spans="1:4" ht="18" customHeight="1" x14ac:dyDescent="0.15">
      <c r="A22" s="8" t="s">
        <v>75</v>
      </c>
      <c r="B22" s="29">
        <v>249</v>
      </c>
      <c r="C22" s="10">
        <v>280</v>
      </c>
      <c r="D22" s="9">
        <v>529</v>
      </c>
    </row>
    <row r="23" spans="1:4" ht="18" customHeight="1" x14ac:dyDescent="0.15">
      <c r="A23" s="8" t="s">
        <v>65</v>
      </c>
      <c r="B23" s="29">
        <v>835</v>
      </c>
      <c r="C23" s="10">
        <v>872</v>
      </c>
      <c r="D23" s="9">
        <v>1707</v>
      </c>
    </row>
    <row r="24" spans="1:4" ht="18" customHeight="1" x14ac:dyDescent="0.15">
      <c r="A24" s="16">
        <v>15</v>
      </c>
      <c r="B24" s="29">
        <v>53</v>
      </c>
      <c r="C24" s="10">
        <v>51</v>
      </c>
      <c r="D24" s="9">
        <v>104</v>
      </c>
    </row>
    <row r="25" spans="1:4" ht="18" customHeight="1" x14ac:dyDescent="0.15">
      <c r="A25" s="16">
        <v>16</v>
      </c>
      <c r="B25" s="29">
        <v>47</v>
      </c>
      <c r="C25" s="10">
        <v>47</v>
      </c>
      <c r="D25" s="9">
        <v>94</v>
      </c>
    </row>
    <row r="26" spans="1:4" ht="18" customHeight="1" x14ac:dyDescent="0.15">
      <c r="A26" s="16">
        <v>17</v>
      </c>
      <c r="B26" s="29">
        <v>51</v>
      </c>
      <c r="C26" s="10">
        <v>52</v>
      </c>
      <c r="D26" s="9">
        <v>103</v>
      </c>
    </row>
    <row r="27" spans="1:4" ht="18" customHeight="1" x14ac:dyDescent="0.15">
      <c r="A27" s="16">
        <v>18</v>
      </c>
      <c r="B27" s="29">
        <v>57</v>
      </c>
      <c r="C27" s="10">
        <v>42</v>
      </c>
      <c r="D27" s="9">
        <v>99</v>
      </c>
    </row>
    <row r="28" spans="1:4" ht="18" customHeight="1" x14ac:dyDescent="0.15">
      <c r="A28" s="16">
        <v>19</v>
      </c>
      <c r="B28" s="29">
        <v>43</v>
      </c>
      <c r="C28" s="10">
        <v>45</v>
      </c>
      <c r="D28" s="9">
        <v>88</v>
      </c>
    </row>
    <row r="29" spans="1:4" ht="18" customHeight="1" x14ac:dyDescent="0.15">
      <c r="A29" s="8" t="s">
        <v>21</v>
      </c>
      <c r="B29" s="29">
        <v>251</v>
      </c>
      <c r="C29" s="10">
        <v>237</v>
      </c>
      <c r="D29" s="9">
        <v>488</v>
      </c>
    </row>
    <row r="30" spans="1:4" ht="18" customHeight="1" x14ac:dyDescent="0.15">
      <c r="A30" s="16">
        <v>20</v>
      </c>
      <c r="B30" s="29">
        <v>46</v>
      </c>
      <c r="C30" s="10">
        <v>58</v>
      </c>
      <c r="D30" s="9">
        <v>104</v>
      </c>
    </row>
    <row r="31" spans="1:4" ht="18" customHeight="1" x14ac:dyDescent="0.15">
      <c r="A31" s="16">
        <v>21</v>
      </c>
      <c r="B31" s="29">
        <v>52</v>
      </c>
      <c r="C31" s="10">
        <v>61</v>
      </c>
      <c r="D31" s="9">
        <v>113</v>
      </c>
    </row>
    <row r="32" spans="1:4" ht="18" customHeight="1" x14ac:dyDescent="0.15">
      <c r="A32" s="16">
        <v>22</v>
      </c>
      <c r="B32" s="29">
        <v>69</v>
      </c>
      <c r="C32" s="10">
        <v>61</v>
      </c>
      <c r="D32" s="9">
        <v>130</v>
      </c>
    </row>
    <row r="33" spans="1:4" ht="18" customHeight="1" x14ac:dyDescent="0.15">
      <c r="A33" s="16">
        <v>23</v>
      </c>
      <c r="B33" s="29">
        <v>71</v>
      </c>
      <c r="C33" s="10">
        <v>53</v>
      </c>
      <c r="D33" s="9">
        <v>124</v>
      </c>
    </row>
    <row r="34" spans="1:4" ht="18" customHeight="1" x14ac:dyDescent="0.15">
      <c r="A34" s="16">
        <v>24</v>
      </c>
      <c r="B34" s="29">
        <v>87</v>
      </c>
      <c r="C34" s="10">
        <v>62</v>
      </c>
      <c r="D34" s="9">
        <v>149</v>
      </c>
    </row>
    <row r="35" spans="1:4" ht="18" customHeight="1" x14ac:dyDescent="0.15">
      <c r="A35" s="8" t="s">
        <v>20</v>
      </c>
      <c r="B35" s="29">
        <v>325</v>
      </c>
      <c r="C35" s="10">
        <v>295</v>
      </c>
      <c r="D35" s="9">
        <v>620</v>
      </c>
    </row>
    <row r="36" spans="1:4" ht="18" customHeight="1" x14ac:dyDescent="0.15">
      <c r="A36" s="16">
        <v>25</v>
      </c>
      <c r="B36" s="29">
        <v>70</v>
      </c>
      <c r="C36" s="10">
        <v>77</v>
      </c>
      <c r="D36" s="9">
        <v>147</v>
      </c>
    </row>
    <row r="37" spans="1:4" ht="18" customHeight="1" x14ac:dyDescent="0.15">
      <c r="A37" s="16">
        <v>26</v>
      </c>
      <c r="B37" s="29">
        <v>76</v>
      </c>
      <c r="C37" s="10">
        <v>74</v>
      </c>
      <c r="D37" s="9">
        <v>150</v>
      </c>
    </row>
    <row r="38" spans="1:4" ht="18" customHeight="1" x14ac:dyDescent="0.15">
      <c r="A38" s="16">
        <v>27</v>
      </c>
      <c r="B38" s="29">
        <v>106</v>
      </c>
      <c r="C38" s="10">
        <v>84</v>
      </c>
      <c r="D38" s="9">
        <v>190</v>
      </c>
    </row>
    <row r="39" spans="1:4" ht="18" customHeight="1" x14ac:dyDescent="0.15">
      <c r="A39" s="16">
        <v>28</v>
      </c>
      <c r="B39" s="29">
        <v>80</v>
      </c>
      <c r="C39" s="10">
        <v>80</v>
      </c>
      <c r="D39" s="9">
        <v>160</v>
      </c>
    </row>
    <row r="40" spans="1:4" ht="18" customHeight="1" x14ac:dyDescent="0.15">
      <c r="A40" s="16">
        <v>29</v>
      </c>
      <c r="B40" s="29">
        <v>98</v>
      </c>
      <c r="C40" s="10">
        <v>67</v>
      </c>
      <c r="D40" s="9">
        <v>165</v>
      </c>
    </row>
    <row r="41" spans="1:4" ht="18" customHeight="1" x14ac:dyDescent="0.15">
      <c r="A41" s="8" t="s">
        <v>19</v>
      </c>
      <c r="B41" s="29">
        <v>430</v>
      </c>
      <c r="C41" s="10">
        <v>382</v>
      </c>
      <c r="D41" s="9">
        <v>812</v>
      </c>
    </row>
    <row r="42" spans="1:4" ht="18" customHeight="1" x14ac:dyDescent="0.15">
      <c r="A42" s="16">
        <v>30</v>
      </c>
      <c r="B42" s="29">
        <v>79</v>
      </c>
      <c r="C42" s="10">
        <v>80</v>
      </c>
      <c r="D42" s="9">
        <v>159</v>
      </c>
    </row>
    <row r="43" spans="1:4" ht="18" customHeight="1" x14ac:dyDescent="0.15">
      <c r="A43" s="16">
        <v>31</v>
      </c>
      <c r="B43" s="29">
        <v>86</v>
      </c>
      <c r="C43" s="10">
        <v>63</v>
      </c>
      <c r="D43" s="9">
        <v>149</v>
      </c>
    </row>
    <row r="44" spans="1:4" ht="18" customHeight="1" x14ac:dyDescent="0.15">
      <c r="A44" s="16">
        <v>32</v>
      </c>
      <c r="B44" s="29">
        <v>74</v>
      </c>
      <c r="C44" s="10">
        <v>80</v>
      </c>
      <c r="D44" s="9">
        <v>154</v>
      </c>
    </row>
    <row r="45" spans="1:4" ht="18" customHeight="1" x14ac:dyDescent="0.15">
      <c r="A45" s="16">
        <v>33</v>
      </c>
      <c r="B45" s="29">
        <v>81</v>
      </c>
      <c r="C45" s="10">
        <v>73</v>
      </c>
      <c r="D45" s="9">
        <v>154</v>
      </c>
    </row>
    <row r="46" spans="1:4" ht="18" customHeight="1" x14ac:dyDescent="0.15">
      <c r="A46" s="16">
        <v>34</v>
      </c>
      <c r="B46" s="29">
        <v>97</v>
      </c>
      <c r="C46" s="10">
        <v>71</v>
      </c>
      <c r="D46" s="9">
        <v>168</v>
      </c>
    </row>
    <row r="47" spans="1:4" ht="18" customHeight="1" x14ac:dyDescent="0.15">
      <c r="A47" s="8" t="s">
        <v>18</v>
      </c>
      <c r="B47" s="29">
        <v>417</v>
      </c>
      <c r="C47" s="10">
        <v>367</v>
      </c>
      <c r="D47" s="9">
        <v>784</v>
      </c>
    </row>
    <row r="48" spans="1:4" ht="18" customHeight="1" x14ac:dyDescent="0.15">
      <c r="A48" s="16">
        <v>35</v>
      </c>
      <c r="B48" s="29">
        <v>75</v>
      </c>
      <c r="C48" s="10">
        <v>80</v>
      </c>
      <c r="D48" s="9">
        <v>155</v>
      </c>
    </row>
    <row r="49" spans="1:4" ht="18" customHeight="1" x14ac:dyDescent="0.15">
      <c r="A49" s="16">
        <v>36</v>
      </c>
      <c r="B49" s="29">
        <v>95</v>
      </c>
      <c r="C49" s="10">
        <v>80</v>
      </c>
      <c r="D49" s="9">
        <v>175</v>
      </c>
    </row>
    <row r="50" spans="1:4" ht="18" customHeight="1" x14ac:dyDescent="0.15">
      <c r="A50" s="16">
        <v>37</v>
      </c>
      <c r="B50" s="29">
        <v>98</v>
      </c>
      <c r="C50" s="10">
        <v>95</v>
      </c>
      <c r="D50" s="9">
        <v>193</v>
      </c>
    </row>
    <row r="51" spans="1:4" ht="18" customHeight="1" x14ac:dyDescent="0.15">
      <c r="A51" s="16">
        <v>38</v>
      </c>
      <c r="B51" s="29">
        <v>75</v>
      </c>
      <c r="C51" s="10">
        <v>76</v>
      </c>
      <c r="D51" s="9">
        <v>151</v>
      </c>
    </row>
    <row r="52" spans="1:4" ht="18" customHeight="1" x14ac:dyDescent="0.15">
      <c r="A52" s="16">
        <v>39</v>
      </c>
      <c r="B52" s="29">
        <v>77</v>
      </c>
      <c r="C52" s="10">
        <v>76</v>
      </c>
      <c r="D52" s="9">
        <v>153</v>
      </c>
    </row>
    <row r="53" spans="1:4" ht="18" customHeight="1" x14ac:dyDescent="0.15">
      <c r="A53" s="8" t="s">
        <v>17</v>
      </c>
      <c r="B53" s="29">
        <v>420</v>
      </c>
      <c r="C53" s="10">
        <v>407</v>
      </c>
      <c r="D53" s="9">
        <v>827</v>
      </c>
    </row>
    <row r="54" spans="1:4" ht="18" customHeight="1" x14ac:dyDescent="0.15">
      <c r="A54" s="16">
        <v>40</v>
      </c>
      <c r="B54" s="29">
        <v>77</v>
      </c>
      <c r="C54" s="10">
        <v>81</v>
      </c>
      <c r="D54" s="9">
        <v>158</v>
      </c>
    </row>
    <row r="55" spans="1:4" ht="18" customHeight="1" x14ac:dyDescent="0.15">
      <c r="A55" s="16">
        <v>41</v>
      </c>
      <c r="B55" s="29">
        <v>86</v>
      </c>
      <c r="C55" s="10">
        <v>81</v>
      </c>
      <c r="D55" s="9">
        <v>167</v>
      </c>
    </row>
    <row r="56" spans="1:4" ht="18" customHeight="1" x14ac:dyDescent="0.15">
      <c r="A56" s="16">
        <v>42</v>
      </c>
      <c r="B56" s="29">
        <v>91</v>
      </c>
      <c r="C56" s="10">
        <v>79</v>
      </c>
      <c r="D56" s="9">
        <v>170</v>
      </c>
    </row>
    <row r="57" spans="1:4" ht="18" customHeight="1" x14ac:dyDescent="0.15">
      <c r="A57" s="16">
        <v>43</v>
      </c>
      <c r="B57" s="29">
        <v>82</v>
      </c>
      <c r="C57" s="10">
        <v>95</v>
      </c>
      <c r="D57" s="9">
        <v>177</v>
      </c>
    </row>
    <row r="58" spans="1:4" ht="18" customHeight="1" x14ac:dyDescent="0.15">
      <c r="A58" s="16">
        <v>44</v>
      </c>
      <c r="B58" s="29">
        <v>90</v>
      </c>
      <c r="C58" s="10">
        <v>68</v>
      </c>
      <c r="D58" s="9">
        <v>158</v>
      </c>
    </row>
    <row r="59" spans="1:4" ht="18" customHeight="1" x14ac:dyDescent="0.15">
      <c r="A59" s="8" t="s">
        <v>46</v>
      </c>
      <c r="B59" s="29">
        <v>426</v>
      </c>
      <c r="C59" s="10">
        <v>404</v>
      </c>
      <c r="D59" s="9">
        <v>830</v>
      </c>
    </row>
    <row r="60" spans="1:4" ht="18" customHeight="1" x14ac:dyDescent="0.15">
      <c r="A60" s="16">
        <v>45</v>
      </c>
      <c r="B60" s="29">
        <v>111</v>
      </c>
      <c r="C60" s="10">
        <v>76</v>
      </c>
      <c r="D60" s="9">
        <v>187</v>
      </c>
    </row>
    <row r="61" spans="1:4" ht="18" customHeight="1" x14ac:dyDescent="0.15">
      <c r="A61" s="16">
        <v>46</v>
      </c>
      <c r="B61" s="29">
        <v>85</v>
      </c>
      <c r="C61" s="10">
        <v>80</v>
      </c>
      <c r="D61" s="9">
        <v>165</v>
      </c>
    </row>
    <row r="62" spans="1:4" ht="18" customHeight="1" x14ac:dyDescent="0.15">
      <c r="A62" s="16">
        <v>47</v>
      </c>
      <c r="B62" s="29">
        <v>93</v>
      </c>
      <c r="C62" s="10">
        <v>93</v>
      </c>
      <c r="D62" s="9">
        <v>186</v>
      </c>
    </row>
    <row r="63" spans="1:4" ht="18" customHeight="1" x14ac:dyDescent="0.15">
      <c r="A63" s="16">
        <v>48</v>
      </c>
      <c r="B63" s="29">
        <v>114</v>
      </c>
      <c r="C63" s="10">
        <v>107</v>
      </c>
      <c r="D63" s="9">
        <v>221</v>
      </c>
    </row>
    <row r="64" spans="1:4" ht="18" customHeight="1" x14ac:dyDescent="0.15">
      <c r="A64" s="16">
        <v>49</v>
      </c>
      <c r="B64" s="29">
        <v>103</v>
      </c>
      <c r="C64" s="10">
        <v>104</v>
      </c>
      <c r="D64" s="9">
        <v>207</v>
      </c>
    </row>
    <row r="65" spans="1:4" ht="18" customHeight="1" x14ac:dyDescent="0.15">
      <c r="A65" s="8" t="s">
        <v>45</v>
      </c>
      <c r="B65" s="29">
        <v>506</v>
      </c>
      <c r="C65" s="10">
        <v>460</v>
      </c>
      <c r="D65" s="9">
        <v>966</v>
      </c>
    </row>
    <row r="66" spans="1:4" ht="18" customHeight="1" x14ac:dyDescent="0.15">
      <c r="A66" s="16">
        <v>50</v>
      </c>
      <c r="B66" s="29">
        <v>100</v>
      </c>
      <c r="C66" s="10">
        <v>104</v>
      </c>
      <c r="D66" s="9">
        <v>204</v>
      </c>
    </row>
    <row r="67" spans="1:4" ht="18" customHeight="1" x14ac:dyDescent="0.15">
      <c r="A67" s="16">
        <v>51</v>
      </c>
      <c r="B67" s="29">
        <v>108</v>
      </c>
      <c r="C67" s="10">
        <v>107</v>
      </c>
      <c r="D67" s="9">
        <v>215</v>
      </c>
    </row>
    <row r="68" spans="1:4" ht="18" customHeight="1" x14ac:dyDescent="0.15">
      <c r="A68" s="16">
        <v>52</v>
      </c>
      <c r="B68" s="29">
        <v>99</v>
      </c>
      <c r="C68" s="10">
        <v>105</v>
      </c>
      <c r="D68" s="9">
        <v>204</v>
      </c>
    </row>
    <row r="69" spans="1:4" ht="18" customHeight="1" x14ac:dyDescent="0.15">
      <c r="A69" s="16">
        <v>53</v>
      </c>
      <c r="B69" s="29">
        <v>118</v>
      </c>
      <c r="C69" s="10">
        <v>69</v>
      </c>
      <c r="D69" s="9">
        <v>187</v>
      </c>
    </row>
    <row r="70" spans="1:4" ht="18" customHeight="1" x14ac:dyDescent="0.15">
      <c r="A70" s="16">
        <v>54</v>
      </c>
      <c r="B70" s="29">
        <v>86</v>
      </c>
      <c r="C70" s="10">
        <v>110</v>
      </c>
      <c r="D70" s="9">
        <v>196</v>
      </c>
    </row>
    <row r="71" spans="1:4" ht="18" customHeight="1" x14ac:dyDescent="0.15">
      <c r="A71" s="8" t="s">
        <v>58</v>
      </c>
      <c r="B71" s="29">
        <v>511</v>
      </c>
      <c r="C71" s="10">
        <v>495</v>
      </c>
      <c r="D71" s="9">
        <v>1006</v>
      </c>
    </row>
    <row r="72" spans="1:4" ht="18" customHeight="1" x14ac:dyDescent="0.15">
      <c r="A72" s="16">
        <v>55</v>
      </c>
      <c r="B72" s="29">
        <v>77</v>
      </c>
      <c r="C72" s="10">
        <v>73</v>
      </c>
      <c r="D72" s="9">
        <v>150</v>
      </c>
    </row>
    <row r="73" spans="1:4" ht="18" customHeight="1" x14ac:dyDescent="0.15">
      <c r="A73" s="16">
        <v>56</v>
      </c>
      <c r="B73" s="29">
        <v>73</v>
      </c>
      <c r="C73" s="10">
        <v>71</v>
      </c>
      <c r="D73" s="9">
        <v>144</v>
      </c>
    </row>
    <row r="74" spans="1:4" ht="18" customHeight="1" x14ac:dyDescent="0.15">
      <c r="A74" s="16">
        <v>57</v>
      </c>
      <c r="B74" s="29">
        <v>71</v>
      </c>
      <c r="C74" s="10">
        <v>72</v>
      </c>
      <c r="D74" s="9">
        <v>143</v>
      </c>
    </row>
    <row r="75" spans="1:4" ht="18" customHeight="1" x14ac:dyDescent="0.15">
      <c r="A75" s="16">
        <v>58</v>
      </c>
      <c r="B75" s="29">
        <v>61</v>
      </c>
      <c r="C75" s="10">
        <v>63</v>
      </c>
      <c r="D75" s="9">
        <v>124</v>
      </c>
    </row>
    <row r="76" spans="1:4" ht="18" customHeight="1" x14ac:dyDescent="0.15">
      <c r="A76" s="16">
        <v>59</v>
      </c>
      <c r="B76" s="29">
        <v>76</v>
      </c>
      <c r="C76" s="10">
        <v>61</v>
      </c>
      <c r="D76" s="9">
        <v>137</v>
      </c>
    </row>
    <row r="77" spans="1:4" ht="18" customHeight="1" x14ac:dyDescent="0.15">
      <c r="A77" s="8" t="s">
        <v>13</v>
      </c>
      <c r="B77" s="29">
        <v>358</v>
      </c>
      <c r="C77" s="10">
        <v>340</v>
      </c>
      <c r="D77" s="9">
        <v>698</v>
      </c>
    </row>
    <row r="78" spans="1:4" ht="18" customHeight="1" x14ac:dyDescent="0.15">
      <c r="A78" s="16">
        <v>60</v>
      </c>
      <c r="B78" s="29">
        <v>80</v>
      </c>
      <c r="C78" s="10">
        <v>84</v>
      </c>
      <c r="D78" s="9">
        <v>164</v>
      </c>
    </row>
    <row r="79" spans="1:4" ht="18" customHeight="1" x14ac:dyDescent="0.15">
      <c r="A79" s="16">
        <v>61</v>
      </c>
      <c r="B79" s="29">
        <v>61</v>
      </c>
      <c r="C79" s="10">
        <v>61</v>
      </c>
      <c r="D79" s="9">
        <v>122</v>
      </c>
    </row>
    <row r="80" spans="1:4" ht="18" customHeight="1" x14ac:dyDescent="0.15">
      <c r="A80" s="16">
        <v>62</v>
      </c>
      <c r="B80" s="29">
        <v>61</v>
      </c>
      <c r="C80" s="10">
        <v>60</v>
      </c>
      <c r="D80" s="9">
        <v>121</v>
      </c>
    </row>
    <row r="81" spans="1:4" ht="18" customHeight="1" x14ac:dyDescent="0.15">
      <c r="A81" s="16">
        <v>63</v>
      </c>
      <c r="B81" s="29">
        <v>53</v>
      </c>
      <c r="C81" s="10">
        <v>66</v>
      </c>
      <c r="D81" s="9">
        <v>119</v>
      </c>
    </row>
    <row r="82" spans="1:4" ht="18" customHeight="1" x14ac:dyDescent="0.15">
      <c r="A82" s="16">
        <v>64</v>
      </c>
      <c r="B82" s="29">
        <v>54</v>
      </c>
      <c r="C82" s="10">
        <v>70</v>
      </c>
      <c r="D82" s="9">
        <v>124</v>
      </c>
    </row>
    <row r="83" spans="1:4" ht="18" customHeight="1" x14ac:dyDescent="0.15">
      <c r="A83" s="8" t="s">
        <v>44</v>
      </c>
      <c r="B83" s="29">
        <v>309</v>
      </c>
      <c r="C83" s="10">
        <v>341</v>
      </c>
      <c r="D83" s="9">
        <v>650</v>
      </c>
    </row>
    <row r="84" spans="1:4" ht="18" customHeight="1" x14ac:dyDescent="0.15">
      <c r="A84" s="8" t="s">
        <v>43</v>
      </c>
      <c r="B84" s="29">
        <v>3953</v>
      </c>
      <c r="C84" s="10">
        <v>3728</v>
      </c>
      <c r="D84" s="9">
        <v>7681</v>
      </c>
    </row>
    <row r="85" spans="1:4" ht="18" customHeight="1" x14ac:dyDescent="0.15">
      <c r="A85" s="16">
        <v>65</v>
      </c>
      <c r="B85" s="29">
        <v>54</v>
      </c>
      <c r="C85" s="10">
        <v>59</v>
      </c>
      <c r="D85" s="9">
        <v>113</v>
      </c>
    </row>
    <row r="86" spans="1:4" ht="18" customHeight="1" x14ac:dyDescent="0.15">
      <c r="A86" s="16">
        <v>66</v>
      </c>
      <c r="B86" s="29">
        <v>49</v>
      </c>
      <c r="C86" s="10">
        <v>62</v>
      </c>
      <c r="D86" s="9">
        <v>111</v>
      </c>
    </row>
    <row r="87" spans="1:4" ht="18" customHeight="1" x14ac:dyDescent="0.15">
      <c r="A87" s="16">
        <v>67</v>
      </c>
      <c r="B87" s="29">
        <v>71</v>
      </c>
      <c r="C87" s="10">
        <v>51</v>
      </c>
      <c r="D87" s="9">
        <v>122</v>
      </c>
    </row>
    <row r="88" spans="1:4" ht="18" customHeight="1" x14ac:dyDescent="0.15">
      <c r="A88" s="16">
        <v>68</v>
      </c>
      <c r="B88" s="29">
        <v>60</v>
      </c>
      <c r="C88" s="10">
        <v>58</v>
      </c>
      <c r="D88" s="9">
        <v>118</v>
      </c>
    </row>
    <row r="89" spans="1:4" ht="18" customHeight="1" x14ac:dyDescent="0.15">
      <c r="A89" s="16">
        <v>69</v>
      </c>
      <c r="B89" s="29">
        <v>67</v>
      </c>
      <c r="C89" s="10">
        <v>63</v>
      </c>
      <c r="D89" s="9">
        <v>130</v>
      </c>
    </row>
    <row r="90" spans="1:4" ht="18" customHeight="1" x14ac:dyDescent="0.15">
      <c r="A90" s="8" t="s">
        <v>42</v>
      </c>
      <c r="B90" s="29">
        <v>301</v>
      </c>
      <c r="C90" s="10">
        <v>293</v>
      </c>
      <c r="D90" s="9">
        <v>594</v>
      </c>
    </row>
    <row r="91" spans="1:4" ht="18" customHeight="1" x14ac:dyDescent="0.15">
      <c r="A91" s="16">
        <v>70</v>
      </c>
      <c r="B91" s="29">
        <v>63</v>
      </c>
      <c r="C91" s="10">
        <v>80</v>
      </c>
      <c r="D91" s="9">
        <v>143</v>
      </c>
    </row>
    <row r="92" spans="1:4" ht="18" customHeight="1" x14ac:dyDescent="0.15">
      <c r="A92" s="16">
        <v>71</v>
      </c>
      <c r="B92" s="29">
        <v>61</v>
      </c>
      <c r="C92" s="10">
        <v>75</v>
      </c>
      <c r="D92" s="9">
        <v>136</v>
      </c>
    </row>
    <row r="93" spans="1:4" ht="18" customHeight="1" x14ac:dyDescent="0.15">
      <c r="A93" s="16">
        <v>72</v>
      </c>
      <c r="B93" s="29">
        <v>76</v>
      </c>
      <c r="C93" s="10">
        <v>91</v>
      </c>
      <c r="D93" s="9">
        <v>167</v>
      </c>
    </row>
    <row r="94" spans="1:4" ht="18" customHeight="1" x14ac:dyDescent="0.15">
      <c r="A94" s="16">
        <v>73</v>
      </c>
      <c r="B94" s="29">
        <v>86</v>
      </c>
      <c r="C94" s="10">
        <v>94</v>
      </c>
      <c r="D94" s="9">
        <v>180</v>
      </c>
    </row>
    <row r="95" spans="1:4" ht="18" customHeight="1" x14ac:dyDescent="0.15">
      <c r="A95" s="16">
        <v>74</v>
      </c>
      <c r="B95" s="29">
        <v>93</v>
      </c>
      <c r="C95" s="10">
        <v>93</v>
      </c>
      <c r="D95" s="9">
        <v>186</v>
      </c>
    </row>
    <row r="96" spans="1:4" ht="18" customHeight="1" x14ac:dyDescent="0.15">
      <c r="A96" s="8" t="s">
        <v>9</v>
      </c>
      <c r="B96" s="29">
        <v>379</v>
      </c>
      <c r="C96" s="10">
        <v>433</v>
      </c>
      <c r="D96" s="9">
        <v>812</v>
      </c>
    </row>
    <row r="97" spans="1:4" ht="18" customHeight="1" x14ac:dyDescent="0.15">
      <c r="A97" s="16">
        <v>75</v>
      </c>
      <c r="B97" s="29">
        <v>64</v>
      </c>
      <c r="C97" s="10">
        <v>103</v>
      </c>
      <c r="D97" s="9">
        <v>167</v>
      </c>
    </row>
    <row r="98" spans="1:4" ht="18" customHeight="1" x14ac:dyDescent="0.15">
      <c r="A98" s="16">
        <v>76</v>
      </c>
      <c r="B98" s="29">
        <v>61</v>
      </c>
      <c r="C98" s="10">
        <v>84</v>
      </c>
      <c r="D98" s="9">
        <v>145</v>
      </c>
    </row>
    <row r="99" spans="1:4" ht="18" customHeight="1" x14ac:dyDescent="0.15">
      <c r="A99" s="16">
        <v>77</v>
      </c>
      <c r="B99" s="29">
        <v>36</v>
      </c>
      <c r="C99" s="10">
        <v>48</v>
      </c>
      <c r="D99" s="9">
        <v>84</v>
      </c>
    </row>
    <row r="100" spans="1:4" ht="18" customHeight="1" x14ac:dyDescent="0.15">
      <c r="A100" s="16">
        <v>78</v>
      </c>
      <c r="B100" s="29">
        <v>63</v>
      </c>
      <c r="C100" s="10">
        <v>74</v>
      </c>
      <c r="D100" s="9">
        <v>137</v>
      </c>
    </row>
    <row r="101" spans="1:4" ht="18" customHeight="1" x14ac:dyDescent="0.15">
      <c r="A101" s="16">
        <v>79</v>
      </c>
      <c r="B101" s="29">
        <v>54</v>
      </c>
      <c r="C101" s="10">
        <v>83</v>
      </c>
      <c r="D101" s="9">
        <v>137</v>
      </c>
    </row>
    <row r="102" spans="1:4" ht="18" customHeight="1" x14ac:dyDescent="0.15">
      <c r="A102" s="8" t="s">
        <v>70</v>
      </c>
      <c r="B102" s="29">
        <v>278</v>
      </c>
      <c r="C102" s="10">
        <v>392</v>
      </c>
      <c r="D102" s="9">
        <v>670</v>
      </c>
    </row>
    <row r="103" spans="1:4" ht="18" customHeight="1" x14ac:dyDescent="0.15">
      <c r="A103" s="16">
        <v>80</v>
      </c>
      <c r="B103" s="29">
        <v>49</v>
      </c>
      <c r="C103" s="10">
        <v>68</v>
      </c>
      <c r="D103" s="9">
        <v>117</v>
      </c>
    </row>
    <row r="104" spans="1:4" ht="18" customHeight="1" x14ac:dyDescent="0.15">
      <c r="A104" s="16">
        <v>81</v>
      </c>
      <c r="B104" s="29">
        <v>50</v>
      </c>
      <c r="C104" s="10">
        <v>79</v>
      </c>
      <c r="D104" s="9">
        <v>129</v>
      </c>
    </row>
    <row r="105" spans="1:4" ht="18" customHeight="1" x14ac:dyDescent="0.15">
      <c r="A105" s="16">
        <v>82</v>
      </c>
      <c r="B105" s="29">
        <v>49</v>
      </c>
      <c r="C105" s="10">
        <v>68</v>
      </c>
      <c r="D105" s="9">
        <v>117</v>
      </c>
    </row>
    <row r="106" spans="1:4" ht="18" customHeight="1" x14ac:dyDescent="0.15">
      <c r="A106" s="16">
        <v>83</v>
      </c>
      <c r="B106" s="29">
        <v>26</v>
      </c>
      <c r="C106" s="10">
        <v>68</v>
      </c>
      <c r="D106" s="9">
        <v>94</v>
      </c>
    </row>
    <row r="107" spans="1:4" ht="18" customHeight="1" x14ac:dyDescent="0.15">
      <c r="A107" s="16">
        <v>84</v>
      </c>
      <c r="B107" s="29">
        <v>33</v>
      </c>
      <c r="C107" s="10">
        <v>48</v>
      </c>
      <c r="D107" s="9">
        <v>81</v>
      </c>
    </row>
    <row r="108" spans="1:4" ht="18" customHeight="1" x14ac:dyDescent="0.15">
      <c r="A108" s="8" t="s">
        <v>98</v>
      </c>
      <c r="B108" s="29">
        <v>207</v>
      </c>
      <c r="C108" s="10">
        <v>331</v>
      </c>
      <c r="D108" s="9">
        <v>538</v>
      </c>
    </row>
    <row r="109" spans="1:4" ht="18" customHeight="1" x14ac:dyDescent="0.15">
      <c r="A109" s="16">
        <v>85</v>
      </c>
      <c r="B109" s="29">
        <v>33</v>
      </c>
      <c r="C109" s="10">
        <v>49</v>
      </c>
      <c r="D109" s="9">
        <v>82</v>
      </c>
    </row>
    <row r="110" spans="1:4" ht="18" customHeight="1" x14ac:dyDescent="0.15">
      <c r="A110" s="16">
        <v>86</v>
      </c>
      <c r="B110" s="29">
        <v>32</v>
      </c>
      <c r="C110" s="10">
        <v>39</v>
      </c>
      <c r="D110" s="9">
        <v>71</v>
      </c>
    </row>
    <row r="111" spans="1:4" ht="18" customHeight="1" x14ac:dyDescent="0.15">
      <c r="A111" s="16">
        <v>87</v>
      </c>
      <c r="B111" s="29">
        <v>33</v>
      </c>
      <c r="C111" s="10">
        <v>52</v>
      </c>
      <c r="D111" s="9">
        <v>85</v>
      </c>
    </row>
    <row r="112" spans="1:4" ht="18" customHeight="1" x14ac:dyDescent="0.15">
      <c r="A112" s="16">
        <v>88</v>
      </c>
      <c r="B112" s="29">
        <v>23</v>
      </c>
      <c r="C112" s="10">
        <v>44</v>
      </c>
      <c r="D112" s="9">
        <v>67</v>
      </c>
    </row>
    <row r="113" spans="1:4" ht="18" customHeight="1" x14ac:dyDescent="0.15">
      <c r="A113" s="16">
        <v>89</v>
      </c>
      <c r="B113" s="29">
        <v>18</v>
      </c>
      <c r="C113" s="10">
        <v>49</v>
      </c>
      <c r="D113" s="9">
        <v>67</v>
      </c>
    </row>
    <row r="114" spans="1:4" ht="18" customHeight="1" x14ac:dyDescent="0.15">
      <c r="A114" s="8" t="s">
        <v>38</v>
      </c>
      <c r="B114" s="29">
        <v>139</v>
      </c>
      <c r="C114" s="10">
        <v>233</v>
      </c>
      <c r="D114" s="9">
        <v>372</v>
      </c>
    </row>
    <row r="115" spans="1:4" ht="18" customHeight="1" x14ac:dyDescent="0.15">
      <c r="A115" s="16">
        <v>90</v>
      </c>
      <c r="B115" s="29">
        <v>15</v>
      </c>
      <c r="C115" s="10">
        <v>39</v>
      </c>
      <c r="D115" s="9">
        <v>54</v>
      </c>
    </row>
    <row r="116" spans="1:4" ht="18" customHeight="1" x14ac:dyDescent="0.15">
      <c r="A116" s="16">
        <v>91</v>
      </c>
      <c r="B116" s="29">
        <v>10</v>
      </c>
      <c r="C116" s="10">
        <v>26</v>
      </c>
      <c r="D116" s="9">
        <v>36</v>
      </c>
    </row>
    <row r="117" spans="1:4" ht="18" customHeight="1" x14ac:dyDescent="0.15">
      <c r="A117" s="16">
        <v>92</v>
      </c>
      <c r="B117" s="29">
        <v>5</v>
      </c>
      <c r="C117" s="10">
        <v>23</v>
      </c>
      <c r="D117" s="9">
        <v>28</v>
      </c>
    </row>
    <row r="118" spans="1:4" ht="18" customHeight="1" x14ac:dyDescent="0.15">
      <c r="A118" s="16">
        <v>93</v>
      </c>
      <c r="B118" s="29">
        <v>5</v>
      </c>
      <c r="C118" s="10">
        <v>25</v>
      </c>
      <c r="D118" s="9">
        <v>30</v>
      </c>
    </row>
    <row r="119" spans="1:4" ht="18" customHeight="1" x14ac:dyDescent="0.15">
      <c r="A119" s="16">
        <v>94</v>
      </c>
      <c r="B119" s="29">
        <v>1</v>
      </c>
      <c r="C119" s="10">
        <v>13</v>
      </c>
      <c r="D119" s="9">
        <v>14</v>
      </c>
    </row>
    <row r="120" spans="1:4" ht="18" customHeight="1" x14ac:dyDescent="0.15">
      <c r="A120" s="8" t="s">
        <v>5</v>
      </c>
      <c r="B120" s="29">
        <v>36</v>
      </c>
      <c r="C120" s="10">
        <v>126</v>
      </c>
      <c r="D120" s="9">
        <v>162</v>
      </c>
    </row>
    <row r="121" spans="1:4" ht="18" customHeight="1" x14ac:dyDescent="0.15">
      <c r="A121" s="16">
        <v>95</v>
      </c>
      <c r="B121" s="29">
        <v>1</v>
      </c>
      <c r="C121" s="10">
        <v>19</v>
      </c>
      <c r="D121" s="9">
        <v>20</v>
      </c>
    </row>
    <row r="122" spans="1:4" ht="18" customHeight="1" x14ac:dyDescent="0.15">
      <c r="A122" s="16">
        <v>96</v>
      </c>
      <c r="B122" s="29">
        <v>3</v>
      </c>
      <c r="C122" s="10">
        <v>8</v>
      </c>
      <c r="D122" s="9">
        <v>11</v>
      </c>
    </row>
    <row r="123" spans="1:4" ht="18" customHeight="1" x14ac:dyDescent="0.15">
      <c r="A123" s="16">
        <v>97</v>
      </c>
      <c r="B123" s="29">
        <v>2</v>
      </c>
      <c r="C123" s="10">
        <v>11</v>
      </c>
      <c r="D123" s="9">
        <v>13</v>
      </c>
    </row>
    <row r="124" spans="1:4" ht="18" customHeight="1" x14ac:dyDescent="0.15">
      <c r="A124" s="16">
        <v>98</v>
      </c>
      <c r="B124" s="29">
        <v>1</v>
      </c>
      <c r="C124" s="10">
        <v>6</v>
      </c>
      <c r="D124" s="9">
        <v>7</v>
      </c>
    </row>
    <row r="125" spans="1:4" ht="18" customHeight="1" x14ac:dyDescent="0.15">
      <c r="A125" s="16">
        <v>99</v>
      </c>
      <c r="B125" s="29">
        <v>1</v>
      </c>
      <c r="C125" s="10">
        <v>3</v>
      </c>
      <c r="D125" s="9">
        <v>4</v>
      </c>
    </row>
    <row r="126" spans="1:4" ht="18" customHeight="1" x14ac:dyDescent="0.15">
      <c r="A126" s="8" t="s">
        <v>4</v>
      </c>
      <c r="B126" s="29">
        <v>8</v>
      </c>
      <c r="C126" s="10">
        <v>47</v>
      </c>
      <c r="D126" s="9">
        <v>55</v>
      </c>
    </row>
    <row r="127" spans="1:4" ht="18" customHeight="1" x14ac:dyDescent="0.15">
      <c r="A127" s="16">
        <v>100</v>
      </c>
      <c r="B127" s="29">
        <v>2</v>
      </c>
      <c r="C127" s="10">
        <v>4</v>
      </c>
      <c r="D127" s="9">
        <v>6</v>
      </c>
    </row>
    <row r="128" spans="1:4" ht="18" customHeight="1" x14ac:dyDescent="0.15">
      <c r="A128" s="15" t="s">
        <v>37</v>
      </c>
      <c r="B128" s="29">
        <v>1</v>
      </c>
      <c r="C128" s="10">
        <v>5</v>
      </c>
      <c r="D128" s="9">
        <v>6</v>
      </c>
    </row>
    <row r="129" spans="1:4" ht="18" customHeight="1" x14ac:dyDescent="0.15">
      <c r="A129" s="8" t="s">
        <v>2</v>
      </c>
      <c r="B129" s="29">
        <v>3</v>
      </c>
      <c r="C129" s="10">
        <v>9</v>
      </c>
      <c r="D129" s="9">
        <v>12</v>
      </c>
    </row>
    <row r="130" spans="1:4" ht="18" customHeight="1" x14ac:dyDescent="0.15">
      <c r="A130" s="8" t="s">
        <v>1</v>
      </c>
      <c r="B130" s="28">
        <v>1351</v>
      </c>
      <c r="C130" s="6">
        <v>1864</v>
      </c>
      <c r="D130" s="5">
        <v>3215</v>
      </c>
    </row>
    <row r="131" spans="1:4" ht="18" customHeight="1" x14ac:dyDescent="0.15">
      <c r="A131" s="4" t="s">
        <v>0</v>
      </c>
      <c r="B131" s="27">
        <v>6139</v>
      </c>
      <c r="C131" s="2">
        <v>6464</v>
      </c>
      <c r="D131" s="1">
        <v>1260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4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81</v>
      </c>
      <c r="C5" s="18">
        <v>80</v>
      </c>
      <c r="D5" s="17">
        <v>161</v>
      </c>
    </row>
    <row r="6" spans="1:4" ht="18" customHeight="1" x14ac:dyDescent="0.15">
      <c r="A6" s="16">
        <v>1</v>
      </c>
      <c r="B6" s="29">
        <v>84</v>
      </c>
      <c r="C6" s="10">
        <v>71</v>
      </c>
      <c r="D6" s="9">
        <v>155</v>
      </c>
    </row>
    <row r="7" spans="1:4" ht="18" customHeight="1" x14ac:dyDescent="0.15">
      <c r="A7" s="16">
        <v>2</v>
      </c>
      <c r="B7" s="29">
        <v>88</v>
      </c>
      <c r="C7" s="10">
        <v>86</v>
      </c>
      <c r="D7" s="9">
        <v>174</v>
      </c>
    </row>
    <row r="8" spans="1:4" ht="18" customHeight="1" x14ac:dyDescent="0.15">
      <c r="A8" s="16">
        <v>3</v>
      </c>
      <c r="B8" s="29">
        <v>84</v>
      </c>
      <c r="C8" s="10">
        <v>87</v>
      </c>
      <c r="D8" s="9">
        <v>171</v>
      </c>
    </row>
    <row r="9" spans="1:4" ht="18" customHeight="1" x14ac:dyDescent="0.15">
      <c r="A9" s="16">
        <v>4</v>
      </c>
      <c r="B9" s="29">
        <v>82</v>
      </c>
      <c r="C9" s="10">
        <v>69</v>
      </c>
      <c r="D9" s="9">
        <v>151</v>
      </c>
    </row>
    <row r="10" spans="1:4" ht="18" customHeight="1" x14ac:dyDescent="0.15">
      <c r="A10" s="8" t="s">
        <v>142</v>
      </c>
      <c r="B10" s="29">
        <v>419</v>
      </c>
      <c r="C10" s="10">
        <v>393</v>
      </c>
      <c r="D10" s="9">
        <v>812</v>
      </c>
    </row>
    <row r="11" spans="1:4" ht="18" customHeight="1" x14ac:dyDescent="0.15">
      <c r="A11" s="16">
        <v>5</v>
      </c>
      <c r="B11" s="29">
        <v>100</v>
      </c>
      <c r="C11" s="10">
        <v>86</v>
      </c>
      <c r="D11" s="9">
        <v>186</v>
      </c>
    </row>
    <row r="12" spans="1:4" ht="18" customHeight="1" x14ac:dyDescent="0.15">
      <c r="A12" s="16">
        <v>6</v>
      </c>
      <c r="B12" s="29">
        <v>92</v>
      </c>
      <c r="C12" s="10">
        <v>76</v>
      </c>
      <c r="D12" s="9">
        <v>168</v>
      </c>
    </row>
    <row r="13" spans="1:4" ht="18" customHeight="1" x14ac:dyDescent="0.15">
      <c r="A13" s="16">
        <v>7</v>
      </c>
      <c r="B13" s="29">
        <v>101</v>
      </c>
      <c r="C13" s="10">
        <v>83</v>
      </c>
      <c r="D13" s="9">
        <v>184</v>
      </c>
    </row>
    <row r="14" spans="1:4" ht="18" customHeight="1" x14ac:dyDescent="0.15">
      <c r="A14" s="16">
        <v>8</v>
      </c>
      <c r="B14" s="29">
        <v>88</v>
      </c>
      <c r="C14" s="10">
        <v>83</v>
      </c>
      <c r="D14" s="9">
        <v>171</v>
      </c>
    </row>
    <row r="15" spans="1:4" ht="18" customHeight="1" x14ac:dyDescent="0.15">
      <c r="A15" s="16">
        <v>9</v>
      </c>
      <c r="B15" s="29">
        <v>91</v>
      </c>
      <c r="C15" s="10">
        <v>95</v>
      </c>
      <c r="D15" s="9">
        <v>186</v>
      </c>
    </row>
    <row r="16" spans="1:4" ht="18" customHeight="1" x14ac:dyDescent="0.15">
      <c r="A16" s="8" t="s">
        <v>50</v>
      </c>
      <c r="B16" s="29">
        <v>472</v>
      </c>
      <c r="C16" s="10">
        <v>423</v>
      </c>
      <c r="D16" s="9">
        <v>895</v>
      </c>
    </row>
    <row r="17" spans="1:4" ht="18" customHeight="1" x14ac:dyDescent="0.15">
      <c r="A17" s="16">
        <v>10</v>
      </c>
      <c r="B17" s="29">
        <v>89</v>
      </c>
      <c r="C17" s="10">
        <v>83</v>
      </c>
      <c r="D17" s="9">
        <v>172</v>
      </c>
    </row>
    <row r="18" spans="1:4" ht="18" customHeight="1" x14ac:dyDescent="0.15">
      <c r="A18" s="16">
        <v>11</v>
      </c>
      <c r="B18" s="29">
        <v>89</v>
      </c>
      <c r="C18" s="10">
        <v>96</v>
      </c>
      <c r="D18" s="9">
        <v>185</v>
      </c>
    </row>
    <row r="19" spans="1:4" ht="18" customHeight="1" x14ac:dyDescent="0.15">
      <c r="A19" s="16">
        <v>12</v>
      </c>
      <c r="B19" s="29">
        <v>97</v>
      </c>
      <c r="C19" s="10">
        <v>76</v>
      </c>
      <c r="D19" s="9">
        <v>173</v>
      </c>
    </row>
    <row r="20" spans="1:4" ht="18" customHeight="1" x14ac:dyDescent="0.15">
      <c r="A20" s="16">
        <v>13</v>
      </c>
      <c r="B20" s="29">
        <v>87</v>
      </c>
      <c r="C20" s="10">
        <v>88</v>
      </c>
      <c r="D20" s="9">
        <v>175</v>
      </c>
    </row>
    <row r="21" spans="1:4" ht="18" customHeight="1" x14ac:dyDescent="0.15">
      <c r="A21" s="16">
        <v>14</v>
      </c>
      <c r="B21" s="29">
        <v>98</v>
      </c>
      <c r="C21" s="10">
        <v>94</v>
      </c>
      <c r="D21" s="9">
        <v>192</v>
      </c>
    </row>
    <row r="22" spans="1:4" ht="18" customHeight="1" x14ac:dyDescent="0.15">
      <c r="A22" s="8" t="s">
        <v>75</v>
      </c>
      <c r="B22" s="29">
        <v>460</v>
      </c>
      <c r="C22" s="10">
        <v>437</v>
      </c>
      <c r="D22" s="9">
        <v>897</v>
      </c>
    </row>
    <row r="23" spans="1:4" ht="18" customHeight="1" x14ac:dyDescent="0.15">
      <c r="A23" s="8" t="s">
        <v>22</v>
      </c>
      <c r="B23" s="29">
        <v>1351</v>
      </c>
      <c r="C23" s="10">
        <v>1253</v>
      </c>
      <c r="D23" s="9">
        <v>2604</v>
      </c>
    </row>
    <row r="24" spans="1:4" ht="18" customHeight="1" x14ac:dyDescent="0.15">
      <c r="A24" s="16">
        <v>15</v>
      </c>
      <c r="B24" s="29">
        <v>84</v>
      </c>
      <c r="C24" s="10">
        <v>83</v>
      </c>
      <c r="D24" s="9">
        <v>167</v>
      </c>
    </row>
    <row r="25" spans="1:4" ht="18" customHeight="1" x14ac:dyDescent="0.15">
      <c r="A25" s="16">
        <v>16</v>
      </c>
      <c r="B25" s="29">
        <v>75</v>
      </c>
      <c r="C25" s="10">
        <v>96</v>
      </c>
      <c r="D25" s="9">
        <v>171</v>
      </c>
    </row>
    <row r="26" spans="1:4" ht="18" customHeight="1" x14ac:dyDescent="0.15">
      <c r="A26" s="16">
        <v>17</v>
      </c>
      <c r="B26" s="29">
        <v>97</v>
      </c>
      <c r="C26" s="10">
        <v>69</v>
      </c>
      <c r="D26" s="9">
        <v>166</v>
      </c>
    </row>
    <row r="27" spans="1:4" ht="18" customHeight="1" x14ac:dyDescent="0.15">
      <c r="A27" s="16">
        <v>18</v>
      </c>
      <c r="B27" s="29">
        <v>76</v>
      </c>
      <c r="C27" s="10">
        <v>63</v>
      </c>
      <c r="D27" s="9">
        <v>139</v>
      </c>
    </row>
    <row r="28" spans="1:4" ht="18" customHeight="1" x14ac:dyDescent="0.15">
      <c r="A28" s="16">
        <v>19</v>
      </c>
      <c r="B28" s="29">
        <v>66</v>
      </c>
      <c r="C28" s="10">
        <v>84</v>
      </c>
      <c r="D28" s="9">
        <v>150</v>
      </c>
    </row>
    <row r="29" spans="1:4" ht="18" customHeight="1" x14ac:dyDescent="0.15">
      <c r="A29" s="8" t="s">
        <v>48</v>
      </c>
      <c r="B29" s="29">
        <v>398</v>
      </c>
      <c r="C29" s="10">
        <v>395</v>
      </c>
      <c r="D29" s="9">
        <v>793</v>
      </c>
    </row>
    <row r="30" spans="1:4" ht="18" customHeight="1" x14ac:dyDescent="0.15">
      <c r="A30" s="16">
        <v>20</v>
      </c>
      <c r="B30" s="29">
        <v>69</v>
      </c>
      <c r="C30" s="10">
        <v>50</v>
      </c>
      <c r="D30" s="9">
        <v>119</v>
      </c>
    </row>
    <row r="31" spans="1:4" ht="18" customHeight="1" x14ac:dyDescent="0.15">
      <c r="A31" s="16">
        <v>21</v>
      </c>
      <c r="B31" s="29">
        <v>61</v>
      </c>
      <c r="C31" s="10">
        <v>75</v>
      </c>
      <c r="D31" s="9">
        <v>136</v>
      </c>
    </row>
    <row r="32" spans="1:4" ht="18" customHeight="1" x14ac:dyDescent="0.15">
      <c r="A32" s="16">
        <v>22</v>
      </c>
      <c r="B32" s="29">
        <v>74</v>
      </c>
      <c r="C32" s="10">
        <v>61</v>
      </c>
      <c r="D32" s="9">
        <v>135</v>
      </c>
    </row>
    <row r="33" spans="1:4" ht="18" customHeight="1" x14ac:dyDescent="0.15">
      <c r="A33" s="16">
        <v>23</v>
      </c>
      <c r="B33" s="29">
        <v>86</v>
      </c>
      <c r="C33" s="10">
        <v>64</v>
      </c>
      <c r="D33" s="9">
        <v>150</v>
      </c>
    </row>
    <row r="34" spans="1:4" ht="18" customHeight="1" x14ac:dyDescent="0.15">
      <c r="A34" s="16">
        <v>24</v>
      </c>
      <c r="B34" s="29">
        <v>69</v>
      </c>
      <c r="C34" s="10">
        <v>78</v>
      </c>
      <c r="D34" s="9">
        <v>147</v>
      </c>
    </row>
    <row r="35" spans="1:4" ht="18" customHeight="1" x14ac:dyDescent="0.15">
      <c r="A35" s="8" t="s">
        <v>141</v>
      </c>
      <c r="B35" s="29">
        <v>359</v>
      </c>
      <c r="C35" s="10">
        <v>328</v>
      </c>
      <c r="D35" s="9">
        <v>687</v>
      </c>
    </row>
    <row r="36" spans="1:4" ht="18" customHeight="1" x14ac:dyDescent="0.15">
      <c r="A36" s="16">
        <v>25</v>
      </c>
      <c r="B36" s="29">
        <v>63</v>
      </c>
      <c r="C36" s="10">
        <v>90</v>
      </c>
      <c r="D36" s="9">
        <v>153</v>
      </c>
    </row>
    <row r="37" spans="1:4" ht="18" customHeight="1" x14ac:dyDescent="0.15">
      <c r="A37" s="16">
        <v>26</v>
      </c>
      <c r="B37" s="29">
        <v>78</v>
      </c>
      <c r="C37" s="10">
        <v>80</v>
      </c>
      <c r="D37" s="9">
        <v>158</v>
      </c>
    </row>
    <row r="38" spans="1:4" ht="18" customHeight="1" x14ac:dyDescent="0.15">
      <c r="A38" s="16">
        <v>27</v>
      </c>
      <c r="B38" s="29">
        <v>65</v>
      </c>
      <c r="C38" s="10">
        <v>68</v>
      </c>
      <c r="D38" s="9">
        <v>133</v>
      </c>
    </row>
    <row r="39" spans="1:4" ht="18" customHeight="1" x14ac:dyDescent="0.15">
      <c r="A39" s="16">
        <v>28</v>
      </c>
      <c r="B39" s="29">
        <v>91</v>
      </c>
      <c r="C39" s="10">
        <v>106</v>
      </c>
      <c r="D39" s="9">
        <v>197</v>
      </c>
    </row>
    <row r="40" spans="1:4" ht="18" customHeight="1" x14ac:dyDescent="0.15">
      <c r="A40" s="16">
        <v>29</v>
      </c>
      <c r="B40" s="29">
        <v>86</v>
      </c>
      <c r="C40" s="10">
        <v>96</v>
      </c>
      <c r="D40" s="9">
        <v>182</v>
      </c>
    </row>
    <row r="41" spans="1:4" ht="18" customHeight="1" x14ac:dyDescent="0.15">
      <c r="A41" s="8" t="s">
        <v>73</v>
      </c>
      <c r="B41" s="29">
        <v>383</v>
      </c>
      <c r="C41" s="10">
        <v>440</v>
      </c>
      <c r="D41" s="9">
        <v>823</v>
      </c>
    </row>
    <row r="42" spans="1:4" ht="18" customHeight="1" x14ac:dyDescent="0.15">
      <c r="A42" s="16">
        <v>30</v>
      </c>
      <c r="B42" s="29">
        <v>75</v>
      </c>
      <c r="C42" s="10">
        <v>94</v>
      </c>
      <c r="D42" s="9">
        <v>169</v>
      </c>
    </row>
    <row r="43" spans="1:4" ht="18" customHeight="1" x14ac:dyDescent="0.15">
      <c r="A43" s="16">
        <v>31</v>
      </c>
      <c r="B43" s="29">
        <v>81</v>
      </c>
      <c r="C43" s="10">
        <v>95</v>
      </c>
      <c r="D43" s="9">
        <v>176</v>
      </c>
    </row>
    <row r="44" spans="1:4" ht="18" customHeight="1" x14ac:dyDescent="0.15">
      <c r="A44" s="16">
        <v>32</v>
      </c>
      <c r="B44" s="29">
        <v>107</v>
      </c>
      <c r="C44" s="10">
        <v>91</v>
      </c>
      <c r="D44" s="9">
        <v>198</v>
      </c>
    </row>
    <row r="45" spans="1:4" ht="18" customHeight="1" x14ac:dyDescent="0.15">
      <c r="A45" s="16">
        <v>33</v>
      </c>
      <c r="B45" s="29">
        <v>104</v>
      </c>
      <c r="C45" s="10">
        <v>86</v>
      </c>
      <c r="D45" s="9">
        <v>190</v>
      </c>
    </row>
    <row r="46" spans="1:4" ht="18" customHeight="1" x14ac:dyDescent="0.15">
      <c r="A46" s="16">
        <v>34</v>
      </c>
      <c r="B46" s="29">
        <v>111</v>
      </c>
      <c r="C46" s="10">
        <v>99</v>
      </c>
      <c r="D46" s="9">
        <v>210</v>
      </c>
    </row>
    <row r="47" spans="1:4" ht="18" customHeight="1" x14ac:dyDescent="0.15">
      <c r="A47" s="8" t="s">
        <v>140</v>
      </c>
      <c r="B47" s="29">
        <v>478</v>
      </c>
      <c r="C47" s="10">
        <v>465</v>
      </c>
      <c r="D47" s="9">
        <v>943</v>
      </c>
    </row>
    <row r="48" spans="1:4" ht="18" customHeight="1" x14ac:dyDescent="0.15">
      <c r="A48" s="16">
        <v>35</v>
      </c>
      <c r="B48" s="29">
        <v>91</v>
      </c>
      <c r="C48" s="10">
        <v>91</v>
      </c>
      <c r="D48" s="9">
        <v>182</v>
      </c>
    </row>
    <row r="49" spans="1:4" ht="18" customHeight="1" x14ac:dyDescent="0.15">
      <c r="A49" s="16">
        <v>36</v>
      </c>
      <c r="B49" s="29">
        <v>103</v>
      </c>
      <c r="C49" s="10">
        <v>108</v>
      </c>
      <c r="D49" s="9">
        <v>211</v>
      </c>
    </row>
    <row r="50" spans="1:4" ht="18" customHeight="1" x14ac:dyDescent="0.15">
      <c r="A50" s="16">
        <v>37</v>
      </c>
      <c r="B50" s="29">
        <v>118</v>
      </c>
      <c r="C50" s="10">
        <v>115</v>
      </c>
      <c r="D50" s="9">
        <v>233</v>
      </c>
    </row>
    <row r="51" spans="1:4" ht="18" customHeight="1" x14ac:dyDescent="0.15">
      <c r="A51" s="16">
        <v>38</v>
      </c>
      <c r="B51" s="29">
        <v>135</v>
      </c>
      <c r="C51" s="10">
        <v>117</v>
      </c>
      <c r="D51" s="9">
        <v>252</v>
      </c>
    </row>
    <row r="52" spans="1:4" ht="18" customHeight="1" x14ac:dyDescent="0.15">
      <c r="A52" s="16">
        <v>39</v>
      </c>
      <c r="B52" s="29">
        <v>134</v>
      </c>
      <c r="C52" s="10">
        <v>109</v>
      </c>
      <c r="D52" s="9">
        <v>243</v>
      </c>
    </row>
    <row r="53" spans="1:4" ht="18" customHeight="1" x14ac:dyDescent="0.15">
      <c r="A53" s="8" t="s">
        <v>139</v>
      </c>
      <c r="B53" s="29">
        <v>581</v>
      </c>
      <c r="C53" s="10">
        <v>540</v>
      </c>
      <c r="D53" s="9">
        <v>1121</v>
      </c>
    </row>
    <row r="54" spans="1:4" ht="18" customHeight="1" x14ac:dyDescent="0.15">
      <c r="A54" s="16">
        <v>40</v>
      </c>
      <c r="B54" s="29">
        <v>130</v>
      </c>
      <c r="C54" s="10">
        <v>120</v>
      </c>
      <c r="D54" s="9">
        <v>250</v>
      </c>
    </row>
    <row r="55" spans="1:4" ht="18" customHeight="1" x14ac:dyDescent="0.15">
      <c r="A55" s="16">
        <v>41</v>
      </c>
      <c r="B55" s="29">
        <v>147</v>
      </c>
      <c r="C55" s="10">
        <v>123</v>
      </c>
      <c r="D55" s="9">
        <v>270</v>
      </c>
    </row>
    <row r="56" spans="1:4" ht="18" customHeight="1" x14ac:dyDescent="0.15">
      <c r="A56" s="16">
        <v>42</v>
      </c>
      <c r="B56" s="29">
        <v>124</v>
      </c>
      <c r="C56" s="10">
        <v>132</v>
      </c>
      <c r="D56" s="9">
        <v>256</v>
      </c>
    </row>
    <row r="57" spans="1:4" ht="18" customHeight="1" x14ac:dyDescent="0.15">
      <c r="A57" s="16">
        <v>43</v>
      </c>
      <c r="B57" s="29">
        <v>147</v>
      </c>
      <c r="C57" s="10">
        <v>118</v>
      </c>
      <c r="D57" s="9">
        <v>265</v>
      </c>
    </row>
    <row r="58" spans="1:4" ht="18" customHeight="1" x14ac:dyDescent="0.15">
      <c r="A58" s="16">
        <v>44</v>
      </c>
      <c r="B58" s="29">
        <v>122</v>
      </c>
      <c r="C58" s="10">
        <v>113</v>
      </c>
      <c r="D58" s="9">
        <v>235</v>
      </c>
    </row>
    <row r="59" spans="1:4" ht="18" customHeight="1" x14ac:dyDescent="0.15">
      <c r="A59" s="8" t="s">
        <v>138</v>
      </c>
      <c r="B59" s="29">
        <v>670</v>
      </c>
      <c r="C59" s="10">
        <v>606</v>
      </c>
      <c r="D59" s="9">
        <v>1276</v>
      </c>
    </row>
    <row r="60" spans="1:4" ht="18" customHeight="1" x14ac:dyDescent="0.15">
      <c r="A60" s="16">
        <v>45</v>
      </c>
      <c r="B60" s="29">
        <v>127</v>
      </c>
      <c r="C60" s="10">
        <v>126</v>
      </c>
      <c r="D60" s="9">
        <v>253</v>
      </c>
    </row>
    <row r="61" spans="1:4" ht="18" customHeight="1" x14ac:dyDescent="0.15">
      <c r="A61" s="16">
        <v>46</v>
      </c>
      <c r="B61" s="29">
        <v>136</v>
      </c>
      <c r="C61" s="10">
        <v>128</v>
      </c>
      <c r="D61" s="9">
        <v>264</v>
      </c>
    </row>
    <row r="62" spans="1:4" ht="18" customHeight="1" x14ac:dyDescent="0.15">
      <c r="A62" s="16">
        <v>47</v>
      </c>
      <c r="B62" s="29">
        <v>143</v>
      </c>
      <c r="C62" s="10">
        <v>120</v>
      </c>
      <c r="D62" s="9">
        <v>263</v>
      </c>
    </row>
    <row r="63" spans="1:4" ht="18" customHeight="1" x14ac:dyDescent="0.15">
      <c r="A63" s="16">
        <v>48</v>
      </c>
      <c r="B63" s="29">
        <v>168</v>
      </c>
      <c r="C63" s="10">
        <v>167</v>
      </c>
      <c r="D63" s="9">
        <v>335</v>
      </c>
    </row>
    <row r="64" spans="1:4" ht="18" customHeight="1" x14ac:dyDescent="0.15">
      <c r="A64" s="16">
        <v>49</v>
      </c>
      <c r="B64" s="29">
        <v>139</v>
      </c>
      <c r="C64" s="10">
        <v>152</v>
      </c>
      <c r="D64" s="9">
        <v>291</v>
      </c>
    </row>
    <row r="65" spans="1:4" ht="18" customHeight="1" x14ac:dyDescent="0.15">
      <c r="A65" s="8" t="s">
        <v>103</v>
      </c>
      <c r="B65" s="29">
        <v>713</v>
      </c>
      <c r="C65" s="10">
        <v>693</v>
      </c>
      <c r="D65" s="9">
        <v>1406</v>
      </c>
    </row>
    <row r="66" spans="1:4" ht="18" customHeight="1" x14ac:dyDescent="0.15">
      <c r="A66" s="16">
        <v>50</v>
      </c>
      <c r="B66" s="29">
        <v>139</v>
      </c>
      <c r="C66" s="10">
        <v>135</v>
      </c>
      <c r="D66" s="9">
        <v>274</v>
      </c>
    </row>
    <row r="67" spans="1:4" ht="18" customHeight="1" x14ac:dyDescent="0.15">
      <c r="A67" s="16">
        <v>51</v>
      </c>
      <c r="B67" s="29">
        <v>143</v>
      </c>
      <c r="C67" s="10">
        <v>125</v>
      </c>
      <c r="D67" s="9">
        <v>268</v>
      </c>
    </row>
    <row r="68" spans="1:4" ht="18" customHeight="1" x14ac:dyDescent="0.15">
      <c r="A68" s="16">
        <v>52</v>
      </c>
      <c r="B68" s="29">
        <v>106</v>
      </c>
      <c r="C68" s="10">
        <v>112</v>
      </c>
      <c r="D68" s="9">
        <v>218</v>
      </c>
    </row>
    <row r="69" spans="1:4" ht="18" customHeight="1" x14ac:dyDescent="0.15">
      <c r="A69" s="16">
        <v>53</v>
      </c>
      <c r="B69" s="29">
        <v>92</v>
      </c>
      <c r="C69" s="10">
        <v>96</v>
      </c>
      <c r="D69" s="9">
        <v>188</v>
      </c>
    </row>
    <row r="70" spans="1:4" ht="18" customHeight="1" x14ac:dyDescent="0.15">
      <c r="A70" s="16">
        <v>54</v>
      </c>
      <c r="B70" s="29">
        <v>103</v>
      </c>
      <c r="C70" s="10">
        <v>104</v>
      </c>
      <c r="D70" s="9">
        <v>207</v>
      </c>
    </row>
    <row r="71" spans="1:4" ht="18" customHeight="1" x14ac:dyDescent="0.15">
      <c r="A71" s="8" t="s">
        <v>58</v>
      </c>
      <c r="B71" s="29">
        <v>583</v>
      </c>
      <c r="C71" s="10">
        <v>572</v>
      </c>
      <c r="D71" s="9">
        <v>1155</v>
      </c>
    </row>
    <row r="72" spans="1:4" ht="18" customHeight="1" x14ac:dyDescent="0.15">
      <c r="A72" s="16">
        <v>55</v>
      </c>
      <c r="B72" s="29">
        <v>110</v>
      </c>
      <c r="C72" s="10">
        <v>88</v>
      </c>
      <c r="D72" s="9">
        <v>198</v>
      </c>
    </row>
    <row r="73" spans="1:4" ht="18" customHeight="1" x14ac:dyDescent="0.15">
      <c r="A73" s="16">
        <v>56</v>
      </c>
      <c r="B73" s="29">
        <v>69</v>
      </c>
      <c r="C73" s="10">
        <v>79</v>
      </c>
      <c r="D73" s="9">
        <v>148</v>
      </c>
    </row>
    <row r="74" spans="1:4" ht="18" customHeight="1" x14ac:dyDescent="0.15">
      <c r="A74" s="16">
        <v>57</v>
      </c>
      <c r="B74" s="29">
        <v>80</v>
      </c>
      <c r="C74" s="10">
        <v>77</v>
      </c>
      <c r="D74" s="9">
        <v>157</v>
      </c>
    </row>
    <row r="75" spans="1:4" ht="18" customHeight="1" x14ac:dyDescent="0.15">
      <c r="A75" s="16">
        <v>58</v>
      </c>
      <c r="B75" s="29">
        <v>90</v>
      </c>
      <c r="C75" s="10">
        <v>101</v>
      </c>
      <c r="D75" s="9">
        <v>191</v>
      </c>
    </row>
    <row r="76" spans="1:4" ht="18" customHeight="1" x14ac:dyDescent="0.15">
      <c r="A76" s="16">
        <v>59</v>
      </c>
      <c r="B76" s="29">
        <v>70</v>
      </c>
      <c r="C76" s="10">
        <v>74</v>
      </c>
      <c r="D76" s="9">
        <v>144</v>
      </c>
    </row>
    <row r="77" spans="1:4" ht="18" customHeight="1" x14ac:dyDescent="0.15">
      <c r="A77" s="8" t="s">
        <v>13</v>
      </c>
      <c r="B77" s="29">
        <v>419</v>
      </c>
      <c r="C77" s="10">
        <v>419</v>
      </c>
      <c r="D77" s="9">
        <v>838</v>
      </c>
    </row>
    <row r="78" spans="1:4" ht="18" customHeight="1" x14ac:dyDescent="0.15">
      <c r="A78" s="16">
        <v>60</v>
      </c>
      <c r="B78" s="29">
        <v>72</v>
      </c>
      <c r="C78" s="10">
        <v>87</v>
      </c>
      <c r="D78" s="9">
        <v>159</v>
      </c>
    </row>
    <row r="79" spans="1:4" ht="18" customHeight="1" x14ac:dyDescent="0.15">
      <c r="A79" s="16">
        <v>61</v>
      </c>
      <c r="B79" s="29">
        <v>70</v>
      </c>
      <c r="C79" s="10">
        <v>59</v>
      </c>
      <c r="D79" s="9">
        <v>129</v>
      </c>
    </row>
    <row r="80" spans="1:4" ht="18" customHeight="1" x14ac:dyDescent="0.15">
      <c r="A80" s="16">
        <v>62</v>
      </c>
      <c r="B80" s="29">
        <v>66</v>
      </c>
      <c r="C80" s="10">
        <v>81</v>
      </c>
      <c r="D80" s="9">
        <v>147</v>
      </c>
    </row>
    <row r="81" spans="1:4" ht="18" customHeight="1" x14ac:dyDescent="0.15">
      <c r="A81" s="16">
        <v>63</v>
      </c>
      <c r="B81" s="29">
        <v>63</v>
      </c>
      <c r="C81" s="10">
        <v>72</v>
      </c>
      <c r="D81" s="9">
        <v>135</v>
      </c>
    </row>
    <row r="82" spans="1:4" ht="18" customHeight="1" x14ac:dyDescent="0.15">
      <c r="A82" s="16">
        <v>64</v>
      </c>
      <c r="B82" s="29">
        <v>85</v>
      </c>
      <c r="C82" s="10">
        <v>89</v>
      </c>
      <c r="D82" s="9">
        <v>174</v>
      </c>
    </row>
    <row r="83" spans="1:4" ht="18" customHeight="1" x14ac:dyDescent="0.15">
      <c r="A83" s="8" t="s">
        <v>44</v>
      </c>
      <c r="B83" s="29">
        <v>356</v>
      </c>
      <c r="C83" s="10">
        <v>388</v>
      </c>
      <c r="D83" s="9">
        <v>744</v>
      </c>
    </row>
    <row r="84" spans="1:4" ht="18" customHeight="1" x14ac:dyDescent="0.15">
      <c r="A84" s="8" t="s">
        <v>11</v>
      </c>
      <c r="B84" s="29">
        <v>4940</v>
      </c>
      <c r="C84" s="10">
        <v>4846</v>
      </c>
      <c r="D84" s="9">
        <v>9786</v>
      </c>
    </row>
    <row r="85" spans="1:4" ht="18" customHeight="1" x14ac:dyDescent="0.15">
      <c r="A85" s="16">
        <v>65</v>
      </c>
      <c r="B85" s="29">
        <v>65</v>
      </c>
      <c r="C85" s="10">
        <v>70</v>
      </c>
      <c r="D85" s="9">
        <v>135</v>
      </c>
    </row>
    <row r="86" spans="1:4" ht="18" customHeight="1" x14ac:dyDescent="0.15">
      <c r="A86" s="16">
        <v>66</v>
      </c>
      <c r="B86" s="29">
        <v>65</v>
      </c>
      <c r="C86" s="10">
        <v>70</v>
      </c>
      <c r="D86" s="9">
        <v>135</v>
      </c>
    </row>
    <row r="87" spans="1:4" ht="18" customHeight="1" x14ac:dyDescent="0.15">
      <c r="A87" s="16">
        <v>67</v>
      </c>
      <c r="B87" s="29">
        <v>69</v>
      </c>
      <c r="C87" s="10">
        <v>80</v>
      </c>
      <c r="D87" s="9">
        <v>149</v>
      </c>
    </row>
    <row r="88" spans="1:4" ht="18" customHeight="1" x14ac:dyDescent="0.15">
      <c r="A88" s="16">
        <v>68</v>
      </c>
      <c r="B88" s="29">
        <v>82</v>
      </c>
      <c r="C88" s="10">
        <v>73</v>
      </c>
      <c r="D88" s="9">
        <v>155</v>
      </c>
    </row>
    <row r="89" spans="1:4" ht="18" customHeight="1" x14ac:dyDescent="0.15">
      <c r="A89" s="16">
        <v>69</v>
      </c>
      <c r="B89" s="29">
        <v>73</v>
      </c>
      <c r="C89" s="10">
        <v>97</v>
      </c>
      <c r="D89" s="9">
        <v>170</v>
      </c>
    </row>
    <row r="90" spans="1:4" ht="18" customHeight="1" x14ac:dyDescent="0.15">
      <c r="A90" s="8" t="s">
        <v>10</v>
      </c>
      <c r="B90" s="29">
        <v>354</v>
      </c>
      <c r="C90" s="10">
        <v>390</v>
      </c>
      <c r="D90" s="9">
        <v>744</v>
      </c>
    </row>
    <row r="91" spans="1:4" ht="18" customHeight="1" x14ac:dyDescent="0.15">
      <c r="A91" s="16">
        <v>70</v>
      </c>
      <c r="B91" s="29">
        <v>90</v>
      </c>
      <c r="C91" s="10">
        <v>102</v>
      </c>
      <c r="D91" s="9">
        <v>192</v>
      </c>
    </row>
    <row r="92" spans="1:4" ht="18" customHeight="1" x14ac:dyDescent="0.15">
      <c r="A92" s="16">
        <v>71</v>
      </c>
      <c r="B92" s="29">
        <v>75</v>
      </c>
      <c r="C92" s="10">
        <v>92</v>
      </c>
      <c r="D92" s="9">
        <v>167</v>
      </c>
    </row>
    <row r="93" spans="1:4" ht="18" customHeight="1" x14ac:dyDescent="0.15">
      <c r="A93" s="16">
        <v>72</v>
      </c>
      <c r="B93" s="29">
        <v>80</v>
      </c>
      <c r="C93" s="10">
        <v>103</v>
      </c>
      <c r="D93" s="9">
        <v>183</v>
      </c>
    </row>
    <row r="94" spans="1:4" ht="18" customHeight="1" x14ac:dyDescent="0.15">
      <c r="A94" s="16">
        <v>73</v>
      </c>
      <c r="B94" s="29">
        <v>103</v>
      </c>
      <c r="C94" s="10">
        <v>110</v>
      </c>
      <c r="D94" s="9">
        <v>213</v>
      </c>
    </row>
    <row r="95" spans="1:4" ht="18" customHeight="1" x14ac:dyDescent="0.15">
      <c r="A95" s="16">
        <v>74</v>
      </c>
      <c r="B95" s="29">
        <v>93</v>
      </c>
      <c r="C95" s="10">
        <v>137</v>
      </c>
      <c r="D95" s="9">
        <v>230</v>
      </c>
    </row>
    <row r="96" spans="1:4" ht="18" customHeight="1" x14ac:dyDescent="0.15">
      <c r="A96" s="8" t="s">
        <v>9</v>
      </c>
      <c r="B96" s="29">
        <v>441</v>
      </c>
      <c r="C96" s="10">
        <v>544</v>
      </c>
      <c r="D96" s="9">
        <v>985</v>
      </c>
    </row>
    <row r="97" spans="1:4" ht="18" customHeight="1" x14ac:dyDescent="0.15">
      <c r="A97" s="16">
        <v>75</v>
      </c>
      <c r="B97" s="29">
        <v>107</v>
      </c>
      <c r="C97" s="10">
        <v>170</v>
      </c>
      <c r="D97" s="9">
        <v>277</v>
      </c>
    </row>
    <row r="98" spans="1:4" ht="18" customHeight="1" x14ac:dyDescent="0.15">
      <c r="A98" s="16">
        <v>76</v>
      </c>
      <c r="B98" s="29">
        <v>90</v>
      </c>
      <c r="C98" s="10">
        <v>107</v>
      </c>
      <c r="D98" s="9">
        <v>197</v>
      </c>
    </row>
    <row r="99" spans="1:4" ht="18" customHeight="1" x14ac:dyDescent="0.15">
      <c r="A99" s="16">
        <v>77</v>
      </c>
      <c r="B99" s="29">
        <v>71</v>
      </c>
      <c r="C99" s="10">
        <v>75</v>
      </c>
      <c r="D99" s="9">
        <v>146</v>
      </c>
    </row>
    <row r="100" spans="1:4" ht="18" customHeight="1" x14ac:dyDescent="0.15">
      <c r="A100" s="16">
        <v>78</v>
      </c>
      <c r="B100" s="29">
        <v>77</v>
      </c>
      <c r="C100" s="10">
        <v>102</v>
      </c>
      <c r="D100" s="9">
        <v>179</v>
      </c>
    </row>
    <row r="101" spans="1:4" ht="18" customHeight="1" x14ac:dyDescent="0.15">
      <c r="A101" s="16">
        <v>79</v>
      </c>
      <c r="B101" s="29">
        <v>86</v>
      </c>
      <c r="C101" s="10">
        <v>107</v>
      </c>
      <c r="D101" s="9">
        <v>193</v>
      </c>
    </row>
    <row r="102" spans="1:4" ht="18" customHeight="1" x14ac:dyDescent="0.15">
      <c r="A102" s="8" t="s">
        <v>70</v>
      </c>
      <c r="B102" s="29">
        <v>431</v>
      </c>
      <c r="C102" s="10">
        <v>561</v>
      </c>
      <c r="D102" s="9">
        <v>992</v>
      </c>
    </row>
    <row r="103" spans="1:4" ht="18" customHeight="1" x14ac:dyDescent="0.15">
      <c r="A103" s="16">
        <v>80</v>
      </c>
      <c r="B103" s="29">
        <v>65</v>
      </c>
      <c r="C103" s="10">
        <v>95</v>
      </c>
      <c r="D103" s="9">
        <v>160</v>
      </c>
    </row>
    <row r="104" spans="1:4" ht="18" customHeight="1" x14ac:dyDescent="0.15">
      <c r="A104" s="16">
        <v>81</v>
      </c>
      <c r="B104" s="29">
        <v>74</v>
      </c>
      <c r="C104" s="10">
        <v>97</v>
      </c>
      <c r="D104" s="9">
        <v>171</v>
      </c>
    </row>
    <row r="105" spans="1:4" ht="18" customHeight="1" x14ac:dyDescent="0.15">
      <c r="A105" s="16">
        <v>82</v>
      </c>
      <c r="B105" s="29">
        <v>58</v>
      </c>
      <c r="C105" s="10">
        <v>87</v>
      </c>
      <c r="D105" s="9">
        <v>145</v>
      </c>
    </row>
    <row r="106" spans="1:4" ht="18" customHeight="1" x14ac:dyDescent="0.15">
      <c r="A106" s="16">
        <v>83</v>
      </c>
      <c r="B106" s="29">
        <v>46</v>
      </c>
      <c r="C106" s="10">
        <v>62</v>
      </c>
      <c r="D106" s="9">
        <v>108</v>
      </c>
    </row>
    <row r="107" spans="1:4" ht="18" customHeight="1" x14ac:dyDescent="0.15">
      <c r="A107" s="16">
        <v>84</v>
      </c>
      <c r="B107" s="29">
        <v>44</v>
      </c>
      <c r="C107" s="10">
        <v>51</v>
      </c>
      <c r="D107" s="9">
        <v>95</v>
      </c>
    </row>
    <row r="108" spans="1:4" ht="18" customHeight="1" x14ac:dyDescent="0.15">
      <c r="A108" s="8" t="s">
        <v>137</v>
      </c>
      <c r="B108" s="29">
        <v>287</v>
      </c>
      <c r="C108" s="10">
        <v>392</v>
      </c>
      <c r="D108" s="9">
        <v>679</v>
      </c>
    </row>
    <row r="109" spans="1:4" ht="18" customHeight="1" x14ac:dyDescent="0.15">
      <c r="A109" s="16">
        <v>85</v>
      </c>
      <c r="B109" s="29">
        <v>50</v>
      </c>
      <c r="C109" s="10">
        <v>51</v>
      </c>
      <c r="D109" s="9">
        <v>101</v>
      </c>
    </row>
    <row r="110" spans="1:4" ht="18" customHeight="1" x14ac:dyDescent="0.15">
      <c r="A110" s="16">
        <v>86</v>
      </c>
      <c r="B110" s="29">
        <v>32</v>
      </c>
      <c r="C110" s="10">
        <v>52</v>
      </c>
      <c r="D110" s="9">
        <v>84</v>
      </c>
    </row>
    <row r="111" spans="1:4" ht="18" customHeight="1" x14ac:dyDescent="0.15">
      <c r="A111" s="16">
        <v>87</v>
      </c>
      <c r="B111" s="29">
        <v>30</v>
      </c>
      <c r="C111" s="10">
        <v>46</v>
      </c>
      <c r="D111" s="9">
        <v>76</v>
      </c>
    </row>
    <row r="112" spans="1:4" ht="18" customHeight="1" x14ac:dyDescent="0.15">
      <c r="A112" s="16">
        <v>88</v>
      </c>
      <c r="B112" s="29">
        <v>25</v>
      </c>
      <c r="C112" s="10">
        <v>43</v>
      </c>
      <c r="D112" s="9">
        <v>68</v>
      </c>
    </row>
    <row r="113" spans="1:4" ht="18" customHeight="1" x14ac:dyDescent="0.15">
      <c r="A113" s="16">
        <v>89</v>
      </c>
      <c r="B113" s="29">
        <v>24</v>
      </c>
      <c r="C113" s="10">
        <v>30</v>
      </c>
      <c r="D113" s="9">
        <v>54</v>
      </c>
    </row>
    <row r="114" spans="1:4" ht="18" customHeight="1" x14ac:dyDescent="0.15">
      <c r="A114" s="8" t="s">
        <v>6</v>
      </c>
      <c r="B114" s="29">
        <v>161</v>
      </c>
      <c r="C114" s="10">
        <v>222</v>
      </c>
      <c r="D114" s="9">
        <v>383</v>
      </c>
    </row>
    <row r="115" spans="1:4" ht="18" customHeight="1" x14ac:dyDescent="0.15">
      <c r="A115" s="16">
        <v>90</v>
      </c>
      <c r="B115" s="29">
        <v>9</v>
      </c>
      <c r="C115" s="10">
        <v>35</v>
      </c>
      <c r="D115" s="9">
        <v>44</v>
      </c>
    </row>
    <row r="116" spans="1:4" ht="18" customHeight="1" x14ac:dyDescent="0.15">
      <c r="A116" s="16">
        <v>91</v>
      </c>
      <c r="B116" s="29">
        <v>12</v>
      </c>
      <c r="C116" s="10">
        <v>22</v>
      </c>
      <c r="D116" s="9">
        <v>34</v>
      </c>
    </row>
    <row r="117" spans="1:4" ht="18" customHeight="1" x14ac:dyDescent="0.15">
      <c r="A117" s="16">
        <v>92</v>
      </c>
      <c r="B117" s="29">
        <v>9</v>
      </c>
      <c r="C117" s="10">
        <v>22</v>
      </c>
      <c r="D117" s="9">
        <v>31</v>
      </c>
    </row>
    <row r="118" spans="1:4" ht="18" customHeight="1" x14ac:dyDescent="0.15">
      <c r="A118" s="16">
        <v>93</v>
      </c>
      <c r="B118" s="29">
        <v>6</v>
      </c>
      <c r="C118" s="10">
        <v>18</v>
      </c>
      <c r="D118" s="9">
        <v>24</v>
      </c>
    </row>
    <row r="119" spans="1:4" ht="18" customHeight="1" x14ac:dyDescent="0.15">
      <c r="A119" s="16">
        <v>94</v>
      </c>
      <c r="B119" s="29">
        <v>4</v>
      </c>
      <c r="C119" s="10">
        <v>18</v>
      </c>
      <c r="D119" s="9">
        <v>22</v>
      </c>
    </row>
    <row r="120" spans="1:4" ht="18" customHeight="1" x14ac:dyDescent="0.15">
      <c r="A120" s="8" t="s">
        <v>69</v>
      </c>
      <c r="B120" s="29">
        <v>40</v>
      </c>
      <c r="C120" s="10">
        <v>115</v>
      </c>
      <c r="D120" s="9">
        <v>155</v>
      </c>
    </row>
    <row r="121" spans="1:4" ht="18" customHeight="1" x14ac:dyDescent="0.15">
      <c r="A121" s="16">
        <v>95</v>
      </c>
      <c r="B121" s="29">
        <v>6</v>
      </c>
      <c r="C121" s="10">
        <v>11</v>
      </c>
      <c r="D121" s="9">
        <v>17</v>
      </c>
    </row>
    <row r="122" spans="1:4" ht="18" customHeight="1" x14ac:dyDescent="0.15">
      <c r="A122" s="16">
        <v>96</v>
      </c>
      <c r="B122" s="29">
        <v>2</v>
      </c>
      <c r="C122" s="10">
        <v>7</v>
      </c>
      <c r="D122" s="9">
        <v>9</v>
      </c>
    </row>
    <row r="123" spans="1:4" ht="18" customHeight="1" x14ac:dyDescent="0.15">
      <c r="A123" s="16">
        <v>97</v>
      </c>
      <c r="B123" s="29">
        <v>0</v>
      </c>
      <c r="C123" s="10">
        <v>8</v>
      </c>
      <c r="D123" s="9">
        <v>8</v>
      </c>
    </row>
    <row r="124" spans="1:4" ht="18" customHeight="1" x14ac:dyDescent="0.15">
      <c r="A124" s="16">
        <v>98</v>
      </c>
      <c r="B124" s="29">
        <v>2</v>
      </c>
      <c r="C124" s="10">
        <v>7</v>
      </c>
      <c r="D124" s="9">
        <v>9</v>
      </c>
    </row>
    <row r="125" spans="1:4" ht="18" customHeight="1" x14ac:dyDescent="0.15">
      <c r="A125" s="16">
        <v>99</v>
      </c>
      <c r="B125" s="29">
        <v>1</v>
      </c>
      <c r="C125" s="10">
        <v>5</v>
      </c>
      <c r="D125" s="9">
        <v>6</v>
      </c>
    </row>
    <row r="126" spans="1:4" ht="18" customHeight="1" x14ac:dyDescent="0.15">
      <c r="A126" s="8" t="s">
        <v>68</v>
      </c>
      <c r="B126" s="29">
        <v>11</v>
      </c>
      <c r="C126" s="10">
        <v>38</v>
      </c>
      <c r="D126" s="9">
        <v>49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136</v>
      </c>
      <c r="B128" s="29">
        <v>0</v>
      </c>
      <c r="C128" s="10">
        <v>4</v>
      </c>
      <c r="D128" s="9">
        <v>4</v>
      </c>
    </row>
    <row r="129" spans="1:4" ht="18" customHeight="1" x14ac:dyDescent="0.15">
      <c r="A129" s="8" t="s">
        <v>36</v>
      </c>
      <c r="B129" s="29">
        <v>0</v>
      </c>
      <c r="C129" s="10">
        <v>6</v>
      </c>
      <c r="D129" s="9">
        <v>6</v>
      </c>
    </row>
    <row r="130" spans="1:4" ht="18" customHeight="1" x14ac:dyDescent="0.15">
      <c r="A130" s="8" t="s">
        <v>1</v>
      </c>
      <c r="B130" s="28">
        <v>1725</v>
      </c>
      <c r="C130" s="6">
        <v>2268</v>
      </c>
      <c r="D130" s="5">
        <v>3993</v>
      </c>
    </row>
    <row r="131" spans="1:4" ht="18" customHeight="1" x14ac:dyDescent="0.15">
      <c r="A131" s="4" t="s">
        <v>0</v>
      </c>
      <c r="B131" s="27">
        <v>8016</v>
      </c>
      <c r="C131" s="2">
        <v>8367</v>
      </c>
      <c r="D131" s="1">
        <v>1638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5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48</v>
      </c>
      <c r="C5" s="18">
        <v>49</v>
      </c>
      <c r="D5" s="17">
        <v>97</v>
      </c>
    </row>
    <row r="6" spans="1:4" ht="18" customHeight="1" x14ac:dyDescent="0.15">
      <c r="A6" s="16">
        <v>1</v>
      </c>
      <c r="B6" s="29">
        <v>39</v>
      </c>
      <c r="C6" s="10">
        <v>37</v>
      </c>
      <c r="D6" s="9">
        <v>76</v>
      </c>
    </row>
    <row r="7" spans="1:4" ht="18" customHeight="1" x14ac:dyDescent="0.15">
      <c r="A7" s="16">
        <v>2</v>
      </c>
      <c r="B7" s="29">
        <v>51</v>
      </c>
      <c r="C7" s="10">
        <v>44</v>
      </c>
      <c r="D7" s="9">
        <v>95</v>
      </c>
    </row>
    <row r="8" spans="1:4" ht="18" customHeight="1" x14ac:dyDescent="0.15">
      <c r="A8" s="16">
        <v>3</v>
      </c>
      <c r="B8" s="29">
        <v>42</v>
      </c>
      <c r="C8" s="10">
        <v>50</v>
      </c>
      <c r="D8" s="9">
        <v>92</v>
      </c>
    </row>
    <row r="9" spans="1:4" ht="18" customHeight="1" x14ac:dyDescent="0.15">
      <c r="A9" s="16">
        <v>4</v>
      </c>
      <c r="B9" s="29">
        <v>47</v>
      </c>
      <c r="C9" s="10">
        <v>43</v>
      </c>
      <c r="D9" s="9">
        <v>90</v>
      </c>
    </row>
    <row r="10" spans="1:4" ht="18" customHeight="1" x14ac:dyDescent="0.15">
      <c r="A10" s="8" t="s">
        <v>142</v>
      </c>
      <c r="B10" s="29">
        <v>227</v>
      </c>
      <c r="C10" s="10">
        <v>223</v>
      </c>
      <c r="D10" s="9">
        <v>450</v>
      </c>
    </row>
    <row r="11" spans="1:4" ht="18" customHeight="1" x14ac:dyDescent="0.15">
      <c r="A11" s="16">
        <v>5</v>
      </c>
      <c r="B11" s="29">
        <v>56</v>
      </c>
      <c r="C11" s="10">
        <v>46</v>
      </c>
      <c r="D11" s="9">
        <v>102</v>
      </c>
    </row>
    <row r="12" spans="1:4" ht="18" customHeight="1" x14ac:dyDescent="0.15">
      <c r="A12" s="16">
        <v>6</v>
      </c>
      <c r="B12" s="29">
        <v>66</v>
      </c>
      <c r="C12" s="10">
        <v>56</v>
      </c>
      <c r="D12" s="9">
        <v>122</v>
      </c>
    </row>
    <row r="13" spans="1:4" ht="18" customHeight="1" x14ac:dyDescent="0.15">
      <c r="A13" s="16">
        <v>7</v>
      </c>
      <c r="B13" s="29">
        <v>37</v>
      </c>
      <c r="C13" s="10">
        <v>57</v>
      </c>
      <c r="D13" s="9">
        <v>94</v>
      </c>
    </row>
    <row r="14" spans="1:4" ht="18" customHeight="1" x14ac:dyDescent="0.15">
      <c r="A14" s="16">
        <v>8</v>
      </c>
      <c r="B14" s="29">
        <v>46</v>
      </c>
      <c r="C14" s="10">
        <v>58</v>
      </c>
      <c r="D14" s="9">
        <v>104</v>
      </c>
    </row>
    <row r="15" spans="1:4" ht="18" customHeight="1" x14ac:dyDescent="0.15">
      <c r="A15" s="16">
        <v>9</v>
      </c>
      <c r="B15" s="29">
        <v>53</v>
      </c>
      <c r="C15" s="10">
        <v>41</v>
      </c>
      <c r="D15" s="9">
        <v>94</v>
      </c>
    </row>
    <row r="16" spans="1:4" ht="18" customHeight="1" x14ac:dyDescent="0.15">
      <c r="A16" s="8" t="s">
        <v>151</v>
      </c>
      <c r="B16" s="29">
        <v>258</v>
      </c>
      <c r="C16" s="10">
        <v>258</v>
      </c>
      <c r="D16" s="9">
        <v>516</v>
      </c>
    </row>
    <row r="17" spans="1:4" ht="18" customHeight="1" x14ac:dyDescent="0.15">
      <c r="A17" s="16">
        <v>10</v>
      </c>
      <c r="B17" s="29">
        <v>47</v>
      </c>
      <c r="C17" s="10">
        <v>59</v>
      </c>
      <c r="D17" s="9">
        <v>106</v>
      </c>
    </row>
    <row r="18" spans="1:4" ht="18" customHeight="1" x14ac:dyDescent="0.15">
      <c r="A18" s="16">
        <v>11</v>
      </c>
      <c r="B18" s="29">
        <v>44</v>
      </c>
      <c r="C18" s="10">
        <v>37</v>
      </c>
      <c r="D18" s="9">
        <v>81</v>
      </c>
    </row>
    <row r="19" spans="1:4" ht="18" customHeight="1" x14ac:dyDescent="0.15">
      <c r="A19" s="16">
        <v>12</v>
      </c>
      <c r="B19" s="29">
        <v>53</v>
      </c>
      <c r="C19" s="10">
        <v>45</v>
      </c>
      <c r="D19" s="9">
        <v>98</v>
      </c>
    </row>
    <row r="20" spans="1:4" ht="18" customHeight="1" x14ac:dyDescent="0.15">
      <c r="A20" s="16">
        <v>13</v>
      </c>
      <c r="B20" s="29">
        <v>38</v>
      </c>
      <c r="C20" s="10">
        <v>54</v>
      </c>
      <c r="D20" s="9">
        <v>92</v>
      </c>
    </row>
    <row r="21" spans="1:4" ht="18" customHeight="1" x14ac:dyDescent="0.15">
      <c r="A21" s="16">
        <v>14</v>
      </c>
      <c r="B21" s="29">
        <v>62</v>
      </c>
      <c r="C21" s="10">
        <v>27</v>
      </c>
      <c r="D21" s="9">
        <v>89</v>
      </c>
    </row>
    <row r="22" spans="1:4" ht="18" customHeight="1" x14ac:dyDescent="0.15">
      <c r="A22" s="8" t="s">
        <v>133</v>
      </c>
      <c r="B22" s="29">
        <v>244</v>
      </c>
      <c r="C22" s="10">
        <v>222</v>
      </c>
      <c r="D22" s="9">
        <v>466</v>
      </c>
    </row>
    <row r="23" spans="1:4" ht="18" customHeight="1" x14ac:dyDescent="0.15">
      <c r="A23" s="8" t="s">
        <v>150</v>
      </c>
      <c r="B23" s="29">
        <v>729</v>
      </c>
      <c r="C23" s="10">
        <v>703</v>
      </c>
      <c r="D23" s="9">
        <v>1432</v>
      </c>
    </row>
    <row r="24" spans="1:4" ht="18" customHeight="1" x14ac:dyDescent="0.15">
      <c r="A24" s="16">
        <v>15</v>
      </c>
      <c r="B24" s="29">
        <v>40</v>
      </c>
      <c r="C24" s="10">
        <v>53</v>
      </c>
      <c r="D24" s="9">
        <v>93</v>
      </c>
    </row>
    <row r="25" spans="1:4" ht="18" customHeight="1" x14ac:dyDescent="0.15">
      <c r="A25" s="16">
        <v>16</v>
      </c>
      <c r="B25" s="29">
        <v>43</v>
      </c>
      <c r="C25" s="10">
        <v>43</v>
      </c>
      <c r="D25" s="9">
        <v>86</v>
      </c>
    </row>
    <row r="26" spans="1:4" ht="18" customHeight="1" x14ac:dyDescent="0.15">
      <c r="A26" s="16">
        <v>17</v>
      </c>
      <c r="B26" s="29">
        <v>64</v>
      </c>
      <c r="C26" s="10">
        <v>35</v>
      </c>
      <c r="D26" s="9">
        <v>99</v>
      </c>
    </row>
    <row r="27" spans="1:4" ht="18" customHeight="1" x14ac:dyDescent="0.15">
      <c r="A27" s="16">
        <v>18</v>
      </c>
      <c r="B27" s="29">
        <v>42</v>
      </c>
      <c r="C27" s="10">
        <v>51</v>
      </c>
      <c r="D27" s="9">
        <v>93</v>
      </c>
    </row>
    <row r="28" spans="1:4" ht="18" customHeight="1" x14ac:dyDescent="0.15">
      <c r="A28" s="16">
        <v>19</v>
      </c>
      <c r="B28" s="29">
        <v>48</v>
      </c>
      <c r="C28" s="10">
        <v>31</v>
      </c>
      <c r="D28" s="9">
        <v>79</v>
      </c>
    </row>
    <row r="29" spans="1:4" ht="18" customHeight="1" x14ac:dyDescent="0.15">
      <c r="A29" s="8" t="s">
        <v>131</v>
      </c>
      <c r="B29" s="29">
        <v>237</v>
      </c>
      <c r="C29" s="10">
        <v>213</v>
      </c>
      <c r="D29" s="9">
        <v>450</v>
      </c>
    </row>
    <row r="30" spans="1:4" ht="18" customHeight="1" x14ac:dyDescent="0.15">
      <c r="A30" s="16">
        <v>20</v>
      </c>
      <c r="B30" s="29">
        <v>47</v>
      </c>
      <c r="C30" s="10">
        <v>43</v>
      </c>
      <c r="D30" s="9">
        <v>90</v>
      </c>
    </row>
    <row r="31" spans="1:4" ht="18" customHeight="1" x14ac:dyDescent="0.15">
      <c r="A31" s="16">
        <v>21</v>
      </c>
      <c r="B31" s="29">
        <v>52</v>
      </c>
      <c r="C31" s="10">
        <v>49</v>
      </c>
      <c r="D31" s="9">
        <v>101</v>
      </c>
    </row>
    <row r="32" spans="1:4" ht="18" customHeight="1" x14ac:dyDescent="0.15">
      <c r="A32" s="16">
        <v>22</v>
      </c>
      <c r="B32" s="29">
        <v>40</v>
      </c>
      <c r="C32" s="10">
        <v>54</v>
      </c>
      <c r="D32" s="9">
        <v>94</v>
      </c>
    </row>
    <row r="33" spans="1:4" ht="18" customHeight="1" x14ac:dyDescent="0.15">
      <c r="A33" s="16">
        <v>23</v>
      </c>
      <c r="B33" s="29">
        <v>53</v>
      </c>
      <c r="C33" s="10">
        <v>40</v>
      </c>
      <c r="D33" s="9">
        <v>93</v>
      </c>
    </row>
    <row r="34" spans="1:4" ht="18" customHeight="1" x14ac:dyDescent="0.15">
      <c r="A34" s="16">
        <v>24</v>
      </c>
      <c r="B34" s="29">
        <v>56</v>
      </c>
      <c r="C34" s="10">
        <v>55</v>
      </c>
      <c r="D34" s="9">
        <v>111</v>
      </c>
    </row>
    <row r="35" spans="1:4" ht="18" customHeight="1" x14ac:dyDescent="0.15">
      <c r="A35" s="8" t="s">
        <v>74</v>
      </c>
      <c r="B35" s="29">
        <v>248</v>
      </c>
      <c r="C35" s="10">
        <v>241</v>
      </c>
      <c r="D35" s="9">
        <v>489</v>
      </c>
    </row>
    <row r="36" spans="1:4" ht="18" customHeight="1" x14ac:dyDescent="0.15">
      <c r="A36" s="16">
        <v>25</v>
      </c>
      <c r="B36" s="29">
        <v>69</v>
      </c>
      <c r="C36" s="10">
        <v>62</v>
      </c>
      <c r="D36" s="9">
        <v>131</v>
      </c>
    </row>
    <row r="37" spans="1:4" ht="18" customHeight="1" x14ac:dyDescent="0.15">
      <c r="A37" s="16">
        <v>26</v>
      </c>
      <c r="B37" s="29">
        <v>54</v>
      </c>
      <c r="C37" s="10">
        <v>68</v>
      </c>
      <c r="D37" s="9">
        <v>122</v>
      </c>
    </row>
    <row r="38" spans="1:4" ht="18" customHeight="1" x14ac:dyDescent="0.15">
      <c r="A38" s="16">
        <v>27</v>
      </c>
      <c r="B38" s="29">
        <v>65</v>
      </c>
      <c r="C38" s="10">
        <v>65</v>
      </c>
      <c r="D38" s="9">
        <v>130</v>
      </c>
    </row>
    <row r="39" spans="1:4" ht="18" customHeight="1" x14ac:dyDescent="0.15">
      <c r="A39" s="16">
        <v>28</v>
      </c>
      <c r="B39" s="29">
        <v>70</v>
      </c>
      <c r="C39" s="10">
        <v>72</v>
      </c>
      <c r="D39" s="9">
        <v>142</v>
      </c>
    </row>
    <row r="40" spans="1:4" ht="18" customHeight="1" x14ac:dyDescent="0.15">
      <c r="A40" s="16">
        <v>29</v>
      </c>
      <c r="B40" s="29">
        <v>63</v>
      </c>
      <c r="C40" s="10">
        <v>60</v>
      </c>
      <c r="D40" s="9">
        <v>123</v>
      </c>
    </row>
    <row r="41" spans="1:4" ht="18" customHeight="1" x14ac:dyDescent="0.15">
      <c r="A41" s="8" t="s">
        <v>73</v>
      </c>
      <c r="B41" s="29">
        <v>321</v>
      </c>
      <c r="C41" s="10">
        <v>327</v>
      </c>
      <c r="D41" s="9">
        <v>648</v>
      </c>
    </row>
    <row r="42" spans="1:4" ht="18" customHeight="1" x14ac:dyDescent="0.15">
      <c r="A42" s="16">
        <v>30</v>
      </c>
      <c r="B42" s="29">
        <v>48</v>
      </c>
      <c r="C42" s="10">
        <v>63</v>
      </c>
      <c r="D42" s="9">
        <v>111</v>
      </c>
    </row>
    <row r="43" spans="1:4" ht="18" customHeight="1" x14ac:dyDescent="0.15">
      <c r="A43" s="16">
        <v>31</v>
      </c>
      <c r="B43" s="29">
        <v>67</v>
      </c>
      <c r="C43" s="10">
        <v>62</v>
      </c>
      <c r="D43" s="9">
        <v>129</v>
      </c>
    </row>
    <row r="44" spans="1:4" ht="18" customHeight="1" x14ac:dyDescent="0.15">
      <c r="A44" s="16">
        <v>32</v>
      </c>
      <c r="B44" s="29">
        <v>64</v>
      </c>
      <c r="C44" s="10">
        <v>57</v>
      </c>
      <c r="D44" s="9">
        <v>121</v>
      </c>
    </row>
    <row r="45" spans="1:4" ht="18" customHeight="1" x14ac:dyDescent="0.15">
      <c r="A45" s="16">
        <v>33</v>
      </c>
      <c r="B45" s="29">
        <v>80</v>
      </c>
      <c r="C45" s="10">
        <v>69</v>
      </c>
      <c r="D45" s="9">
        <v>149</v>
      </c>
    </row>
    <row r="46" spans="1:4" ht="18" customHeight="1" x14ac:dyDescent="0.15">
      <c r="A46" s="16">
        <v>34</v>
      </c>
      <c r="B46" s="29">
        <v>70</v>
      </c>
      <c r="C46" s="10">
        <v>75</v>
      </c>
      <c r="D46" s="9">
        <v>145</v>
      </c>
    </row>
    <row r="47" spans="1:4" ht="18" customHeight="1" x14ac:dyDescent="0.15">
      <c r="A47" s="8" t="s">
        <v>18</v>
      </c>
      <c r="B47" s="29">
        <v>329</v>
      </c>
      <c r="C47" s="10">
        <v>326</v>
      </c>
      <c r="D47" s="9">
        <v>655</v>
      </c>
    </row>
    <row r="48" spans="1:4" ht="18" customHeight="1" x14ac:dyDescent="0.15">
      <c r="A48" s="16">
        <v>35</v>
      </c>
      <c r="B48" s="29">
        <v>64</v>
      </c>
      <c r="C48" s="10">
        <v>75</v>
      </c>
      <c r="D48" s="9">
        <v>139</v>
      </c>
    </row>
    <row r="49" spans="1:4" ht="18" customHeight="1" x14ac:dyDescent="0.15">
      <c r="A49" s="16">
        <v>36</v>
      </c>
      <c r="B49" s="29">
        <v>63</v>
      </c>
      <c r="C49" s="10">
        <v>75</v>
      </c>
      <c r="D49" s="9">
        <v>138</v>
      </c>
    </row>
    <row r="50" spans="1:4" ht="18" customHeight="1" x14ac:dyDescent="0.15">
      <c r="A50" s="16">
        <v>37</v>
      </c>
      <c r="B50" s="29">
        <v>79</v>
      </c>
      <c r="C50" s="10">
        <v>67</v>
      </c>
      <c r="D50" s="9">
        <v>146</v>
      </c>
    </row>
    <row r="51" spans="1:4" ht="18" customHeight="1" x14ac:dyDescent="0.15">
      <c r="A51" s="16">
        <v>38</v>
      </c>
      <c r="B51" s="29">
        <v>98</v>
      </c>
      <c r="C51" s="10">
        <v>68</v>
      </c>
      <c r="D51" s="9">
        <v>166</v>
      </c>
    </row>
    <row r="52" spans="1:4" ht="18" customHeight="1" x14ac:dyDescent="0.15">
      <c r="A52" s="16">
        <v>39</v>
      </c>
      <c r="B52" s="29">
        <v>68</v>
      </c>
      <c r="C52" s="10">
        <v>62</v>
      </c>
      <c r="D52" s="9">
        <v>130</v>
      </c>
    </row>
    <row r="53" spans="1:4" ht="18" customHeight="1" x14ac:dyDescent="0.15">
      <c r="A53" s="8" t="s">
        <v>17</v>
      </c>
      <c r="B53" s="29">
        <v>372</v>
      </c>
      <c r="C53" s="10">
        <v>347</v>
      </c>
      <c r="D53" s="9">
        <v>719</v>
      </c>
    </row>
    <row r="54" spans="1:4" ht="18" customHeight="1" x14ac:dyDescent="0.15">
      <c r="A54" s="16">
        <v>40</v>
      </c>
      <c r="B54" s="29">
        <v>71</v>
      </c>
      <c r="C54" s="10">
        <v>65</v>
      </c>
      <c r="D54" s="9">
        <v>136</v>
      </c>
    </row>
    <row r="55" spans="1:4" ht="18" customHeight="1" x14ac:dyDescent="0.15">
      <c r="A55" s="16">
        <v>41</v>
      </c>
      <c r="B55" s="29">
        <v>72</v>
      </c>
      <c r="C55" s="10">
        <v>67</v>
      </c>
      <c r="D55" s="9">
        <v>139</v>
      </c>
    </row>
    <row r="56" spans="1:4" ht="18" customHeight="1" x14ac:dyDescent="0.15">
      <c r="A56" s="16">
        <v>42</v>
      </c>
      <c r="B56" s="29">
        <v>81</v>
      </c>
      <c r="C56" s="10">
        <v>78</v>
      </c>
      <c r="D56" s="9">
        <v>159</v>
      </c>
    </row>
    <row r="57" spans="1:4" ht="18" customHeight="1" x14ac:dyDescent="0.15">
      <c r="A57" s="16">
        <v>43</v>
      </c>
      <c r="B57" s="29">
        <v>64</v>
      </c>
      <c r="C57" s="10">
        <v>57</v>
      </c>
      <c r="D57" s="9">
        <v>121</v>
      </c>
    </row>
    <row r="58" spans="1:4" ht="18" customHeight="1" x14ac:dyDescent="0.15">
      <c r="A58" s="16">
        <v>44</v>
      </c>
      <c r="B58" s="29">
        <v>94</v>
      </c>
      <c r="C58" s="10">
        <v>94</v>
      </c>
      <c r="D58" s="9">
        <v>188</v>
      </c>
    </row>
    <row r="59" spans="1:4" ht="18" customHeight="1" x14ac:dyDescent="0.15">
      <c r="A59" s="8" t="s">
        <v>16</v>
      </c>
      <c r="B59" s="29">
        <v>382</v>
      </c>
      <c r="C59" s="10">
        <v>361</v>
      </c>
      <c r="D59" s="9">
        <v>743</v>
      </c>
    </row>
    <row r="60" spans="1:4" ht="18" customHeight="1" x14ac:dyDescent="0.15">
      <c r="A60" s="16">
        <v>45</v>
      </c>
      <c r="B60" s="29">
        <v>67</v>
      </c>
      <c r="C60" s="10">
        <v>85</v>
      </c>
      <c r="D60" s="9">
        <v>152</v>
      </c>
    </row>
    <row r="61" spans="1:4" ht="18" customHeight="1" x14ac:dyDescent="0.15">
      <c r="A61" s="16">
        <v>46</v>
      </c>
      <c r="B61" s="29">
        <v>84</v>
      </c>
      <c r="C61" s="10">
        <v>80</v>
      </c>
      <c r="D61" s="9">
        <v>164</v>
      </c>
    </row>
    <row r="62" spans="1:4" ht="18" customHeight="1" x14ac:dyDescent="0.15">
      <c r="A62" s="16">
        <v>47</v>
      </c>
      <c r="B62" s="29">
        <v>102</v>
      </c>
      <c r="C62" s="10">
        <v>90</v>
      </c>
      <c r="D62" s="9">
        <v>192</v>
      </c>
    </row>
    <row r="63" spans="1:4" ht="18" customHeight="1" x14ac:dyDescent="0.15">
      <c r="A63" s="16">
        <v>48</v>
      </c>
      <c r="B63" s="29">
        <v>107</v>
      </c>
      <c r="C63" s="10">
        <v>100</v>
      </c>
      <c r="D63" s="9">
        <v>207</v>
      </c>
    </row>
    <row r="64" spans="1:4" ht="18" customHeight="1" x14ac:dyDescent="0.15">
      <c r="A64" s="16">
        <v>49</v>
      </c>
      <c r="B64" s="29">
        <v>97</v>
      </c>
      <c r="C64" s="10">
        <v>80</v>
      </c>
      <c r="D64" s="9">
        <v>177</v>
      </c>
    </row>
    <row r="65" spans="1:4" ht="18" customHeight="1" x14ac:dyDescent="0.15">
      <c r="A65" s="8" t="s">
        <v>15</v>
      </c>
      <c r="B65" s="29">
        <v>457</v>
      </c>
      <c r="C65" s="10">
        <v>435</v>
      </c>
      <c r="D65" s="9">
        <v>892</v>
      </c>
    </row>
    <row r="66" spans="1:4" ht="18" customHeight="1" x14ac:dyDescent="0.15">
      <c r="A66" s="16">
        <v>50</v>
      </c>
      <c r="B66" s="29">
        <v>88</v>
      </c>
      <c r="C66" s="10">
        <v>99</v>
      </c>
      <c r="D66" s="9">
        <v>187</v>
      </c>
    </row>
    <row r="67" spans="1:4" ht="18" customHeight="1" x14ac:dyDescent="0.15">
      <c r="A67" s="16">
        <v>51</v>
      </c>
      <c r="B67" s="29">
        <v>104</v>
      </c>
      <c r="C67" s="10">
        <v>81</v>
      </c>
      <c r="D67" s="9">
        <v>185</v>
      </c>
    </row>
    <row r="68" spans="1:4" ht="18" customHeight="1" x14ac:dyDescent="0.15">
      <c r="A68" s="16">
        <v>52</v>
      </c>
      <c r="B68" s="29">
        <v>82</v>
      </c>
      <c r="C68" s="10">
        <v>80</v>
      </c>
      <c r="D68" s="9">
        <v>162</v>
      </c>
    </row>
    <row r="69" spans="1:4" ht="18" customHeight="1" x14ac:dyDescent="0.15">
      <c r="A69" s="16">
        <v>53</v>
      </c>
      <c r="B69" s="29">
        <v>86</v>
      </c>
      <c r="C69" s="10">
        <v>76</v>
      </c>
      <c r="D69" s="9">
        <v>162</v>
      </c>
    </row>
    <row r="70" spans="1:4" ht="18" customHeight="1" x14ac:dyDescent="0.15">
      <c r="A70" s="16">
        <v>54</v>
      </c>
      <c r="B70" s="29">
        <v>71</v>
      </c>
      <c r="C70" s="10">
        <v>69</v>
      </c>
      <c r="D70" s="9">
        <v>140</v>
      </c>
    </row>
    <row r="71" spans="1:4" ht="18" customHeight="1" x14ac:dyDescent="0.15">
      <c r="A71" s="8" t="s">
        <v>149</v>
      </c>
      <c r="B71" s="29">
        <v>431</v>
      </c>
      <c r="C71" s="10">
        <v>405</v>
      </c>
      <c r="D71" s="9">
        <v>836</v>
      </c>
    </row>
    <row r="72" spans="1:4" ht="18" customHeight="1" x14ac:dyDescent="0.15">
      <c r="A72" s="16">
        <v>55</v>
      </c>
      <c r="B72" s="29">
        <v>93</v>
      </c>
      <c r="C72" s="10">
        <v>80</v>
      </c>
      <c r="D72" s="9">
        <v>173</v>
      </c>
    </row>
    <row r="73" spans="1:4" ht="18" customHeight="1" x14ac:dyDescent="0.15">
      <c r="A73" s="16">
        <v>56</v>
      </c>
      <c r="B73" s="29">
        <v>43</v>
      </c>
      <c r="C73" s="10">
        <v>59</v>
      </c>
      <c r="D73" s="9">
        <v>102</v>
      </c>
    </row>
    <row r="74" spans="1:4" ht="18" customHeight="1" x14ac:dyDescent="0.15">
      <c r="A74" s="16">
        <v>57</v>
      </c>
      <c r="B74" s="29">
        <v>55</v>
      </c>
      <c r="C74" s="10">
        <v>67</v>
      </c>
      <c r="D74" s="9">
        <v>122</v>
      </c>
    </row>
    <row r="75" spans="1:4" ht="18" customHeight="1" x14ac:dyDescent="0.15">
      <c r="A75" s="16">
        <v>58</v>
      </c>
      <c r="B75" s="29">
        <v>58</v>
      </c>
      <c r="C75" s="10">
        <v>73</v>
      </c>
      <c r="D75" s="9">
        <v>131</v>
      </c>
    </row>
    <row r="76" spans="1:4" ht="18" customHeight="1" x14ac:dyDescent="0.15">
      <c r="A76" s="16">
        <v>59</v>
      </c>
      <c r="B76" s="29">
        <v>75</v>
      </c>
      <c r="C76" s="10">
        <v>64</v>
      </c>
      <c r="D76" s="9">
        <v>139</v>
      </c>
    </row>
    <row r="77" spans="1:4" ht="18" customHeight="1" x14ac:dyDescent="0.15">
      <c r="A77" s="8" t="s">
        <v>13</v>
      </c>
      <c r="B77" s="29">
        <v>324</v>
      </c>
      <c r="C77" s="10">
        <v>343</v>
      </c>
      <c r="D77" s="9">
        <v>667</v>
      </c>
    </row>
    <row r="78" spans="1:4" ht="18" customHeight="1" x14ac:dyDescent="0.15">
      <c r="A78" s="16">
        <v>60</v>
      </c>
      <c r="B78" s="29">
        <v>58</v>
      </c>
      <c r="C78" s="10">
        <v>64</v>
      </c>
      <c r="D78" s="9">
        <v>122</v>
      </c>
    </row>
    <row r="79" spans="1:4" ht="18" customHeight="1" x14ac:dyDescent="0.15">
      <c r="A79" s="16">
        <v>61</v>
      </c>
      <c r="B79" s="29">
        <v>50</v>
      </c>
      <c r="C79" s="10">
        <v>66</v>
      </c>
      <c r="D79" s="9">
        <v>116</v>
      </c>
    </row>
    <row r="80" spans="1:4" ht="18" customHeight="1" x14ac:dyDescent="0.15">
      <c r="A80" s="16">
        <v>62</v>
      </c>
      <c r="B80" s="29">
        <v>59</v>
      </c>
      <c r="C80" s="10">
        <v>59</v>
      </c>
      <c r="D80" s="9">
        <v>118</v>
      </c>
    </row>
    <row r="81" spans="1:4" ht="18" customHeight="1" x14ac:dyDescent="0.15">
      <c r="A81" s="16">
        <v>63</v>
      </c>
      <c r="B81" s="29">
        <v>65</v>
      </c>
      <c r="C81" s="10">
        <v>50</v>
      </c>
      <c r="D81" s="9">
        <v>115</v>
      </c>
    </row>
    <row r="82" spans="1:4" ht="18" customHeight="1" x14ac:dyDescent="0.15">
      <c r="A82" s="16">
        <v>64</v>
      </c>
      <c r="B82" s="29">
        <v>62</v>
      </c>
      <c r="C82" s="10">
        <v>68</v>
      </c>
      <c r="D82" s="9">
        <v>130</v>
      </c>
    </row>
    <row r="83" spans="1:4" ht="18" customHeight="1" x14ac:dyDescent="0.15">
      <c r="A83" s="8" t="s">
        <v>12</v>
      </c>
      <c r="B83" s="29">
        <v>294</v>
      </c>
      <c r="C83" s="10">
        <v>307</v>
      </c>
      <c r="D83" s="9">
        <v>601</v>
      </c>
    </row>
    <row r="84" spans="1:4" ht="18" customHeight="1" x14ac:dyDescent="0.15">
      <c r="A84" s="8" t="s">
        <v>148</v>
      </c>
      <c r="B84" s="29">
        <v>3395</v>
      </c>
      <c r="C84" s="10">
        <v>3305</v>
      </c>
      <c r="D84" s="9">
        <v>6700</v>
      </c>
    </row>
    <row r="85" spans="1:4" ht="18" customHeight="1" x14ac:dyDescent="0.15">
      <c r="A85" s="16">
        <v>65</v>
      </c>
      <c r="B85" s="29">
        <v>57</v>
      </c>
      <c r="C85" s="10">
        <v>56</v>
      </c>
      <c r="D85" s="9">
        <v>113</v>
      </c>
    </row>
    <row r="86" spans="1:4" ht="18" customHeight="1" x14ac:dyDescent="0.15">
      <c r="A86" s="16">
        <v>66</v>
      </c>
      <c r="B86" s="29">
        <v>54</v>
      </c>
      <c r="C86" s="10">
        <v>68</v>
      </c>
      <c r="D86" s="9">
        <v>122</v>
      </c>
    </row>
    <row r="87" spans="1:4" ht="18" customHeight="1" x14ac:dyDescent="0.15">
      <c r="A87" s="16">
        <v>67</v>
      </c>
      <c r="B87" s="29">
        <v>60</v>
      </c>
      <c r="C87" s="10">
        <v>65</v>
      </c>
      <c r="D87" s="9">
        <v>125</v>
      </c>
    </row>
    <row r="88" spans="1:4" ht="18" customHeight="1" x14ac:dyDescent="0.15">
      <c r="A88" s="16">
        <v>68</v>
      </c>
      <c r="B88" s="29">
        <v>76</v>
      </c>
      <c r="C88" s="10">
        <v>65</v>
      </c>
      <c r="D88" s="9">
        <v>141</v>
      </c>
    </row>
    <row r="89" spans="1:4" ht="18" customHeight="1" x14ac:dyDescent="0.15">
      <c r="A89" s="16">
        <v>69</v>
      </c>
      <c r="B89" s="29">
        <v>53</v>
      </c>
      <c r="C89" s="10">
        <v>69</v>
      </c>
      <c r="D89" s="9">
        <v>122</v>
      </c>
    </row>
    <row r="90" spans="1:4" ht="18" customHeight="1" x14ac:dyDescent="0.15">
      <c r="A90" s="8" t="s">
        <v>125</v>
      </c>
      <c r="B90" s="29">
        <v>300</v>
      </c>
      <c r="C90" s="10">
        <v>323</v>
      </c>
      <c r="D90" s="9">
        <v>623</v>
      </c>
    </row>
    <row r="91" spans="1:4" ht="18" customHeight="1" x14ac:dyDescent="0.15">
      <c r="A91" s="16">
        <v>70</v>
      </c>
      <c r="B91" s="29">
        <v>75</v>
      </c>
      <c r="C91" s="10">
        <v>59</v>
      </c>
      <c r="D91" s="9">
        <v>134</v>
      </c>
    </row>
    <row r="92" spans="1:4" ht="18" customHeight="1" x14ac:dyDescent="0.15">
      <c r="A92" s="16">
        <v>71</v>
      </c>
      <c r="B92" s="29">
        <v>46</v>
      </c>
      <c r="C92" s="10">
        <v>95</v>
      </c>
      <c r="D92" s="9">
        <v>141</v>
      </c>
    </row>
    <row r="93" spans="1:4" ht="18" customHeight="1" x14ac:dyDescent="0.15">
      <c r="A93" s="16">
        <v>72</v>
      </c>
      <c r="B93" s="29">
        <v>81</v>
      </c>
      <c r="C93" s="10">
        <v>99</v>
      </c>
      <c r="D93" s="9">
        <v>180</v>
      </c>
    </row>
    <row r="94" spans="1:4" ht="18" customHeight="1" x14ac:dyDescent="0.15">
      <c r="A94" s="16">
        <v>73</v>
      </c>
      <c r="B94" s="29">
        <v>71</v>
      </c>
      <c r="C94" s="10">
        <v>102</v>
      </c>
      <c r="D94" s="9">
        <v>173</v>
      </c>
    </row>
    <row r="95" spans="1:4" ht="18" customHeight="1" x14ac:dyDescent="0.15">
      <c r="A95" s="16">
        <v>74</v>
      </c>
      <c r="B95" s="29">
        <v>87</v>
      </c>
      <c r="C95" s="10">
        <v>112</v>
      </c>
      <c r="D95" s="9">
        <v>199</v>
      </c>
    </row>
    <row r="96" spans="1:4" ht="18" customHeight="1" x14ac:dyDescent="0.15">
      <c r="A96" s="8" t="s">
        <v>147</v>
      </c>
      <c r="B96" s="29">
        <v>360</v>
      </c>
      <c r="C96" s="10">
        <v>467</v>
      </c>
      <c r="D96" s="9">
        <v>827</v>
      </c>
    </row>
    <row r="97" spans="1:4" ht="18" customHeight="1" x14ac:dyDescent="0.15">
      <c r="A97" s="16">
        <v>75</v>
      </c>
      <c r="B97" s="29">
        <v>79</v>
      </c>
      <c r="C97" s="10">
        <v>97</v>
      </c>
      <c r="D97" s="9">
        <v>176</v>
      </c>
    </row>
    <row r="98" spans="1:4" ht="18" customHeight="1" x14ac:dyDescent="0.15">
      <c r="A98" s="16">
        <v>76</v>
      </c>
      <c r="B98" s="29">
        <v>57</v>
      </c>
      <c r="C98" s="10">
        <v>106</v>
      </c>
      <c r="D98" s="9">
        <v>163</v>
      </c>
    </row>
    <row r="99" spans="1:4" ht="18" customHeight="1" x14ac:dyDescent="0.15">
      <c r="A99" s="16">
        <v>77</v>
      </c>
      <c r="B99" s="29">
        <v>41</v>
      </c>
      <c r="C99" s="10">
        <v>67</v>
      </c>
      <c r="D99" s="9">
        <v>108</v>
      </c>
    </row>
    <row r="100" spans="1:4" ht="18" customHeight="1" x14ac:dyDescent="0.15">
      <c r="A100" s="16">
        <v>78</v>
      </c>
      <c r="B100" s="29">
        <v>65</v>
      </c>
      <c r="C100" s="10">
        <v>82</v>
      </c>
      <c r="D100" s="9">
        <v>147</v>
      </c>
    </row>
    <row r="101" spans="1:4" ht="18" customHeight="1" x14ac:dyDescent="0.15">
      <c r="A101" s="16">
        <v>79</v>
      </c>
      <c r="B101" s="29">
        <v>69</v>
      </c>
      <c r="C101" s="10">
        <v>75</v>
      </c>
      <c r="D101" s="9">
        <v>144</v>
      </c>
    </row>
    <row r="102" spans="1:4" ht="18" customHeight="1" x14ac:dyDescent="0.15">
      <c r="A102" s="8" t="s">
        <v>8</v>
      </c>
      <c r="B102" s="29">
        <v>311</v>
      </c>
      <c r="C102" s="10">
        <v>427</v>
      </c>
      <c r="D102" s="9">
        <v>738</v>
      </c>
    </row>
    <row r="103" spans="1:4" ht="18" customHeight="1" x14ac:dyDescent="0.15">
      <c r="A103" s="16">
        <v>80</v>
      </c>
      <c r="B103" s="29">
        <v>53</v>
      </c>
      <c r="C103" s="10">
        <v>94</v>
      </c>
      <c r="D103" s="9">
        <v>147</v>
      </c>
    </row>
    <row r="104" spans="1:4" ht="18" customHeight="1" x14ac:dyDescent="0.15">
      <c r="A104" s="16">
        <v>81</v>
      </c>
      <c r="B104" s="29">
        <v>61</v>
      </c>
      <c r="C104" s="10">
        <v>100</v>
      </c>
      <c r="D104" s="9">
        <v>161</v>
      </c>
    </row>
    <row r="105" spans="1:4" ht="18" customHeight="1" x14ac:dyDescent="0.15">
      <c r="A105" s="16">
        <v>82</v>
      </c>
      <c r="B105" s="29">
        <v>52</v>
      </c>
      <c r="C105" s="10">
        <v>63</v>
      </c>
      <c r="D105" s="9">
        <v>115</v>
      </c>
    </row>
    <row r="106" spans="1:4" ht="18" customHeight="1" x14ac:dyDescent="0.15">
      <c r="A106" s="16">
        <v>83</v>
      </c>
      <c r="B106" s="29">
        <v>47</v>
      </c>
      <c r="C106" s="10">
        <v>59</v>
      </c>
      <c r="D106" s="9">
        <v>106</v>
      </c>
    </row>
    <row r="107" spans="1:4" ht="18" customHeight="1" x14ac:dyDescent="0.15">
      <c r="A107" s="16">
        <v>84</v>
      </c>
      <c r="B107" s="29">
        <v>27</v>
      </c>
      <c r="C107" s="10">
        <v>55</v>
      </c>
      <c r="D107" s="9">
        <v>82</v>
      </c>
    </row>
    <row r="108" spans="1:4" ht="18" customHeight="1" x14ac:dyDescent="0.15">
      <c r="A108" s="8" t="s">
        <v>123</v>
      </c>
      <c r="B108" s="29">
        <v>240</v>
      </c>
      <c r="C108" s="10">
        <v>371</v>
      </c>
      <c r="D108" s="9">
        <v>611</v>
      </c>
    </row>
    <row r="109" spans="1:4" ht="18" customHeight="1" x14ac:dyDescent="0.15">
      <c r="A109" s="16">
        <v>85</v>
      </c>
      <c r="B109" s="29">
        <v>26</v>
      </c>
      <c r="C109" s="10">
        <v>61</v>
      </c>
      <c r="D109" s="9">
        <v>87</v>
      </c>
    </row>
    <row r="110" spans="1:4" ht="18" customHeight="1" x14ac:dyDescent="0.15">
      <c r="A110" s="16">
        <v>86</v>
      </c>
      <c r="B110" s="29">
        <v>29</v>
      </c>
      <c r="C110" s="10">
        <v>50</v>
      </c>
      <c r="D110" s="9">
        <v>79</v>
      </c>
    </row>
    <row r="111" spans="1:4" ht="18" customHeight="1" x14ac:dyDescent="0.15">
      <c r="A111" s="16">
        <v>87</v>
      </c>
      <c r="B111" s="29">
        <v>32</v>
      </c>
      <c r="C111" s="10">
        <v>56</v>
      </c>
      <c r="D111" s="9">
        <v>88</v>
      </c>
    </row>
    <row r="112" spans="1:4" ht="18" customHeight="1" x14ac:dyDescent="0.15">
      <c r="A112" s="16">
        <v>88</v>
      </c>
      <c r="B112" s="29">
        <v>27</v>
      </c>
      <c r="C112" s="10">
        <v>37</v>
      </c>
      <c r="D112" s="9">
        <v>64</v>
      </c>
    </row>
    <row r="113" spans="1:4" ht="18" customHeight="1" x14ac:dyDescent="0.15">
      <c r="A113" s="16">
        <v>89</v>
      </c>
      <c r="B113" s="29">
        <v>22</v>
      </c>
      <c r="C113" s="10">
        <v>35</v>
      </c>
      <c r="D113" s="9">
        <v>57</v>
      </c>
    </row>
    <row r="114" spans="1:4" ht="18" customHeight="1" x14ac:dyDescent="0.15">
      <c r="A114" s="8" t="s">
        <v>146</v>
      </c>
      <c r="B114" s="29">
        <v>136</v>
      </c>
      <c r="C114" s="10">
        <v>239</v>
      </c>
      <c r="D114" s="9">
        <v>375</v>
      </c>
    </row>
    <row r="115" spans="1:4" ht="18" customHeight="1" x14ac:dyDescent="0.15">
      <c r="A115" s="16">
        <v>90</v>
      </c>
      <c r="B115" s="29">
        <v>16</v>
      </c>
      <c r="C115" s="10">
        <v>45</v>
      </c>
      <c r="D115" s="9">
        <v>61</v>
      </c>
    </row>
    <row r="116" spans="1:4" ht="18" customHeight="1" x14ac:dyDescent="0.15">
      <c r="A116" s="16">
        <v>91</v>
      </c>
      <c r="B116" s="29">
        <v>9</v>
      </c>
      <c r="C116" s="10">
        <v>34</v>
      </c>
      <c r="D116" s="9">
        <v>43</v>
      </c>
    </row>
    <row r="117" spans="1:4" ht="18" customHeight="1" x14ac:dyDescent="0.15">
      <c r="A117" s="16">
        <v>92</v>
      </c>
      <c r="B117" s="29">
        <v>7</v>
      </c>
      <c r="C117" s="10">
        <v>30</v>
      </c>
      <c r="D117" s="9">
        <v>37</v>
      </c>
    </row>
    <row r="118" spans="1:4" ht="18" customHeight="1" x14ac:dyDescent="0.15">
      <c r="A118" s="16">
        <v>93</v>
      </c>
      <c r="B118" s="29">
        <v>8</v>
      </c>
      <c r="C118" s="10">
        <v>26</v>
      </c>
      <c r="D118" s="9">
        <v>34</v>
      </c>
    </row>
    <row r="119" spans="1:4" ht="18" customHeight="1" x14ac:dyDescent="0.15">
      <c r="A119" s="16">
        <v>94</v>
      </c>
      <c r="B119" s="29">
        <v>9</v>
      </c>
      <c r="C119" s="10">
        <v>21</v>
      </c>
      <c r="D119" s="9">
        <v>30</v>
      </c>
    </row>
    <row r="120" spans="1:4" ht="18" customHeight="1" x14ac:dyDescent="0.15">
      <c r="A120" s="8" t="s">
        <v>145</v>
      </c>
      <c r="B120" s="29">
        <v>49</v>
      </c>
      <c r="C120" s="10">
        <v>156</v>
      </c>
      <c r="D120" s="9">
        <v>205</v>
      </c>
    </row>
    <row r="121" spans="1:4" ht="18" customHeight="1" x14ac:dyDescent="0.15">
      <c r="A121" s="16">
        <v>95</v>
      </c>
      <c r="B121" s="29">
        <v>7</v>
      </c>
      <c r="C121" s="10">
        <v>18</v>
      </c>
      <c r="D121" s="9">
        <v>25</v>
      </c>
    </row>
    <row r="122" spans="1:4" ht="18" customHeight="1" x14ac:dyDescent="0.15">
      <c r="A122" s="16">
        <v>96</v>
      </c>
      <c r="B122" s="29">
        <v>0</v>
      </c>
      <c r="C122" s="10">
        <v>7</v>
      </c>
      <c r="D122" s="9">
        <v>7</v>
      </c>
    </row>
    <row r="123" spans="1:4" ht="18" customHeight="1" x14ac:dyDescent="0.15">
      <c r="A123" s="16">
        <v>97</v>
      </c>
      <c r="B123" s="29">
        <v>2</v>
      </c>
      <c r="C123" s="10">
        <v>6</v>
      </c>
      <c r="D123" s="9">
        <v>8</v>
      </c>
    </row>
    <row r="124" spans="1:4" ht="18" customHeight="1" x14ac:dyDescent="0.15">
      <c r="A124" s="16">
        <v>98</v>
      </c>
      <c r="B124" s="29">
        <v>3</v>
      </c>
      <c r="C124" s="10">
        <v>5</v>
      </c>
      <c r="D124" s="9">
        <v>8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144</v>
      </c>
      <c r="B126" s="29">
        <v>12</v>
      </c>
      <c r="C126" s="10">
        <v>39</v>
      </c>
      <c r="D126" s="9">
        <v>51</v>
      </c>
    </row>
    <row r="127" spans="1:4" ht="18" customHeight="1" x14ac:dyDescent="0.15">
      <c r="A127" s="16">
        <v>100</v>
      </c>
      <c r="B127" s="29">
        <v>1</v>
      </c>
      <c r="C127" s="10">
        <v>3</v>
      </c>
      <c r="D127" s="9">
        <v>4</v>
      </c>
    </row>
    <row r="128" spans="1:4" ht="18" customHeight="1" x14ac:dyDescent="0.15">
      <c r="A128" s="15" t="s">
        <v>37</v>
      </c>
      <c r="B128" s="29">
        <v>0</v>
      </c>
      <c r="C128" s="10">
        <v>7</v>
      </c>
      <c r="D128" s="9">
        <v>7</v>
      </c>
    </row>
    <row r="129" spans="1:4" ht="18" customHeight="1" x14ac:dyDescent="0.15">
      <c r="A129" s="8" t="s">
        <v>2</v>
      </c>
      <c r="B129" s="29">
        <v>1</v>
      </c>
      <c r="C129" s="10">
        <v>10</v>
      </c>
      <c r="D129" s="9">
        <v>11</v>
      </c>
    </row>
    <row r="130" spans="1:4" ht="18" customHeight="1" x14ac:dyDescent="0.15">
      <c r="A130" s="8" t="s">
        <v>35</v>
      </c>
      <c r="B130" s="28">
        <v>1409</v>
      </c>
      <c r="C130" s="6">
        <v>2032</v>
      </c>
      <c r="D130" s="5">
        <v>3441</v>
      </c>
    </row>
    <row r="131" spans="1:4" ht="18" customHeight="1" x14ac:dyDescent="0.15">
      <c r="A131" s="4" t="s">
        <v>0</v>
      </c>
      <c r="B131" s="27">
        <v>5533</v>
      </c>
      <c r="C131" s="2">
        <v>6040</v>
      </c>
      <c r="D131" s="1">
        <v>1157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5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9</v>
      </c>
      <c r="C5" s="18">
        <v>33</v>
      </c>
      <c r="D5" s="17">
        <v>72</v>
      </c>
    </row>
    <row r="6" spans="1:4" ht="18" customHeight="1" x14ac:dyDescent="0.15">
      <c r="A6" s="16">
        <v>1</v>
      </c>
      <c r="B6" s="29">
        <v>36</v>
      </c>
      <c r="C6" s="10">
        <v>40</v>
      </c>
      <c r="D6" s="9">
        <v>76</v>
      </c>
    </row>
    <row r="7" spans="1:4" ht="18" customHeight="1" x14ac:dyDescent="0.15">
      <c r="A7" s="16">
        <v>2</v>
      </c>
      <c r="B7" s="29">
        <v>36</v>
      </c>
      <c r="C7" s="10">
        <v>39</v>
      </c>
      <c r="D7" s="9">
        <v>75</v>
      </c>
    </row>
    <row r="8" spans="1:4" ht="18" customHeight="1" x14ac:dyDescent="0.15">
      <c r="A8" s="16">
        <v>3</v>
      </c>
      <c r="B8" s="29">
        <v>28</v>
      </c>
      <c r="C8" s="10">
        <v>40</v>
      </c>
      <c r="D8" s="9">
        <v>68</v>
      </c>
    </row>
    <row r="9" spans="1:4" ht="18" customHeight="1" x14ac:dyDescent="0.15">
      <c r="A9" s="16">
        <v>4</v>
      </c>
      <c r="B9" s="29">
        <v>38</v>
      </c>
      <c r="C9" s="10">
        <v>49</v>
      </c>
      <c r="D9" s="9">
        <v>87</v>
      </c>
    </row>
    <row r="10" spans="1:4" ht="18" customHeight="1" x14ac:dyDescent="0.15">
      <c r="A10" s="8" t="s">
        <v>76</v>
      </c>
      <c r="B10" s="29">
        <v>177</v>
      </c>
      <c r="C10" s="10">
        <v>201</v>
      </c>
      <c r="D10" s="9">
        <v>378</v>
      </c>
    </row>
    <row r="11" spans="1:4" ht="18" customHeight="1" x14ac:dyDescent="0.15">
      <c r="A11" s="16">
        <v>5</v>
      </c>
      <c r="B11" s="29">
        <v>48</v>
      </c>
      <c r="C11" s="10">
        <v>36</v>
      </c>
      <c r="D11" s="9">
        <v>84</v>
      </c>
    </row>
    <row r="12" spans="1:4" ht="18" customHeight="1" x14ac:dyDescent="0.15">
      <c r="A12" s="16">
        <v>6</v>
      </c>
      <c r="B12" s="29">
        <v>41</v>
      </c>
      <c r="C12" s="10">
        <v>37</v>
      </c>
      <c r="D12" s="9">
        <v>78</v>
      </c>
    </row>
    <row r="13" spans="1:4" ht="18" customHeight="1" x14ac:dyDescent="0.15">
      <c r="A13" s="16">
        <v>7</v>
      </c>
      <c r="B13" s="29">
        <v>41</v>
      </c>
      <c r="C13" s="10">
        <v>43</v>
      </c>
      <c r="D13" s="9">
        <v>84</v>
      </c>
    </row>
    <row r="14" spans="1:4" ht="18" customHeight="1" x14ac:dyDescent="0.15">
      <c r="A14" s="16">
        <v>8</v>
      </c>
      <c r="B14" s="29">
        <v>40</v>
      </c>
      <c r="C14" s="10">
        <v>42</v>
      </c>
      <c r="D14" s="9">
        <v>82</v>
      </c>
    </row>
    <row r="15" spans="1:4" ht="18" customHeight="1" x14ac:dyDescent="0.15">
      <c r="A15" s="16">
        <v>9</v>
      </c>
      <c r="B15" s="29">
        <v>50</v>
      </c>
      <c r="C15" s="10">
        <v>45</v>
      </c>
      <c r="D15" s="9">
        <v>95</v>
      </c>
    </row>
    <row r="16" spans="1:4" ht="18" customHeight="1" x14ac:dyDescent="0.15">
      <c r="A16" s="8" t="s">
        <v>50</v>
      </c>
      <c r="B16" s="29">
        <v>220</v>
      </c>
      <c r="C16" s="10">
        <v>203</v>
      </c>
      <c r="D16" s="9">
        <v>423</v>
      </c>
    </row>
    <row r="17" spans="1:4" ht="18" customHeight="1" x14ac:dyDescent="0.15">
      <c r="A17" s="16">
        <v>10</v>
      </c>
      <c r="B17" s="29">
        <v>50</v>
      </c>
      <c r="C17" s="10">
        <v>41</v>
      </c>
      <c r="D17" s="9">
        <v>91</v>
      </c>
    </row>
    <row r="18" spans="1:4" ht="18" customHeight="1" x14ac:dyDescent="0.15">
      <c r="A18" s="16">
        <v>11</v>
      </c>
      <c r="B18" s="29">
        <v>42</v>
      </c>
      <c r="C18" s="10">
        <v>50</v>
      </c>
      <c r="D18" s="9">
        <v>92</v>
      </c>
    </row>
    <row r="19" spans="1:4" ht="18" customHeight="1" x14ac:dyDescent="0.15">
      <c r="A19" s="16">
        <v>12</v>
      </c>
      <c r="B19" s="29">
        <v>44</v>
      </c>
      <c r="C19" s="10">
        <v>45</v>
      </c>
      <c r="D19" s="9">
        <v>89</v>
      </c>
    </row>
    <row r="20" spans="1:4" ht="18" customHeight="1" x14ac:dyDescent="0.15">
      <c r="A20" s="16">
        <v>13</v>
      </c>
      <c r="B20" s="29">
        <v>47</v>
      </c>
      <c r="C20" s="10">
        <v>53</v>
      </c>
      <c r="D20" s="9">
        <v>100</v>
      </c>
    </row>
    <row r="21" spans="1:4" ht="18" customHeight="1" x14ac:dyDescent="0.15">
      <c r="A21" s="16">
        <v>14</v>
      </c>
      <c r="B21" s="29">
        <v>57</v>
      </c>
      <c r="C21" s="10">
        <v>50</v>
      </c>
      <c r="D21" s="9">
        <v>107</v>
      </c>
    </row>
    <row r="22" spans="1:4" ht="18" customHeight="1" x14ac:dyDescent="0.15">
      <c r="A22" s="8" t="s">
        <v>75</v>
      </c>
      <c r="B22" s="29">
        <v>240</v>
      </c>
      <c r="C22" s="10">
        <v>239</v>
      </c>
      <c r="D22" s="9">
        <v>479</v>
      </c>
    </row>
    <row r="23" spans="1:4" ht="18" customHeight="1" x14ac:dyDescent="0.15">
      <c r="A23" s="8" t="s">
        <v>65</v>
      </c>
      <c r="B23" s="29">
        <v>637</v>
      </c>
      <c r="C23" s="10">
        <v>643</v>
      </c>
      <c r="D23" s="9">
        <v>1280</v>
      </c>
    </row>
    <row r="24" spans="1:4" ht="18" customHeight="1" x14ac:dyDescent="0.15">
      <c r="A24" s="16">
        <v>15</v>
      </c>
      <c r="B24" s="29">
        <v>65</v>
      </c>
      <c r="C24" s="10">
        <v>55</v>
      </c>
      <c r="D24" s="9">
        <v>120</v>
      </c>
    </row>
    <row r="25" spans="1:4" ht="18" customHeight="1" x14ac:dyDescent="0.15">
      <c r="A25" s="16">
        <v>16</v>
      </c>
      <c r="B25" s="29">
        <v>69</v>
      </c>
      <c r="C25" s="10">
        <v>54</v>
      </c>
      <c r="D25" s="9">
        <v>123</v>
      </c>
    </row>
    <row r="26" spans="1:4" ht="18" customHeight="1" x14ac:dyDescent="0.15">
      <c r="A26" s="16">
        <v>17</v>
      </c>
      <c r="B26" s="29">
        <v>55</v>
      </c>
      <c r="C26" s="10">
        <v>60</v>
      </c>
      <c r="D26" s="9">
        <v>115</v>
      </c>
    </row>
    <row r="27" spans="1:4" ht="18" customHeight="1" x14ac:dyDescent="0.15">
      <c r="A27" s="16">
        <v>18</v>
      </c>
      <c r="B27" s="29">
        <v>76</v>
      </c>
      <c r="C27" s="10">
        <v>62</v>
      </c>
      <c r="D27" s="9">
        <v>138</v>
      </c>
    </row>
    <row r="28" spans="1:4" ht="18" customHeight="1" x14ac:dyDescent="0.15">
      <c r="A28" s="16">
        <v>19</v>
      </c>
      <c r="B28" s="29">
        <v>57</v>
      </c>
      <c r="C28" s="10">
        <v>51</v>
      </c>
      <c r="D28" s="9">
        <v>108</v>
      </c>
    </row>
    <row r="29" spans="1:4" ht="18" customHeight="1" x14ac:dyDescent="0.15">
      <c r="A29" s="8" t="s">
        <v>48</v>
      </c>
      <c r="B29" s="29">
        <v>322</v>
      </c>
      <c r="C29" s="10">
        <v>282</v>
      </c>
      <c r="D29" s="9">
        <v>604</v>
      </c>
    </row>
    <row r="30" spans="1:4" ht="18" customHeight="1" x14ac:dyDescent="0.15">
      <c r="A30" s="16">
        <v>20</v>
      </c>
      <c r="B30" s="29">
        <v>49</v>
      </c>
      <c r="C30" s="10">
        <v>49</v>
      </c>
      <c r="D30" s="9">
        <v>98</v>
      </c>
    </row>
    <row r="31" spans="1:4" ht="18" customHeight="1" x14ac:dyDescent="0.15">
      <c r="A31" s="16">
        <v>21</v>
      </c>
      <c r="B31" s="29">
        <v>75</v>
      </c>
      <c r="C31" s="10">
        <v>61</v>
      </c>
      <c r="D31" s="9">
        <v>136</v>
      </c>
    </row>
    <row r="32" spans="1:4" ht="18" customHeight="1" x14ac:dyDescent="0.15">
      <c r="A32" s="16">
        <v>22</v>
      </c>
      <c r="B32" s="29">
        <v>58</v>
      </c>
      <c r="C32" s="10">
        <v>52</v>
      </c>
      <c r="D32" s="9">
        <v>110</v>
      </c>
    </row>
    <row r="33" spans="1:4" ht="18" customHeight="1" x14ac:dyDescent="0.15">
      <c r="A33" s="16">
        <v>23</v>
      </c>
      <c r="B33" s="29">
        <v>63</v>
      </c>
      <c r="C33" s="10">
        <v>61</v>
      </c>
      <c r="D33" s="9">
        <v>124</v>
      </c>
    </row>
    <row r="34" spans="1:4" ht="18" customHeight="1" x14ac:dyDescent="0.15">
      <c r="A34" s="16">
        <v>24</v>
      </c>
      <c r="B34" s="29">
        <v>63</v>
      </c>
      <c r="C34" s="10">
        <v>46</v>
      </c>
      <c r="D34" s="9">
        <v>109</v>
      </c>
    </row>
    <row r="35" spans="1:4" ht="18" customHeight="1" x14ac:dyDescent="0.15">
      <c r="A35" s="8" t="s">
        <v>74</v>
      </c>
      <c r="B35" s="29">
        <v>308</v>
      </c>
      <c r="C35" s="10">
        <v>269</v>
      </c>
      <c r="D35" s="9">
        <v>577</v>
      </c>
    </row>
    <row r="36" spans="1:4" ht="18" customHeight="1" x14ac:dyDescent="0.15">
      <c r="A36" s="16">
        <v>25</v>
      </c>
      <c r="B36" s="29">
        <v>61</v>
      </c>
      <c r="C36" s="10">
        <v>71</v>
      </c>
      <c r="D36" s="9">
        <v>132</v>
      </c>
    </row>
    <row r="37" spans="1:4" ht="18" customHeight="1" x14ac:dyDescent="0.15">
      <c r="A37" s="16">
        <v>26</v>
      </c>
      <c r="B37" s="29">
        <v>67</v>
      </c>
      <c r="C37" s="10">
        <v>59</v>
      </c>
      <c r="D37" s="9">
        <v>126</v>
      </c>
    </row>
    <row r="38" spans="1:4" ht="18" customHeight="1" x14ac:dyDescent="0.15">
      <c r="A38" s="16">
        <v>27</v>
      </c>
      <c r="B38" s="29">
        <v>60</v>
      </c>
      <c r="C38" s="10">
        <v>71</v>
      </c>
      <c r="D38" s="9">
        <v>131</v>
      </c>
    </row>
    <row r="39" spans="1:4" ht="18" customHeight="1" x14ac:dyDescent="0.15">
      <c r="A39" s="16">
        <v>28</v>
      </c>
      <c r="B39" s="29">
        <v>80</v>
      </c>
      <c r="C39" s="10">
        <v>66</v>
      </c>
      <c r="D39" s="9">
        <v>146</v>
      </c>
    </row>
    <row r="40" spans="1:4" ht="18" customHeight="1" x14ac:dyDescent="0.15">
      <c r="A40" s="16">
        <v>29</v>
      </c>
      <c r="B40" s="29">
        <v>59</v>
      </c>
      <c r="C40" s="10">
        <v>58</v>
      </c>
      <c r="D40" s="9">
        <v>117</v>
      </c>
    </row>
    <row r="41" spans="1:4" ht="18" customHeight="1" x14ac:dyDescent="0.15">
      <c r="A41" s="8" t="s">
        <v>73</v>
      </c>
      <c r="B41" s="29">
        <v>327</v>
      </c>
      <c r="C41" s="10">
        <v>325</v>
      </c>
      <c r="D41" s="9">
        <v>652</v>
      </c>
    </row>
    <row r="42" spans="1:4" ht="18" customHeight="1" x14ac:dyDescent="0.15">
      <c r="A42" s="16">
        <v>30</v>
      </c>
      <c r="B42" s="29">
        <v>57</v>
      </c>
      <c r="C42" s="10">
        <v>48</v>
      </c>
      <c r="D42" s="9">
        <v>105</v>
      </c>
    </row>
    <row r="43" spans="1:4" ht="18" customHeight="1" x14ac:dyDescent="0.15">
      <c r="A43" s="16">
        <v>31</v>
      </c>
      <c r="B43" s="29">
        <v>66</v>
      </c>
      <c r="C43" s="10">
        <v>49</v>
      </c>
      <c r="D43" s="9">
        <v>115</v>
      </c>
    </row>
    <row r="44" spans="1:4" ht="18" customHeight="1" x14ac:dyDescent="0.15">
      <c r="A44" s="16">
        <v>32</v>
      </c>
      <c r="B44" s="29">
        <v>59</v>
      </c>
      <c r="C44" s="10">
        <v>53</v>
      </c>
      <c r="D44" s="9">
        <v>112</v>
      </c>
    </row>
    <row r="45" spans="1:4" ht="18" customHeight="1" x14ac:dyDescent="0.15">
      <c r="A45" s="16">
        <v>33</v>
      </c>
      <c r="B45" s="29">
        <v>53</v>
      </c>
      <c r="C45" s="10">
        <v>52</v>
      </c>
      <c r="D45" s="9">
        <v>105</v>
      </c>
    </row>
    <row r="46" spans="1:4" ht="18" customHeight="1" x14ac:dyDescent="0.15">
      <c r="A46" s="16">
        <v>34</v>
      </c>
      <c r="B46" s="29">
        <v>50</v>
      </c>
      <c r="C46" s="10">
        <v>55</v>
      </c>
      <c r="D46" s="9">
        <v>105</v>
      </c>
    </row>
    <row r="47" spans="1:4" ht="18" customHeight="1" x14ac:dyDescent="0.15">
      <c r="A47" s="8" t="s">
        <v>61</v>
      </c>
      <c r="B47" s="29">
        <v>285</v>
      </c>
      <c r="C47" s="10">
        <v>257</v>
      </c>
      <c r="D47" s="9">
        <v>542</v>
      </c>
    </row>
    <row r="48" spans="1:4" ht="18" customHeight="1" x14ac:dyDescent="0.15">
      <c r="A48" s="16">
        <v>35</v>
      </c>
      <c r="B48" s="29">
        <v>61</v>
      </c>
      <c r="C48" s="10">
        <v>55</v>
      </c>
      <c r="D48" s="9">
        <v>116</v>
      </c>
    </row>
    <row r="49" spans="1:4" ht="18" customHeight="1" x14ac:dyDescent="0.15">
      <c r="A49" s="16">
        <v>36</v>
      </c>
      <c r="B49" s="29">
        <v>50</v>
      </c>
      <c r="C49" s="10">
        <v>70</v>
      </c>
      <c r="D49" s="9">
        <v>120</v>
      </c>
    </row>
    <row r="50" spans="1:4" ht="18" customHeight="1" x14ac:dyDescent="0.15">
      <c r="A50" s="16">
        <v>37</v>
      </c>
      <c r="B50" s="29">
        <v>54</v>
      </c>
      <c r="C50" s="10">
        <v>59</v>
      </c>
      <c r="D50" s="9">
        <v>113</v>
      </c>
    </row>
    <row r="51" spans="1:4" ht="18" customHeight="1" x14ac:dyDescent="0.15">
      <c r="A51" s="16">
        <v>38</v>
      </c>
      <c r="B51" s="29">
        <v>70</v>
      </c>
      <c r="C51" s="10">
        <v>51</v>
      </c>
      <c r="D51" s="9">
        <v>121</v>
      </c>
    </row>
    <row r="52" spans="1:4" ht="18" customHeight="1" x14ac:dyDescent="0.15">
      <c r="A52" s="16">
        <v>39</v>
      </c>
      <c r="B52" s="29">
        <v>56</v>
      </c>
      <c r="C52" s="10">
        <v>64</v>
      </c>
      <c r="D52" s="9">
        <v>120</v>
      </c>
    </row>
    <row r="53" spans="1:4" ht="18" customHeight="1" x14ac:dyDescent="0.15">
      <c r="A53" s="8" t="s">
        <v>72</v>
      </c>
      <c r="B53" s="29">
        <v>291</v>
      </c>
      <c r="C53" s="10">
        <v>299</v>
      </c>
      <c r="D53" s="9">
        <v>590</v>
      </c>
    </row>
    <row r="54" spans="1:4" ht="18" customHeight="1" x14ac:dyDescent="0.15">
      <c r="A54" s="16">
        <v>40</v>
      </c>
      <c r="B54" s="29">
        <v>82</v>
      </c>
      <c r="C54" s="10">
        <v>48</v>
      </c>
      <c r="D54" s="9">
        <v>130</v>
      </c>
    </row>
    <row r="55" spans="1:4" ht="18" customHeight="1" x14ac:dyDescent="0.15">
      <c r="A55" s="16">
        <v>41</v>
      </c>
      <c r="B55" s="29">
        <v>67</v>
      </c>
      <c r="C55" s="10">
        <v>71</v>
      </c>
      <c r="D55" s="9">
        <v>138</v>
      </c>
    </row>
    <row r="56" spans="1:4" ht="18" customHeight="1" x14ac:dyDescent="0.15">
      <c r="A56" s="16">
        <v>42</v>
      </c>
      <c r="B56" s="29">
        <v>69</v>
      </c>
      <c r="C56" s="10">
        <v>61</v>
      </c>
      <c r="D56" s="9">
        <v>130</v>
      </c>
    </row>
    <row r="57" spans="1:4" ht="18" customHeight="1" x14ac:dyDescent="0.15">
      <c r="A57" s="16">
        <v>43</v>
      </c>
      <c r="B57" s="29">
        <v>68</v>
      </c>
      <c r="C57" s="10">
        <v>61</v>
      </c>
      <c r="D57" s="9">
        <v>129</v>
      </c>
    </row>
    <row r="58" spans="1:4" ht="18" customHeight="1" x14ac:dyDescent="0.15">
      <c r="A58" s="16">
        <v>44</v>
      </c>
      <c r="B58" s="29">
        <v>93</v>
      </c>
      <c r="C58" s="10">
        <v>76</v>
      </c>
      <c r="D58" s="9">
        <v>169</v>
      </c>
    </row>
    <row r="59" spans="1:4" ht="18" customHeight="1" x14ac:dyDescent="0.15">
      <c r="A59" s="8" t="s">
        <v>46</v>
      </c>
      <c r="B59" s="29">
        <v>379</v>
      </c>
      <c r="C59" s="10">
        <v>317</v>
      </c>
      <c r="D59" s="9">
        <v>696</v>
      </c>
    </row>
    <row r="60" spans="1:4" ht="18" customHeight="1" x14ac:dyDescent="0.15">
      <c r="A60" s="16">
        <v>45</v>
      </c>
      <c r="B60" s="29">
        <v>93</v>
      </c>
      <c r="C60" s="10">
        <v>96</v>
      </c>
      <c r="D60" s="9">
        <v>189</v>
      </c>
    </row>
    <row r="61" spans="1:4" ht="18" customHeight="1" x14ac:dyDescent="0.15">
      <c r="A61" s="16">
        <v>46</v>
      </c>
      <c r="B61" s="29">
        <v>82</v>
      </c>
      <c r="C61" s="10">
        <v>80</v>
      </c>
      <c r="D61" s="9">
        <v>162</v>
      </c>
    </row>
    <row r="62" spans="1:4" ht="18" customHeight="1" x14ac:dyDescent="0.15">
      <c r="A62" s="16">
        <v>47</v>
      </c>
      <c r="B62" s="29">
        <v>100</v>
      </c>
      <c r="C62" s="10">
        <v>102</v>
      </c>
      <c r="D62" s="9">
        <v>202</v>
      </c>
    </row>
    <row r="63" spans="1:4" ht="18" customHeight="1" x14ac:dyDescent="0.15">
      <c r="A63" s="16">
        <v>48</v>
      </c>
      <c r="B63" s="29">
        <v>104</v>
      </c>
      <c r="C63" s="10">
        <v>103</v>
      </c>
      <c r="D63" s="9">
        <v>207</v>
      </c>
    </row>
    <row r="64" spans="1:4" ht="18" customHeight="1" x14ac:dyDescent="0.15">
      <c r="A64" s="16">
        <v>49</v>
      </c>
      <c r="B64" s="29">
        <v>93</v>
      </c>
      <c r="C64" s="10">
        <v>112</v>
      </c>
      <c r="D64" s="9">
        <v>205</v>
      </c>
    </row>
    <row r="65" spans="1:4" ht="18" customHeight="1" x14ac:dyDescent="0.15">
      <c r="A65" s="8" t="s">
        <v>45</v>
      </c>
      <c r="B65" s="29">
        <v>472</v>
      </c>
      <c r="C65" s="10">
        <v>493</v>
      </c>
      <c r="D65" s="9">
        <v>965</v>
      </c>
    </row>
    <row r="66" spans="1:4" ht="18" customHeight="1" x14ac:dyDescent="0.15">
      <c r="A66" s="16">
        <v>50</v>
      </c>
      <c r="B66" s="29">
        <v>125</v>
      </c>
      <c r="C66" s="10">
        <v>99</v>
      </c>
      <c r="D66" s="9">
        <v>224</v>
      </c>
    </row>
    <row r="67" spans="1:4" ht="18" customHeight="1" x14ac:dyDescent="0.15">
      <c r="A67" s="16">
        <v>51</v>
      </c>
      <c r="B67" s="29">
        <v>86</v>
      </c>
      <c r="C67" s="10">
        <v>103</v>
      </c>
      <c r="D67" s="9">
        <v>189</v>
      </c>
    </row>
    <row r="68" spans="1:4" ht="18" customHeight="1" x14ac:dyDescent="0.15">
      <c r="A68" s="16">
        <v>52</v>
      </c>
      <c r="B68" s="29">
        <v>106</v>
      </c>
      <c r="C68" s="10">
        <v>87</v>
      </c>
      <c r="D68" s="9">
        <v>193</v>
      </c>
    </row>
    <row r="69" spans="1:4" ht="18" customHeight="1" x14ac:dyDescent="0.15">
      <c r="A69" s="16">
        <v>53</v>
      </c>
      <c r="B69" s="29">
        <v>92</v>
      </c>
      <c r="C69" s="10">
        <v>83</v>
      </c>
      <c r="D69" s="9">
        <v>175</v>
      </c>
    </row>
    <row r="70" spans="1:4" ht="18" customHeight="1" x14ac:dyDescent="0.15">
      <c r="A70" s="16">
        <v>54</v>
      </c>
      <c r="B70" s="29">
        <v>94</v>
      </c>
      <c r="C70" s="10">
        <v>89</v>
      </c>
      <c r="D70" s="9">
        <v>183</v>
      </c>
    </row>
    <row r="71" spans="1:4" ht="18" customHeight="1" x14ac:dyDescent="0.15">
      <c r="A71" s="8" t="s">
        <v>58</v>
      </c>
      <c r="B71" s="29">
        <v>503</v>
      </c>
      <c r="C71" s="10">
        <v>461</v>
      </c>
      <c r="D71" s="9">
        <v>964</v>
      </c>
    </row>
    <row r="72" spans="1:4" ht="18" customHeight="1" x14ac:dyDescent="0.15">
      <c r="A72" s="16">
        <v>55</v>
      </c>
      <c r="B72" s="29">
        <v>85</v>
      </c>
      <c r="C72" s="10">
        <v>90</v>
      </c>
      <c r="D72" s="9">
        <v>175</v>
      </c>
    </row>
    <row r="73" spans="1:4" ht="18" customHeight="1" x14ac:dyDescent="0.15">
      <c r="A73" s="16">
        <v>56</v>
      </c>
      <c r="B73" s="29">
        <v>58</v>
      </c>
      <c r="C73" s="10">
        <v>95</v>
      </c>
      <c r="D73" s="9">
        <v>153</v>
      </c>
    </row>
    <row r="74" spans="1:4" ht="18" customHeight="1" x14ac:dyDescent="0.15">
      <c r="A74" s="16">
        <v>57</v>
      </c>
      <c r="B74" s="29">
        <v>90</v>
      </c>
      <c r="C74" s="10">
        <v>73</v>
      </c>
      <c r="D74" s="9">
        <v>163</v>
      </c>
    </row>
    <row r="75" spans="1:4" ht="18" customHeight="1" x14ac:dyDescent="0.15">
      <c r="A75" s="16">
        <v>58</v>
      </c>
      <c r="B75" s="29">
        <v>82</v>
      </c>
      <c r="C75" s="10">
        <v>85</v>
      </c>
      <c r="D75" s="9">
        <v>167</v>
      </c>
    </row>
    <row r="76" spans="1:4" ht="18" customHeight="1" x14ac:dyDescent="0.15">
      <c r="A76" s="16">
        <v>59</v>
      </c>
      <c r="B76" s="29">
        <v>76</v>
      </c>
      <c r="C76" s="10">
        <v>55</v>
      </c>
      <c r="D76" s="9">
        <v>131</v>
      </c>
    </row>
    <row r="77" spans="1:4" ht="18" customHeight="1" x14ac:dyDescent="0.15">
      <c r="A77" s="8" t="s">
        <v>71</v>
      </c>
      <c r="B77" s="29">
        <v>391</v>
      </c>
      <c r="C77" s="10">
        <v>398</v>
      </c>
      <c r="D77" s="9">
        <v>789</v>
      </c>
    </row>
    <row r="78" spans="1:4" ht="18" customHeight="1" x14ac:dyDescent="0.15">
      <c r="A78" s="16">
        <v>60</v>
      </c>
      <c r="B78" s="29">
        <v>73</v>
      </c>
      <c r="C78" s="10">
        <v>73</v>
      </c>
      <c r="D78" s="9">
        <v>146</v>
      </c>
    </row>
    <row r="79" spans="1:4" ht="18" customHeight="1" x14ac:dyDescent="0.15">
      <c r="A79" s="16">
        <v>61</v>
      </c>
      <c r="B79" s="29">
        <v>49</v>
      </c>
      <c r="C79" s="10">
        <v>58</v>
      </c>
      <c r="D79" s="9">
        <v>107</v>
      </c>
    </row>
    <row r="80" spans="1:4" ht="18" customHeight="1" x14ac:dyDescent="0.15">
      <c r="A80" s="16">
        <v>62</v>
      </c>
      <c r="B80" s="29">
        <v>60</v>
      </c>
      <c r="C80" s="10">
        <v>61</v>
      </c>
      <c r="D80" s="9">
        <v>121</v>
      </c>
    </row>
    <row r="81" spans="1:4" ht="18" customHeight="1" x14ac:dyDescent="0.15">
      <c r="A81" s="16">
        <v>63</v>
      </c>
      <c r="B81" s="29">
        <v>60</v>
      </c>
      <c r="C81" s="10">
        <v>64</v>
      </c>
      <c r="D81" s="9">
        <v>124</v>
      </c>
    </row>
    <row r="82" spans="1:4" ht="18" customHeight="1" x14ac:dyDescent="0.15">
      <c r="A82" s="16">
        <v>64</v>
      </c>
      <c r="B82" s="29">
        <v>53</v>
      </c>
      <c r="C82" s="10">
        <v>63</v>
      </c>
      <c r="D82" s="9">
        <v>116</v>
      </c>
    </row>
    <row r="83" spans="1:4" ht="18" customHeight="1" x14ac:dyDescent="0.15">
      <c r="A83" s="8" t="s">
        <v>44</v>
      </c>
      <c r="B83" s="29">
        <v>295</v>
      </c>
      <c r="C83" s="10">
        <v>319</v>
      </c>
      <c r="D83" s="9">
        <v>614</v>
      </c>
    </row>
    <row r="84" spans="1:4" ht="18" customHeight="1" x14ac:dyDescent="0.15">
      <c r="A84" s="8" t="s">
        <v>43</v>
      </c>
      <c r="B84" s="29">
        <v>3573</v>
      </c>
      <c r="C84" s="10">
        <v>3420</v>
      </c>
      <c r="D84" s="9">
        <v>6993</v>
      </c>
    </row>
    <row r="85" spans="1:4" ht="18" customHeight="1" x14ac:dyDescent="0.15">
      <c r="A85" s="16">
        <v>65</v>
      </c>
      <c r="B85" s="29">
        <v>56</v>
      </c>
      <c r="C85" s="10">
        <v>59</v>
      </c>
      <c r="D85" s="9">
        <v>115</v>
      </c>
    </row>
    <row r="86" spans="1:4" ht="18" customHeight="1" x14ac:dyDescent="0.15">
      <c r="A86" s="16">
        <v>66</v>
      </c>
      <c r="B86" s="29">
        <v>51</v>
      </c>
      <c r="C86" s="10">
        <v>62</v>
      </c>
      <c r="D86" s="9">
        <v>113</v>
      </c>
    </row>
    <row r="87" spans="1:4" ht="18" customHeight="1" x14ac:dyDescent="0.15">
      <c r="A87" s="16">
        <v>67</v>
      </c>
      <c r="B87" s="29">
        <v>58</v>
      </c>
      <c r="C87" s="10">
        <v>61</v>
      </c>
      <c r="D87" s="9">
        <v>119</v>
      </c>
    </row>
    <row r="88" spans="1:4" ht="18" customHeight="1" x14ac:dyDescent="0.15">
      <c r="A88" s="16">
        <v>68</v>
      </c>
      <c r="B88" s="29">
        <v>46</v>
      </c>
      <c r="C88" s="10">
        <v>64</v>
      </c>
      <c r="D88" s="9">
        <v>110</v>
      </c>
    </row>
    <row r="89" spans="1:4" ht="18" customHeight="1" x14ac:dyDescent="0.15">
      <c r="A89" s="16">
        <v>69</v>
      </c>
      <c r="B89" s="29">
        <v>62</v>
      </c>
      <c r="C89" s="10">
        <v>67</v>
      </c>
      <c r="D89" s="9">
        <v>129</v>
      </c>
    </row>
    <row r="90" spans="1:4" ht="18" customHeight="1" x14ac:dyDescent="0.15">
      <c r="A90" s="8" t="s">
        <v>42</v>
      </c>
      <c r="B90" s="29">
        <v>273</v>
      </c>
      <c r="C90" s="10">
        <v>313</v>
      </c>
      <c r="D90" s="9">
        <v>586</v>
      </c>
    </row>
    <row r="91" spans="1:4" ht="18" customHeight="1" x14ac:dyDescent="0.15">
      <c r="A91" s="16">
        <v>70</v>
      </c>
      <c r="B91" s="29">
        <v>63</v>
      </c>
      <c r="C91" s="10">
        <v>71</v>
      </c>
      <c r="D91" s="9">
        <v>134</v>
      </c>
    </row>
    <row r="92" spans="1:4" ht="18" customHeight="1" x14ac:dyDescent="0.15">
      <c r="A92" s="16">
        <v>71</v>
      </c>
      <c r="B92" s="29">
        <v>52</v>
      </c>
      <c r="C92" s="10">
        <v>66</v>
      </c>
      <c r="D92" s="9">
        <v>118</v>
      </c>
    </row>
    <row r="93" spans="1:4" ht="18" customHeight="1" x14ac:dyDescent="0.15">
      <c r="A93" s="16">
        <v>72</v>
      </c>
      <c r="B93" s="29">
        <v>70</v>
      </c>
      <c r="C93" s="10">
        <v>73</v>
      </c>
      <c r="D93" s="9">
        <v>143</v>
      </c>
    </row>
    <row r="94" spans="1:4" ht="18" customHeight="1" x14ac:dyDescent="0.15">
      <c r="A94" s="16">
        <v>73</v>
      </c>
      <c r="B94" s="29">
        <v>74</v>
      </c>
      <c r="C94" s="10">
        <v>118</v>
      </c>
      <c r="D94" s="9">
        <v>192</v>
      </c>
    </row>
    <row r="95" spans="1:4" ht="18" customHeight="1" x14ac:dyDescent="0.15">
      <c r="A95" s="16">
        <v>74</v>
      </c>
      <c r="B95" s="29">
        <v>85</v>
      </c>
      <c r="C95" s="10">
        <v>88</v>
      </c>
      <c r="D95" s="9">
        <v>173</v>
      </c>
    </row>
    <row r="96" spans="1:4" ht="18" customHeight="1" x14ac:dyDescent="0.15">
      <c r="A96" s="8" t="s">
        <v>41</v>
      </c>
      <c r="B96" s="29">
        <v>344</v>
      </c>
      <c r="C96" s="10">
        <v>416</v>
      </c>
      <c r="D96" s="9">
        <v>760</v>
      </c>
    </row>
    <row r="97" spans="1:4" ht="18" customHeight="1" x14ac:dyDescent="0.15">
      <c r="A97" s="16">
        <v>75</v>
      </c>
      <c r="B97" s="29">
        <v>81</v>
      </c>
      <c r="C97" s="10">
        <v>108</v>
      </c>
      <c r="D97" s="9">
        <v>189</v>
      </c>
    </row>
    <row r="98" spans="1:4" ht="18" customHeight="1" x14ac:dyDescent="0.15">
      <c r="A98" s="16">
        <v>76</v>
      </c>
      <c r="B98" s="29">
        <v>89</v>
      </c>
      <c r="C98" s="10">
        <v>79</v>
      </c>
      <c r="D98" s="9">
        <v>168</v>
      </c>
    </row>
    <row r="99" spans="1:4" ht="18" customHeight="1" x14ac:dyDescent="0.15">
      <c r="A99" s="16">
        <v>77</v>
      </c>
      <c r="B99" s="29">
        <v>41</v>
      </c>
      <c r="C99" s="10">
        <v>60</v>
      </c>
      <c r="D99" s="9">
        <v>101</v>
      </c>
    </row>
    <row r="100" spans="1:4" ht="18" customHeight="1" x14ac:dyDescent="0.15">
      <c r="A100" s="16">
        <v>78</v>
      </c>
      <c r="B100" s="29">
        <v>51</v>
      </c>
      <c r="C100" s="10">
        <v>58</v>
      </c>
      <c r="D100" s="9">
        <v>109</v>
      </c>
    </row>
    <row r="101" spans="1:4" ht="18" customHeight="1" x14ac:dyDescent="0.15">
      <c r="A101" s="16">
        <v>79</v>
      </c>
      <c r="B101" s="29">
        <v>59</v>
      </c>
      <c r="C101" s="10">
        <v>94</v>
      </c>
      <c r="D101" s="9">
        <v>153</v>
      </c>
    </row>
    <row r="102" spans="1:4" ht="18" customHeight="1" x14ac:dyDescent="0.15">
      <c r="A102" s="8" t="s">
        <v>70</v>
      </c>
      <c r="B102" s="29">
        <v>321</v>
      </c>
      <c r="C102" s="10">
        <v>399</v>
      </c>
      <c r="D102" s="9">
        <v>720</v>
      </c>
    </row>
    <row r="103" spans="1:4" ht="18" customHeight="1" x14ac:dyDescent="0.15">
      <c r="A103" s="16">
        <v>80</v>
      </c>
      <c r="B103" s="29">
        <v>46</v>
      </c>
      <c r="C103" s="10">
        <v>63</v>
      </c>
      <c r="D103" s="9">
        <v>109</v>
      </c>
    </row>
    <row r="104" spans="1:4" ht="18" customHeight="1" x14ac:dyDescent="0.15">
      <c r="A104" s="16">
        <v>81</v>
      </c>
      <c r="B104" s="29">
        <v>55</v>
      </c>
      <c r="C104" s="10">
        <v>70</v>
      </c>
      <c r="D104" s="9">
        <v>125</v>
      </c>
    </row>
    <row r="105" spans="1:4" ht="18" customHeight="1" x14ac:dyDescent="0.15">
      <c r="A105" s="16">
        <v>82</v>
      </c>
      <c r="B105" s="29">
        <v>47</v>
      </c>
      <c r="C105" s="10">
        <v>66</v>
      </c>
      <c r="D105" s="9">
        <v>113</v>
      </c>
    </row>
    <row r="106" spans="1:4" ht="18" customHeight="1" x14ac:dyDescent="0.15">
      <c r="A106" s="16">
        <v>83</v>
      </c>
      <c r="B106" s="29">
        <v>42</v>
      </c>
      <c r="C106" s="10">
        <v>50</v>
      </c>
      <c r="D106" s="9">
        <v>92</v>
      </c>
    </row>
    <row r="107" spans="1:4" ht="18" customHeight="1" x14ac:dyDescent="0.15">
      <c r="A107" s="16">
        <v>84</v>
      </c>
      <c r="B107" s="29">
        <v>36</v>
      </c>
      <c r="C107" s="10">
        <v>43</v>
      </c>
      <c r="D107" s="9">
        <v>79</v>
      </c>
    </row>
    <row r="108" spans="1:4" ht="18" customHeight="1" x14ac:dyDescent="0.15">
      <c r="A108" s="8" t="s">
        <v>39</v>
      </c>
      <c r="B108" s="29">
        <v>226</v>
      </c>
      <c r="C108" s="10">
        <v>292</v>
      </c>
      <c r="D108" s="9">
        <v>518</v>
      </c>
    </row>
    <row r="109" spans="1:4" ht="18" customHeight="1" x14ac:dyDescent="0.15">
      <c r="A109" s="16">
        <v>85</v>
      </c>
      <c r="B109" s="29">
        <v>37</v>
      </c>
      <c r="C109" s="10">
        <v>57</v>
      </c>
      <c r="D109" s="9">
        <v>94</v>
      </c>
    </row>
    <row r="110" spans="1:4" ht="18" customHeight="1" x14ac:dyDescent="0.15">
      <c r="A110" s="16">
        <v>86</v>
      </c>
      <c r="B110" s="29">
        <v>32</v>
      </c>
      <c r="C110" s="10">
        <v>41</v>
      </c>
      <c r="D110" s="9">
        <v>73</v>
      </c>
    </row>
    <row r="111" spans="1:4" ht="18" customHeight="1" x14ac:dyDescent="0.15">
      <c r="A111" s="16">
        <v>87</v>
      </c>
      <c r="B111" s="29">
        <v>25</v>
      </c>
      <c r="C111" s="10">
        <v>50</v>
      </c>
      <c r="D111" s="9">
        <v>75</v>
      </c>
    </row>
    <row r="112" spans="1:4" ht="18" customHeight="1" x14ac:dyDescent="0.15">
      <c r="A112" s="16">
        <v>88</v>
      </c>
      <c r="B112" s="29">
        <v>15</v>
      </c>
      <c r="C112" s="10">
        <v>25</v>
      </c>
      <c r="D112" s="9">
        <v>40</v>
      </c>
    </row>
    <row r="113" spans="1:4" ht="18" customHeight="1" x14ac:dyDescent="0.15">
      <c r="A113" s="16">
        <v>89</v>
      </c>
      <c r="B113" s="29">
        <v>14</v>
      </c>
      <c r="C113" s="10">
        <v>31</v>
      </c>
      <c r="D113" s="9">
        <v>45</v>
      </c>
    </row>
    <row r="114" spans="1:4" ht="18" customHeight="1" x14ac:dyDescent="0.15">
      <c r="A114" s="8" t="s">
        <v>38</v>
      </c>
      <c r="B114" s="29">
        <v>123</v>
      </c>
      <c r="C114" s="10">
        <v>204</v>
      </c>
      <c r="D114" s="9">
        <v>327</v>
      </c>
    </row>
    <row r="115" spans="1:4" ht="18" customHeight="1" x14ac:dyDescent="0.15">
      <c r="A115" s="16">
        <v>90</v>
      </c>
      <c r="B115" s="29">
        <v>15</v>
      </c>
      <c r="C115" s="10">
        <v>41</v>
      </c>
      <c r="D115" s="9">
        <v>56</v>
      </c>
    </row>
    <row r="116" spans="1:4" ht="18" customHeight="1" x14ac:dyDescent="0.15">
      <c r="A116" s="16">
        <v>91</v>
      </c>
      <c r="B116" s="29">
        <v>12</v>
      </c>
      <c r="C116" s="10">
        <v>15</v>
      </c>
      <c r="D116" s="9">
        <v>27</v>
      </c>
    </row>
    <row r="117" spans="1:4" ht="18" customHeight="1" x14ac:dyDescent="0.15">
      <c r="A117" s="16">
        <v>92</v>
      </c>
      <c r="B117" s="29">
        <v>5</v>
      </c>
      <c r="C117" s="10">
        <v>18</v>
      </c>
      <c r="D117" s="9">
        <v>23</v>
      </c>
    </row>
    <row r="118" spans="1:4" ht="18" customHeight="1" x14ac:dyDescent="0.15">
      <c r="A118" s="16">
        <v>93</v>
      </c>
      <c r="B118" s="29">
        <v>5</v>
      </c>
      <c r="C118" s="10">
        <v>15</v>
      </c>
      <c r="D118" s="9">
        <v>20</v>
      </c>
    </row>
    <row r="119" spans="1:4" ht="18" customHeight="1" x14ac:dyDescent="0.15">
      <c r="A119" s="16">
        <v>94</v>
      </c>
      <c r="B119" s="29">
        <v>4</v>
      </c>
      <c r="C119" s="10">
        <v>8</v>
      </c>
      <c r="D119" s="9">
        <v>12</v>
      </c>
    </row>
    <row r="120" spans="1:4" ht="18" customHeight="1" x14ac:dyDescent="0.15">
      <c r="A120" s="8" t="s">
        <v>69</v>
      </c>
      <c r="B120" s="29">
        <v>41</v>
      </c>
      <c r="C120" s="10">
        <v>97</v>
      </c>
      <c r="D120" s="9">
        <v>138</v>
      </c>
    </row>
    <row r="121" spans="1:4" ht="18" customHeight="1" x14ac:dyDescent="0.15">
      <c r="A121" s="16">
        <v>95</v>
      </c>
      <c r="B121" s="29">
        <v>0</v>
      </c>
      <c r="C121" s="10">
        <v>15</v>
      </c>
      <c r="D121" s="9">
        <v>15</v>
      </c>
    </row>
    <row r="122" spans="1:4" ht="18" customHeight="1" x14ac:dyDescent="0.15">
      <c r="A122" s="16">
        <v>96</v>
      </c>
      <c r="B122" s="29">
        <v>2</v>
      </c>
      <c r="C122" s="10">
        <v>6</v>
      </c>
      <c r="D122" s="9">
        <v>8</v>
      </c>
    </row>
    <row r="123" spans="1:4" ht="18" customHeight="1" x14ac:dyDescent="0.15">
      <c r="A123" s="16">
        <v>97</v>
      </c>
      <c r="B123" s="29">
        <v>2</v>
      </c>
      <c r="C123" s="10">
        <v>5</v>
      </c>
      <c r="D123" s="9">
        <v>7</v>
      </c>
    </row>
    <row r="124" spans="1:4" ht="18" customHeight="1" x14ac:dyDescent="0.15">
      <c r="A124" s="16">
        <v>98</v>
      </c>
      <c r="B124" s="29">
        <v>1</v>
      </c>
      <c r="C124" s="10">
        <v>8</v>
      </c>
      <c r="D124" s="9">
        <v>9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5</v>
      </c>
      <c r="C126" s="10">
        <v>35</v>
      </c>
      <c r="D126" s="9">
        <v>40</v>
      </c>
    </row>
    <row r="127" spans="1:4" ht="18" customHeight="1" x14ac:dyDescent="0.15">
      <c r="A127" s="16">
        <v>100</v>
      </c>
      <c r="B127" s="29">
        <v>2</v>
      </c>
      <c r="C127" s="10">
        <v>3</v>
      </c>
      <c r="D127" s="9">
        <v>5</v>
      </c>
    </row>
    <row r="128" spans="1:4" ht="18" customHeight="1" x14ac:dyDescent="0.15">
      <c r="A128" s="15" t="s">
        <v>37</v>
      </c>
      <c r="B128" s="29">
        <v>0</v>
      </c>
      <c r="C128" s="10">
        <v>6</v>
      </c>
      <c r="D128" s="9">
        <v>6</v>
      </c>
    </row>
    <row r="129" spans="1:4" ht="18" customHeight="1" x14ac:dyDescent="0.15">
      <c r="A129" s="8" t="s">
        <v>36</v>
      </c>
      <c r="B129" s="29">
        <v>2</v>
      </c>
      <c r="C129" s="10">
        <v>9</v>
      </c>
      <c r="D129" s="9">
        <v>11</v>
      </c>
    </row>
    <row r="130" spans="1:4" ht="18" customHeight="1" x14ac:dyDescent="0.15">
      <c r="A130" s="8" t="s">
        <v>35</v>
      </c>
      <c r="B130" s="28">
        <v>1335</v>
      </c>
      <c r="C130" s="6">
        <v>1765</v>
      </c>
      <c r="D130" s="5">
        <v>3100</v>
      </c>
    </row>
    <row r="131" spans="1:4" ht="18" customHeight="1" x14ac:dyDescent="0.15">
      <c r="A131" s="4" t="s">
        <v>0</v>
      </c>
      <c r="B131" s="27">
        <v>5545</v>
      </c>
      <c r="C131" s="2">
        <v>5828</v>
      </c>
      <c r="D131" s="1">
        <v>1137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2</v>
      </c>
      <c r="C5" s="18">
        <v>12</v>
      </c>
      <c r="D5" s="17">
        <v>24</v>
      </c>
    </row>
    <row r="6" spans="1:4" ht="18" customHeight="1" x14ac:dyDescent="0.15">
      <c r="A6" s="16">
        <v>1</v>
      </c>
      <c r="B6" s="29">
        <v>17</v>
      </c>
      <c r="C6" s="10">
        <v>19</v>
      </c>
      <c r="D6" s="9">
        <v>36</v>
      </c>
    </row>
    <row r="7" spans="1:4" ht="18" customHeight="1" x14ac:dyDescent="0.15">
      <c r="A7" s="16">
        <v>2</v>
      </c>
      <c r="B7" s="29">
        <v>13</v>
      </c>
      <c r="C7" s="10">
        <v>18</v>
      </c>
      <c r="D7" s="9">
        <v>31</v>
      </c>
    </row>
    <row r="8" spans="1:4" ht="18" customHeight="1" x14ac:dyDescent="0.15">
      <c r="A8" s="16">
        <v>3</v>
      </c>
      <c r="B8" s="29">
        <v>19</v>
      </c>
      <c r="C8" s="10">
        <v>13</v>
      </c>
      <c r="D8" s="9">
        <v>32</v>
      </c>
    </row>
    <row r="9" spans="1:4" ht="18" customHeight="1" x14ac:dyDescent="0.15">
      <c r="A9" s="16">
        <v>4</v>
      </c>
      <c r="B9" s="29">
        <v>17</v>
      </c>
      <c r="C9" s="10">
        <v>20</v>
      </c>
      <c r="D9" s="9">
        <v>37</v>
      </c>
    </row>
    <row r="10" spans="1:4" ht="18" customHeight="1" x14ac:dyDescent="0.15">
      <c r="A10" s="8" t="s">
        <v>25</v>
      </c>
      <c r="B10" s="29">
        <v>78</v>
      </c>
      <c r="C10" s="10">
        <v>82</v>
      </c>
      <c r="D10" s="9">
        <v>160</v>
      </c>
    </row>
    <row r="11" spans="1:4" ht="18" customHeight="1" x14ac:dyDescent="0.15">
      <c r="A11" s="16">
        <v>5</v>
      </c>
      <c r="B11" s="29">
        <v>19</v>
      </c>
      <c r="C11" s="10">
        <v>12</v>
      </c>
      <c r="D11" s="9">
        <v>31</v>
      </c>
    </row>
    <row r="12" spans="1:4" ht="18" customHeight="1" x14ac:dyDescent="0.15">
      <c r="A12" s="16">
        <v>6</v>
      </c>
      <c r="B12" s="29">
        <v>24</v>
      </c>
      <c r="C12" s="10">
        <v>19</v>
      </c>
      <c r="D12" s="9">
        <v>43</v>
      </c>
    </row>
    <row r="13" spans="1:4" ht="18" customHeight="1" x14ac:dyDescent="0.15">
      <c r="A13" s="16">
        <v>7</v>
      </c>
      <c r="B13" s="29">
        <v>21</v>
      </c>
      <c r="C13" s="10">
        <v>23</v>
      </c>
      <c r="D13" s="9">
        <v>44</v>
      </c>
    </row>
    <row r="14" spans="1:4" ht="18" customHeight="1" x14ac:dyDescent="0.15">
      <c r="A14" s="16">
        <v>8</v>
      </c>
      <c r="B14" s="29">
        <v>13</v>
      </c>
      <c r="C14" s="10">
        <v>32</v>
      </c>
      <c r="D14" s="9">
        <v>45</v>
      </c>
    </row>
    <row r="15" spans="1:4" ht="18" customHeight="1" x14ac:dyDescent="0.15">
      <c r="A15" s="16">
        <v>9</v>
      </c>
      <c r="B15" s="29">
        <v>23</v>
      </c>
      <c r="C15" s="10">
        <v>21</v>
      </c>
      <c r="D15" s="9">
        <v>44</v>
      </c>
    </row>
    <row r="16" spans="1:4" ht="18" customHeight="1" x14ac:dyDescent="0.15">
      <c r="A16" s="8" t="s">
        <v>24</v>
      </c>
      <c r="B16" s="29">
        <v>100</v>
      </c>
      <c r="C16" s="10">
        <v>107</v>
      </c>
      <c r="D16" s="9">
        <v>207</v>
      </c>
    </row>
    <row r="17" spans="1:4" ht="18" customHeight="1" x14ac:dyDescent="0.15">
      <c r="A17" s="16">
        <v>10</v>
      </c>
      <c r="B17" s="29">
        <v>21</v>
      </c>
      <c r="C17" s="10">
        <v>10</v>
      </c>
      <c r="D17" s="9">
        <v>31</v>
      </c>
    </row>
    <row r="18" spans="1:4" ht="18" customHeight="1" x14ac:dyDescent="0.15">
      <c r="A18" s="16">
        <v>11</v>
      </c>
      <c r="B18" s="29">
        <v>25</v>
      </c>
      <c r="C18" s="10">
        <v>19</v>
      </c>
      <c r="D18" s="9">
        <v>44</v>
      </c>
    </row>
    <row r="19" spans="1:4" ht="18" customHeight="1" x14ac:dyDescent="0.15">
      <c r="A19" s="16">
        <v>12</v>
      </c>
      <c r="B19" s="29">
        <v>30</v>
      </c>
      <c r="C19" s="10">
        <v>22</v>
      </c>
      <c r="D19" s="9">
        <v>52</v>
      </c>
    </row>
    <row r="20" spans="1:4" ht="18" customHeight="1" x14ac:dyDescent="0.15">
      <c r="A20" s="16">
        <v>13</v>
      </c>
      <c r="B20" s="29">
        <v>20</v>
      </c>
      <c r="C20" s="10">
        <v>22</v>
      </c>
      <c r="D20" s="9">
        <v>42</v>
      </c>
    </row>
    <row r="21" spans="1:4" ht="18" customHeight="1" x14ac:dyDescent="0.15">
      <c r="A21" s="16">
        <v>14</v>
      </c>
      <c r="B21" s="29">
        <v>17</v>
      </c>
      <c r="C21" s="10">
        <v>17</v>
      </c>
      <c r="D21" s="9">
        <v>34</v>
      </c>
    </row>
    <row r="22" spans="1:4" ht="18" customHeight="1" x14ac:dyDescent="0.15">
      <c r="A22" s="8" t="s">
        <v>23</v>
      </c>
      <c r="B22" s="29">
        <v>113</v>
      </c>
      <c r="C22" s="10">
        <v>90</v>
      </c>
      <c r="D22" s="9">
        <v>203</v>
      </c>
    </row>
    <row r="23" spans="1:4" ht="18" customHeight="1" x14ac:dyDescent="0.15">
      <c r="A23" s="8" t="s">
        <v>22</v>
      </c>
      <c r="B23" s="29">
        <v>291</v>
      </c>
      <c r="C23" s="10">
        <v>279</v>
      </c>
      <c r="D23" s="9">
        <v>570</v>
      </c>
    </row>
    <row r="24" spans="1:4" ht="18" customHeight="1" x14ac:dyDescent="0.15">
      <c r="A24" s="16">
        <v>15</v>
      </c>
      <c r="B24" s="29">
        <v>15</v>
      </c>
      <c r="C24" s="10">
        <v>10</v>
      </c>
      <c r="D24" s="9">
        <v>25</v>
      </c>
    </row>
    <row r="25" spans="1:4" ht="18" customHeight="1" x14ac:dyDescent="0.15">
      <c r="A25" s="16">
        <v>16</v>
      </c>
      <c r="B25" s="29">
        <v>14</v>
      </c>
      <c r="C25" s="10">
        <v>35</v>
      </c>
      <c r="D25" s="9">
        <v>49</v>
      </c>
    </row>
    <row r="26" spans="1:4" ht="18" customHeight="1" x14ac:dyDescent="0.15">
      <c r="A26" s="16">
        <v>17</v>
      </c>
      <c r="B26" s="29">
        <v>18</v>
      </c>
      <c r="C26" s="10">
        <v>26</v>
      </c>
      <c r="D26" s="9">
        <v>44</v>
      </c>
    </row>
    <row r="27" spans="1:4" ht="18" customHeight="1" x14ac:dyDescent="0.15">
      <c r="A27" s="16">
        <v>18</v>
      </c>
      <c r="B27" s="29">
        <v>17</v>
      </c>
      <c r="C27" s="10">
        <v>16</v>
      </c>
      <c r="D27" s="9">
        <v>33</v>
      </c>
    </row>
    <row r="28" spans="1:4" ht="18" customHeight="1" x14ac:dyDescent="0.15">
      <c r="A28" s="16">
        <v>19</v>
      </c>
      <c r="B28" s="29">
        <v>18</v>
      </c>
      <c r="C28" s="10">
        <v>26</v>
      </c>
      <c r="D28" s="9">
        <v>44</v>
      </c>
    </row>
    <row r="29" spans="1:4" ht="18" customHeight="1" x14ac:dyDescent="0.15">
      <c r="A29" s="8" t="s">
        <v>21</v>
      </c>
      <c r="B29" s="29">
        <v>82</v>
      </c>
      <c r="C29" s="10">
        <v>113</v>
      </c>
      <c r="D29" s="9">
        <v>195</v>
      </c>
    </row>
    <row r="30" spans="1:4" ht="18" customHeight="1" x14ac:dyDescent="0.15">
      <c r="A30" s="16">
        <v>20</v>
      </c>
      <c r="B30" s="29">
        <v>21</v>
      </c>
      <c r="C30" s="10">
        <v>14</v>
      </c>
      <c r="D30" s="9">
        <v>35</v>
      </c>
    </row>
    <row r="31" spans="1:4" ht="18" customHeight="1" x14ac:dyDescent="0.15">
      <c r="A31" s="16">
        <v>21</v>
      </c>
      <c r="B31" s="29">
        <v>23</v>
      </c>
      <c r="C31" s="10">
        <v>17</v>
      </c>
      <c r="D31" s="9">
        <v>40</v>
      </c>
    </row>
    <row r="32" spans="1:4" ht="18" customHeight="1" x14ac:dyDescent="0.15">
      <c r="A32" s="16">
        <v>22</v>
      </c>
      <c r="B32" s="29">
        <v>11</v>
      </c>
      <c r="C32" s="10">
        <v>22</v>
      </c>
      <c r="D32" s="9">
        <v>33</v>
      </c>
    </row>
    <row r="33" spans="1:4" ht="18" customHeight="1" x14ac:dyDescent="0.15">
      <c r="A33" s="16">
        <v>23</v>
      </c>
      <c r="B33" s="29">
        <v>29</v>
      </c>
      <c r="C33" s="10">
        <v>23</v>
      </c>
      <c r="D33" s="9">
        <v>52</v>
      </c>
    </row>
    <row r="34" spans="1:4" ht="18" customHeight="1" x14ac:dyDescent="0.15">
      <c r="A34" s="16">
        <v>24</v>
      </c>
      <c r="B34" s="29">
        <v>23</v>
      </c>
      <c r="C34" s="10">
        <v>12</v>
      </c>
      <c r="D34" s="9">
        <v>35</v>
      </c>
    </row>
    <row r="35" spans="1:4" ht="18" customHeight="1" x14ac:dyDescent="0.15">
      <c r="A35" s="8" t="s">
        <v>33</v>
      </c>
      <c r="B35" s="29">
        <v>107</v>
      </c>
      <c r="C35" s="10">
        <v>88</v>
      </c>
      <c r="D35" s="9">
        <v>195</v>
      </c>
    </row>
    <row r="36" spans="1:4" ht="18" customHeight="1" x14ac:dyDescent="0.15">
      <c r="A36" s="16">
        <v>25</v>
      </c>
      <c r="B36" s="29">
        <v>27</v>
      </c>
      <c r="C36" s="10">
        <v>22</v>
      </c>
      <c r="D36" s="9">
        <v>49</v>
      </c>
    </row>
    <row r="37" spans="1:4" ht="18" customHeight="1" x14ac:dyDescent="0.15">
      <c r="A37" s="16">
        <v>26</v>
      </c>
      <c r="B37" s="29">
        <v>31</v>
      </c>
      <c r="C37" s="10">
        <v>24</v>
      </c>
      <c r="D37" s="9">
        <v>55</v>
      </c>
    </row>
    <row r="38" spans="1:4" ht="18" customHeight="1" x14ac:dyDescent="0.15">
      <c r="A38" s="16">
        <v>27</v>
      </c>
      <c r="B38" s="29">
        <v>26</v>
      </c>
      <c r="C38" s="10">
        <v>26</v>
      </c>
      <c r="D38" s="9">
        <v>52</v>
      </c>
    </row>
    <row r="39" spans="1:4" ht="18" customHeight="1" x14ac:dyDescent="0.15">
      <c r="A39" s="16">
        <v>28</v>
      </c>
      <c r="B39" s="29">
        <v>25</v>
      </c>
      <c r="C39" s="10">
        <v>15</v>
      </c>
      <c r="D39" s="9">
        <v>40</v>
      </c>
    </row>
    <row r="40" spans="1:4" ht="18" customHeight="1" x14ac:dyDescent="0.15">
      <c r="A40" s="16">
        <v>29</v>
      </c>
      <c r="B40" s="29">
        <v>21</v>
      </c>
      <c r="C40" s="10">
        <v>12</v>
      </c>
      <c r="D40" s="9">
        <v>33</v>
      </c>
    </row>
    <row r="41" spans="1:4" ht="18" customHeight="1" x14ac:dyDescent="0.15">
      <c r="A41" s="8" t="s">
        <v>19</v>
      </c>
      <c r="B41" s="29">
        <v>130</v>
      </c>
      <c r="C41" s="10">
        <v>99</v>
      </c>
      <c r="D41" s="9">
        <v>229</v>
      </c>
    </row>
    <row r="42" spans="1:4" ht="18" customHeight="1" x14ac:dyDescent="0.15">
      <c r="A42" s="16">
        <v>30</v>
      </c>
      <c r="B42" s="29">
        <v>27</v>
      </c>
      <c r="C42" s="10">
        <v>20</v>
      </c>
      <c r="D42" s="9">
        <v>47</v>
      </c>
    </row>
    <row r="43" spans="1:4" ht="18" customHeight="1" x14ac:dyDescent="0.15">
      <c r="A43" s="16">
        <v>31</v>
      </c>
      <c r="B43" s="29">
        <v>23</v>
      </c>
      <c r="C43" s="10">
        <v>28</v>
      </c>
      <c r="D43" s="9">
        <v>51</v>
      </c>
    </row>
    <row r="44" spans="1:4" ht="18" customHeight="1" x14ac:dyDescent="0.15">
      <c r="A44" s="16">
        <v>32</v>
      </c>
      <c r="B44" s="29">
        <v>22</v>
      </c>
      <c r="C44" s="10">
        <v>17</v>
      </c>
      <c r="D44" s="9">
        <v>39</v>
      </c>
    </row>
    <row r="45" spans="1:4" ht="18" customHeight="1" x14ac:dyDescent="0.15">
      <c r="A45" s="16">
        <v>33</v>
      </c>
      <c r="B45" s="29">
        <v>25</v>
      </c>
      <c r="C45" s="10">
        <v>22</v>
      </c>
      <c r="D45" s="9">
        <v>47</v>
      </c>
    </row>
    <row r="46" spans="1:4" ht="18" customHeight="1" x14ac:dyDescent="0.15">
      <c r="A46" s="16">
        <v>34</v>
      </c>
      <c r="B46" s="29">
        <v>23</v>
      </c>
      <c r="C46" s="10">
        <v>21</v>
      </c>
      <c r="D46" s="9">
        <v>44</v>
      </c>
    </row>
    <row r="47" spans="1:4" ht="18" customHeight="1" x14ac:dyDescent="0.15">
      <c r="A47" s="8" t="s">
        <v>18</v>
      </c>
      <c r="B47" s="29">
        <v>120</v>
      </c>
      <c r="C47" s="10">
        <v>108</v>
      </c>
      <c r="D47" s="9">
        <v>228</v>
      </c>
    </row>
    <row r="48" spans="1:4" ht="18" customHeight="1" x14ac:dyDescent="0.15">
      <c r="A48" s="16">
        <v>35</v>
      </c>
      <c r="B48" s="29">
        <v>15</v>
      </c>
      <c r="C48" s="10">
        <v>20</v>
      </c>
      <c r="D48" s="9">
        <v>35</v>
      </c>
    </row>
    <row r="49" spans="1:4" ht="18" customHeight="1" x14ac:dyDescent="0.15">
      <c r="A49" s="16">
        <v>36</v>
      </c>
      <c r="B49" s="29">
        <v>23</v>
      </c>
      <c r="C49" s="10">
        <v>23</v>
      </c>
      <c r="D49" s="9">
        <v>46</v>
      </c>
    </row>
    <row r="50" spans="1:4" ht="18" customHeight="1" x14ac:dyDescent="0.15">
      <c r="A50" s="16">
        <v>37</v>
      </c>
      <c r="B50" s="29">
        <v>32</v>
      </c>
      <c r="C50" s="10">
        <v>30</v>
      </c>
      <c r="D50" s="9">
        <v>62</v>
      </c>
    </row>
    <row r="51" spans="1:4" ht="18" customHeight="1" x14ac:dyDescent="0.15">
      <c r="A51" s="16">
        <v>38</v>
      </c>
      <c r="B51" s="29">
        <v>22</v>
      </c>
      <c r="C51" s="10">
        <v>24</v>
      </c>
      <c r="D51" s="9">
        <v>46</v>
      </c>
    </row>
    <row r="52" spans="1:4" ht="18" customHeight="1" x14ac:dyDescent="0.15">
      <c r="A52" s="16">
        <v>39</v>
      </c>
      <c r="B52" s="29">
        <v>22</v>
      </c>
      <c r="C52" s="10">
        <v>35</v>
      </c>
      <c r="D52" s="9">
        <v>57</v>
      </c>
    </row>
    <row r="53" spans="1:4" ht="18" customHeight="1" x14ac:dyDescent="0.15">
      <c r="A53" s="8" t="s">
        <v>32</v>
      </c>
      <c r="B53" s="29">
        <v>114</v>
      </c>
      <c r="C53" s="10">
        <v>132</v>
      </c>
      <c r="D53" s="9">
        <v>246</v>
      </c>
    </row>
    <row r="54" spans="1:4" ht="18" customHeight="1" x14ac:dyDescent="0.15">
      <c r="A54" s="16">
        <v>40</v>
      </c>
      <c r="B54" s="29">
        <v>29</v>
      </c>
      <c r="C54" s="10">
        <v>29</v>
      </c>
      <c r="D54" s="9">
        <v>58</v>
      </c>
    </row>
    <row r="55" spans="1:4" ht="18" customHeight="1" x14ac:dyDescent="0.15">
      <c r="A55" s="16">
        <v>41</v>
      </c>
      <c r="B55" s="29">
        <v>29</v>
      </c>
      <c r="C55" s="10">
        <v>35</v>
      </c>
      <c r="D55" s="9">
        <v>64</v>
      </c>
    </row>
    <row r="56" spans="1:4" ht="18" customHeight="1" x14ac:dyDescent="0.15">
      <c r="A56" s="16">
        <v>42</v>
      </c>
      <c r="B56" s="29">
        <v>23</v>
      </c>
      <c r="C56" s="10">
        <v>34</v>
      </c>
      <c r="D56" s="9">
        <v>57</v>
      </c>
    </row>
    <row r="57" spans="1:4" ht="18" customHeight="1" x14ac:dyDescent="0.15">
      <c r="A57" s="16">
        <v>43</v>
      </c>
      <c r="B57" s="29">
        <v>38</v>
      </c>
      <c r="C57" s="10">
        <v>37</v>
      </c>
      <c r="D57" s="9">
        <v>75</v>
      </c>
    </row>
    <row r="58" spans="1:4" ht="18" customHeight="1" x14ac:dyDescent="0.15">
      <c r="A58" s="16">
        <v>44</v>
      </c>
      <c r="B58" s="29">
        <v>35</v>
      </c>
      <c r="C58" s="10">
        <v>32</v>
      </c>
      <c r="D58" s="9">
        <v>67</v>
      </c>
    </row>
    <row r="59" spans="1:4" ht="18" customHeight="1" x14ac:dyDescent="0.15">
      <c r="A59" s="8" t="s">
        <v>16</v>
      </c>
      <c r="B59" s="29">
        <v>154</v>
      </c>
      <c r="C59" s="10">
        <v>167</v>
      </c>
      <c r="D59" s="9">
        <v>321</v>
      </c>
    </row>
    <row r="60" spans="1:4" ht="18" customHeight="1" x14ac:dyDescent="0.15">
      <c r="A60" s="16">
        <v>45</v>
      </c>
      <c r="B60" s="29">
        <v>38</v>
      </c>
      <c r="C60" s="10">
        <v>32</v>
      </c>
      <c r="D60" s="9">
        <v>70</v>
      </c>
    </row>
    <row r="61" spans="1:4" ht="18" customHeight="1" x14ac:dyDescent="0.15">
      <c r="A61" s="16">
        <v>46</v>
      </c>
      <c r="B61" s="29">
        <v>49</v>
      </c>
      <c r="C61" s="10">
        <v>32</v>
      </c>
      <c r="D61" s="9">
        <v>81</v>
      </c>
    </row>
    <row r="62" spans="1:4" ht="18" customHeight="1" x14ac:dyDescent="0.15">
      <c r="A62" s="16">
        <v>47</v>
      </c>
      <c r="B62" s="29">
        <v>41</v>
      </c>
      <c r="C62" s="10">
        <v>36</v>
      </c>
      <c r="D62" s="9">
        <v>77</v>
      </c>
    </row>
    <row r="63" spans="1:4" ht="18" customHeight="1" x14ac:dyDescent="0.15">
      <c r="A63" s="16">
        <v>48</v>
      </c>
      <c r="B63" s="29">
        <v>34</v>
      </c>
      <c r="C63" s="10">
        <v>34</v>
      </c>
      <c r="D63" s="9">
        <v>68</v>
      </c>
    </row>
    <row r="64" spans="1:4" ht="18" customHeight="1" x14ac:dyDescent="0.15">
      <c r="A64" s="16">
        <v>49</v>
      </c>
      <c r="B64" s="29">
        <v>42</v>
      </c>
      <c r="C64" s="10">
        <v>47</v>
      </c>
      <c r="D64" s="9">
        <v>89</v>
      </c>
    </row>
    <row r="65" spans="1:4" ht="18" customHeight="1" x14ac:dyDescent="0.15">
      <c r="A65" s="8" t="s">
        <v>15</v>
      </c>
      <c r="B65" s="29">
        <v>204</v>
      </c>
      <c r="C65" s="10">
        <v>181</v>
      </c>
      <c r="D65" s="9">
        <v>385</v>
      </c>
    </row>
    <row r="66" spans="1:4" ht="18" customHeight="1" x14ac:dyDescent="0.15">
      <c r="A66" s="16">
        <v>50</v>
      </c>
      <c r="B66" s="29">
        <v>39</v>
      </c>
      <c r="C66" s="10">
        <v>35</v>
      </c>
      <c r="D66" s="9">
        <v>74</v>
      </c>
    </row>
    <row r="67" spans="1:4" ht="18" customHeight="1" x14ac:dyDescent="0.15">
      <c r="A67" s="16">
        <v>51</v>
      </c>
      <c r="B67" s="29">
        <v>50</v>
      </c>
      <c r="C67" s="10">
        <v>31</v>
      </c>
      <c r="D67" s="9">
        <v>81</v>
      </c>
    </row>
    <row r="68" spans="1:4" ht="18" customHeight="1" x14ac:dyDescent="0.15">
      <c r="A68" s="16">
        <v>52</v>
      </c>
      <c r="B68" s="29">
        <v>38</v>
      </c>
      <c r="C68" s="10">
        <v>31</v>
      </c>
      <c r="D68" s="9">
        <v>69</v>
      </c>
    </row>
    <row r="69" spans="1:4" ht="18" customHeight="1" x14ac:dyDescent="0.15">
      <c r="A69" s="16">
        <v>53</v>
      </c>
      <c r="B69" s="29">
        <v>33</v>
      </c>
      <c r="C69" s="10">
        <v>35</v>
      </c>
      <c r="D69" s="9">
        <v>68</v>
      </c>
    </row>
    <row r="70" spans="1:4" ht="18" customHeight="1" x14ac:dyDescent="0.15">
      <c r="A70" s="16">
        <v>54</v>
      </c>
      <c r="B70" s="29">
        <v>56</v>
      </c>
      <c r="C70" s="10">
        <v>48</v>
      </c>
      <c r="D70" s="9">
        <v>104</v>
      </c>
    </row>
    <row r="71" spans="1:4" ht="18" customHeight="1" x14ac:dyDescent="0.15">
      <c r="A71" s="8" t="s">
        <v>14</v>
      </c>
      <c r="B71" s="29">
        <v>216</v>
      </c>
      <c r="C71" s="10">
        <v>180</v>
      </c>
      <c r="D71" s="9">
        <v>396</v>
      </c>
    </row>
    <row r="72" spans="1:4" ht="18" customHeight="1" x14ac:dyDescent="0.15">
      <c r="A72" s="16">
        <v>55</v>
      </c>
      <c r="B72" s="29">
        <v>21</v>
      </c>
      <c r="C72" s="10">
        <v>33</v>
      </c>
      <c r="D72" s="9">
        <v>54</v>
      </c>
    </row>
    <row r="73" spans="1:4" ht="18" customHeight="1" x14ac:dyDescent="0.15">
      <c r="A73" s="16">
        <v>56</v>
      </c>
      <c r="B73" s="29">
        <v>25</v>
      </c>
      <c r="C73" s="10">
        <v>28</v>
      </c>
      <c r="D73" s="9">
        <v>53</v>
      </c>
    </row>
    <row r="74" spans="1:4" ht="18" customHeight="1" x14ac:dyDescent="0.15">
      <c r="A74" s="16">
        <v>57</v>
      </c>
      <c r="B74" s="29">
        <v>28</v>
      </c>
      <c r="C74" s="10">
        <v>31</v>
      </c>
      <c r="D74" s="9">
        <v>59</v>
      </c>
    </row>
    <row r="75" spans="1:4" ht="18" customHeight="1" x14ac:dyDescent="0.15">
      <c r="A75" s="16">
        <v>58</v>
      </c>
      <c r="B75" s="29">
        <v>42</v>
      </c>
      <c r="C75" s="10">
        <v>26</v>
      </c>
      <c r="D75" s="9">
        <v>68</v>
      </c>
    </row>
    <row r="76" spans="1:4" ht="18" customHeight="1" x14ac:dyDescent="0.15">
      <c r="A76" s="16">
        <v>59</v>
      </c>
      <c r="B76" s="29">
        <v>34</v>
      </c>
      <c r="C76" s="10">
        <v>28</v>
      </c>
      <c r="D76" s="9">
        <v>62</v>
      </c>
    </row>
    <row r="77" spans="1:4" ht="18" customHeight="1" x14ac:dyDescent="0.15">
      <c r="A77" s="8" t="s">
        <v>13</v>
      </c>
      <c r="B77" s="29">
        <v>150</v>
      </c>
      <c r="C77" s="10">
        <v>146</v>
      </c>
      <c r="D77" s="9">
        <v>296</v>
      </c>
    </row>
    <row r="78" spans="1:4" ht="18" customHeight="1" x14ac:dyDescent="0.15">
      <c r="A78" s="16">
        <v>60</v>
      </c>
      <c r="B78" s="29">
        <v>23</v>
      </c>
      <c r="C78" s="10">
        <v>27</v>
      </c>
      <c r="D78" s="9">
        <v>50</v>
      </c>
    </row>
    <row r="79" spans="1:4" ht="18" customHeight="1" x14ac:dyDescent="0.15">
      <c r="A79" s="16">
        <v>61</v>
      </c>
      <c r="B79" s="29">
        <v>26</v>
      </c>
      <c r="C79" s="10">
        <v>33</v>
      </c>
      <c r="D79" s="9">
        <v>59</v>
      </c>
    </row>
    <row r="80" spans="1:4" ht="18" customHeight="1" x14ac:dyDescent="0.15">
      <c r="A80" s="16">
        <v>62</v>
      </c>
      <c r="B80" s="29">
        <v>28</v>
      </c>
      <c r="C80" s="10">
        <v>22</v>
      </c>
      <c r="D80" s="9">
        <v>50</v>
      </c>
    </row>
    <row r="81" spans="1:4" ht="18" customHeight="1" x14ac:dyDescent="0.15">
      <c r="A81" s="16">
        <v>63</v>
      </c>
      <c r="B81" s="29">
        <v>33</v>
      </c>
      <c r="C81" s="10">
        <v>46</v>
      </c>
      <c r="D81" s="9">
        <v>79</v>
      </c>
    </row>
    <row r="82" spans="1:4" ht="18" customHeight="1" x14ac:dyDescent="0.15">
      <c r="A82" s="16">
        <v>64</v>
      </c>
      <c r="B82" s="29">
        <v>29</v>
      </c>
      <c r="C82" s="10">
        <v>29</v>
      </c>
      <c r="D82" s="9">
        <v>58</v>
      </c>
    </row>
    <row r="83" spans="1:4" ht="18" customHeight="1" x14ac:dyDescent="0.15">
      <c r="A83" s="8" t="s">
        <v>12</v>
      </c>
      <c r="B83" s="29">
        <v>139</v>
      </c>
      <c r="C83" s="10">
        <v>157</v>
      </c>
      <c r="D83" s="9">
        <v>296</v>
      </c>
    </row>
    <row r="84" spans="1:4" ht="18" customHeight="1" x14ac:dyDescent="0.15">
      <c r="A84" s="8" t="s">
        <v>11</v>
      </c>
      <c r="B84" s="29">
        <v>1416</v>
      </c>
      <c r="C84" s="10">
        <v>1371</v>
      </c>
      <c r="D84" s="9">
        <v>2787</v>
      </c>
    </row>
    <row r="85" spans="1:4" ht="18" customHeight="1" x14ac:dyDescent="0.15">
      <c r="A85" s="16">
        <v>65</v>
      </c>
      <c r="B85" s="29">
        <v>33</v>
      </c>
      <c r="C85" s="10">
        <v>34</v>
      </c>
      <c r="D85" s="9">
        <v>67</v>
      </c>
    </row>
    <row r="86" spans="1:4" ht="18" customHeight="1" x14ac:dyDescent="0.15">
      <c r="A86" s="16">
        <v>66</v>
      </c>
      <c r="B86" s="29">
        <v>27</v>
      </c>
      <c r="C86" s="10">
        <v>27</v>
      </c>
      <c r="D86" s="9">
        <v>54</v>
      </c>
    </row>
    <row r="87" spans="1:4" ht="18" customHeight="1" x14ac:dyDescent="0.15">
      <c r="A87" s="16">
        <v>67</v>
      </c>
      <c r="B87" s="29">
        <v>31</v>
      </c>
      <c r="C87" s="10">
        <v>26</v>
      </c>
      <c r="D87" s="9">
        <v>57</v>
      </c>
    </row>
    <row r="88" spans="1:4" ht="18" customHeight="1" x14ac:dyDescent="0.15">
      <c r="A88" s="16">
        <v>68</v>
      </c>
      <c r="B88" s="29">
        <v>22</v>
      </c>
      <c r="C88" s="10">
        <v>23</v>
      </c>
      <c r="D88" s="9">
        <v>45</v>
      </c>
    </row>
    <row r="89" spans="1:4" ht="18" customHeight="1" x14ac:dyDescent="0.15">
      <c r="A89" s="16">
        <v>69</v>
      </c>
      <c r="B89" s="29">
        <v>25</v>
      </c>
      <c r="C89" s="10">
        <v>28</v>
      </c>
      <c r="D89" s="9">
        <v>53</v>
      </c>
    </row>
    <row r="90" spans="1:4" ht="18" customHeight="1" x14ac:dyDescent="0.15">
      <c r="A90" s="8" t="s">
        <v>10</v>
      </c>
      <c r="B90" s="29">
        <v>138</v>
      </c>
      <c r="C90" s="10">
        <v>138</v>
      </c>
      <c r="D90" s="9">
        <v>276</v>
      </c>
    </row>
    <row r="91" spans="1:4" ht="18" customHeight="1" x14ac:dyDescent="0.15">
      <c r="A91" s="16">
        <v>70</v>
      </c>
      <c r="B91" s="29">
        <v>27</v>
      </c>
      <c r="C91" s="10">
        <v>28</v>
      </c>
      <c r="D91" s="9">
        <v>55</v>
      </c>
    </row>
    <row r="92" spans="1:4" ht="18" customHeight="1" x14ac:dyDescent="0.15">
      <c r="A92" s="16">
        <v>71</v>
      </c>
      <c r="B92" s="29">
        <v>21</v>
      </c>
      <c r="C92" s="10">
        <v>23</v>
      </c>
      <c r="D92" s="9">
        <v>44</v>
      </c>
    </row>
    <row r="93" spans="1:4" ht="18" customHeight="1" x14ac:dyDescent="0.15">
      <c r="A93" s="16">
        <v>72</v>
      </c>
      <c r="B93" s="29">
        <v>21</v>
      </c>
      <c r="C93" s="10">
        <v>34</v>
      </c>
      <c r="D93" s="9">
        <v>55</v>
      </c>
    </row>
    <row r="94" spans="1:4" ht="18" customHeight="1" x14ac:dyDescent="0.15">
      <c r="A94" s="16">
        <v>73</v>
      </c>
      <c r="B94" s="29">
        <v>33</v>
      </c>
      <c r="C94" s="10">
        <v>24</v>
      </c>
      <c r="D94" s="9">
        <v>57</v>
      </c>
    </row>
    <row r="95" spans="1:4" ht="18" customHeight="1" x14ac:dyDescent="0.15">
      <c r="A95" s="16">
        <v>74</v>
      </c>
      <c r="B95" s="29">
        <v>37</v>
      </c>
      <c r="C95" s="10">
        <v>38</v>
      </c>
      <c r="D95" s="9">
        <v>75</v>
      </c>
    </row>
    <row r="96" spans="1:4" ht="18" customHeight="1" x14ac:dyDescent="0.15">
      <c r="A96" s="8" t="s">
        <v>9</v>
      </c>
      <c r="B96" s="29">
        <v>139</v>
      </c>
      <c r="C96" s="10">
        <v>147</v>
      </c>
      <c r="D96" s="9">
        <v>286</v>
      </c>
    </row>
    <row r="97" spans="1:4" ht="18" customHeight="1" x14ac:dyDescent="0.15">
      <c r="A97" s="16">
        <v>75</v>
      </c>
      <c r="B97" s="29">
        <v>27</v>
      </c>
      <c r="C97" s="10">
        <v>37</v>
      </c>
      <c r="D97" s="9">
        <v>64</v>
      </c>
    </row>
    <row r="98" spans="1:4" ht="18" customHeight="1" x14ac:dyDescent="0.15">
      <c r="A98" s="16">
        <v>76</v>
      </c>
      <c r="B98" s="29">
        <v>17</v>
      </c>
      <c r="C98" s="10">
        <v>28</v>
      </c>
      <c r="D98" s="9">
        <v>45</v>
      </c>
    </row>
    <row r="99" spans="1:4" ht="18" customHeight="1" x14ac:dyDescent="0.15">
      <c r="A99" s="16">
        <v>77</v>
      </c>
      <c r="B99" s="29">
        <v>12</v>
      </c>
      <c r="C99" s="10">
        <v>17</v>
      </c>
      <c r="D99" s="9">
        <v>29</v>
      </c>
    </row>
    <row r="100" spans="1:4" ht="18" customHeight="1" x14ac:dyDescent="0.15">
      <c r="A100" s="16">
        <v>78</v>
      </c>
      <c r="B100" s="29">
        <v>17</v>
      </c>
      <c r="C100" s="10">
        <v>28</v>
      </c>
      <c r="D100" s="9">
        <v>45</v>
      </c>
    </row>
    <row r="101" spans="1:4" ht="18" customHeight="1" x14ac:dyDescent="0.15">
      <c r="A101" s="16">
        <v>79</v>
      </c>
      <c r="B101" s="29">
        <v>23</v>
      </c>
      <c r="C101" s="10">
        <v>31</v>
      </c>
      <c r="D101" s="9">
        <v>54</v>
      </c>
    </row>
    <row r="102" spans="1:4" ht="18" customHeight="1" x14ac:dyDescent="0.15">
      <c r="A102" s="8" t="s">
        <v>8</v>
      </c>
      <c r="B102" s="29">
        <v>96</v>
      </c>
      <c r="C102" s="10">
        <v>141</v>
      </c>
      <c r="D102" s="9">
        <v>237</v>
      </c>
    </row>
    <row r="103" spans="1:4" ht="18" customHeight="1" x14ac:dyDescent="0.15">
      <c r="A103" s="16">
        <v>80</v>
      </c>
      <c r="B103" s="29">
        <v>31</v>
      </c>
      <c r="C103" s="10">
        <v>21</v>
      </c>
      <c r="D103" s="9">
        <v>52</v>
      </c>
    </row>
    <row r="104" spans="1:4" ht="18" customHeight="1" x14ac:dyDescent="0.15">
      <c r="A104" s="16">
        <v>81</v>
      </c>
      <c r="B104" s="29">
        <v>20</v>
      </c>
      <c r="C104" s="10">
        <v>27</v>
      </c>
      <c r="D104" s="9">
        <v>47</v>
      </c>
    </row>
    <row r="105" spans="1:4" ht="18" customHeight="1" x14ac:dyDescent="0.15">
      <c r="A105" s="16">
        <v>82</v>
      </c>
      <c r="B105" s="29">
        <v>17</v>
      </c>
      <c r="C105" s="10">
        <v>26</v>
      </c>
      <c r="D105" s="9">
        <v>43</v>
      </c>
    </row>
    <row r="106" spans="1:4" ht="18" customHeight="1" x14ac:dyDescent="0.15">
      <c r="A106" s="16">
        <v>83</v>
      </c>
      <c r="B106" s="29">
        <v>10</v>
      </c>
      <c r="C106" s="10">
        <v>22</v>
      </c>
      <c r="D106" s="9">
        <v>32</v>
      </c>
    </row>
    <row r="107" spans="1:4" ht="18" customHeight="1" x14ac:dyDescent="0.15">
      <c r="A107" s="16">
        <v>84</v>
      </c>
      <c r="B107" s="29">
        <v>4</v>
      </c>
      <c r="C107" s="10">
        <v>13</v>
      </c>
      <c r="D107" s="9">
        <v>17</v>
      </c>
    </row>
    <row r="108" spans="1:4" ht="18" customHeight="1" x14ac:dyDescent="0.15">
      <c r="A108" s="8" t="s">
        <v>7</v>
      </c>
      <c r="B108" s="29">
        <v>82</v>
      </c>
      <c r="C108" s="10">
        <v>109</v>
      </c>
      <c r="D108" s="9">
        <v>191</v>
      </c>
    </row>
    <row r="109" spans="1:4" ht="18" customHeight="1" x14ac:dyDescent="0.15">
      <c r="A109" s="16">
        <v>85</v>
      </c>
      <c r="B109" s="29">
        <v>9</v>
      </c>
      <c r="C109" s="10">
        <v>24</v>
      </c>
      <c r="D109" s="9">
        <v>33</v>
      </c>
    </row>
    <row r="110" spans="1:4" ht="18" customHeight="1" x14ac:dyDescent="0.15">
      <c r="A110" s="16">
        <v>86</v>
      </c>
      <c r="B110" s="29">
        <v>7</v>
      </c>
      <c r="C110" s="10">
        <v>24</v>
      </c>
      <c r="D110" s="9">
        <v>31</v>
      </c>
    </row>
    <row r="111" spans="1:4" ht="18" customHeight="1" x14ac:dyDescent="0.15">
      <c r="A111" s="16">
        <v>87</v>
      </c>
      <c r="B111" s="29">
        <v>8</v>
      </c>
      <c r="C111" s="10">
        <v>20</v>
      </c>
      <c r="D111" s="9">
        <v>28</v>
      </c>
    </row>
    <row r="112" spans="1:4" ht="18" customHeight="1" x14ac:dyDescent="0.15">
      <c r="A112" s="16">
        <v>88</v>
      </c>
      <c r="B112" s="29">
        <v>10</v>
      </c>
      <c r="C112" s="10">
        <v>14</v>
      </c>
      <c r="D112" s="9">
        <v>24</v>
      </c>
    </row>
    <row r="113" spans="1:4" ht="18" customHeight="1" x14ac:dyDescent="0.15">
      <c r="A113" s="16">
        <v>89</v>
      </c>
      <c r="B113" s="29">
        <v>6</v>
      </c>
      <c r="C113" s="10">
        <v>23</v>
      </c>
      <c r="D113" s="9">
        <v>29</v>
      </c>
    </row>
    <row r="114" spans="1:4" ht="18" customHeight="1" x14ac:dyDescent="0.15">
      <c r="A114" s="8" t="s">
        <v>6</v>
      </c>
      <c r="B114" s="29">
        <v>40</v>
      </c>
      <c r="C114" s="10">
        <v>105</v>
      </c>
      <c r="D114" s="9">
        <v>145</v>
      </c>
    </row>
    <row r="115" spans="1:4" ht="18" customHeight="1" x14ac:dyDescent="0.15">
      <c r="A115" s="16">
        <v>90</v>
      </c>
      <c r="B115" s="29">
        <v>5</v>
      </c>
      <c r="C115" s="10">
        <v>24</v>
      </c>
      <c r="D115" s="9">
        <v>29</v>
      </c>
    </row>
    <row r="116" spans="1:4" ht="18" customHeight="1" x14ac:dyDescent="0.15">
      <c r="A116" s="16">
        <v>91</v>
      </c>
      <c r="B116" s="29">
        <v>4</v>
      </c>
      <c r="C116" s="10">
        <v>8</v>
      </c>
      <c r="D116" s="9">
        <v>12</v>
      </c>
    </row>
    <row r="117" spans="1:4" ht="18" customHeight="1" x14ac:dyDescent="0.15">
      <c r="A117" s="16">
        <v>92</v>
      </c>
      <c r="B117" s="29">
        <v>3</v>
      </c>
      <c r="C117" s="10">
        <v>8</v>
      </c>
      <c r="D117" s="9">
        <v>11</v>
      </c>
    </row>
    <row r="118" spans="1:4" ht="18" customHeight="1" x14ac:dyDescent="0.15">
      <c r="A118" s="16">
        <v>93</v>
      </c>
      <c r="B118" s="29">
        <v>2</v>
      </c>
      <c r="C118" s="10">
        <v>13</v>
      </c>
      <c r="D118" s="9">
        <v>15</v>
      </c>
    </row>
    <row r="119" spans="1:4" ht="18" customHeight="1" x14ac:dyDescent="0.15">
      <c r="A119" s="16">
        <v>94</v>
      </c>
      <c r="B119" s="29">
        <v>3</v>
      </c>
      <c r="C119" s="10">
        <v>6</v>
      </c>
      <c r="D119" s="9">
        <v>9</v>
      </c>
    </row>
    <row r="120" spans="1:4" ht="18" customHeight="1" x14ac:dyDescent="0.15">
      <c r="A120" s="8" t="s">
        <v>5</v>
      </c>
      <c r="B120" s="29">
        <v>17</v>
      </c>
      <c r="C120" s="10">
        <v>59</v>
      </c>
      <c r="D120" s="9">
        <v>76</v>
      </c>
    </row>
    <row r="121" spans="1:4" ht="18" customHeight="1" x14ac:dyDescent="0.15">
      <c r="A121" s="16">
        <v>95</v>
      </c>
      <c r="B121" s="29">
        <v>1</v>
      </c>
      <c r="C121" s="10">
        <v>7</v>
      </c>
      <c r="D121" s="9">
        <v>8</v>
      </c>
    </row>
    <row r="122" spans="1:4" ht="18" customHeight="1" x14ac:dyDescent="0.15">
      <c r="A122" s="16">
        <v>96</v>
      </c>
      <c r="B122" s="29">
        <v>1</v>
      </c>
      <c r="C122" s="10">
        <v>6</v>
      </c>
      <c r="D122" s="9">
        <v>7</v>
      </c>
    </row>
    <row r="123" spans="1:4" ht="18" customHeight="1" x14ac:dyDescent="0.15">
      <c r="A123" s="16">
        <v>97</v>
      </c>
      <c r="B123" s="29">
        <v>2</v>
      </c>
      <c r="C123" s="10">
        <v>5</v>
      </c>
      <c r="D123" s="9">
        <v>7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15">
      <c r="A126" s="8" t="s">
        <v>4</v>
      </c>
      <c r="B126" s="29">
        <v>4</v>
      </c>
      <c r="C126" s="10">
        <v>21</v>
      </c>
      <c r="D126" s="9">
        <v>25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2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1</v>
      </c>
      <c r="B130" s="28">
        <v>516</v>
      </c>
      <c r="C130" s="6">
        <v>723</v>
      </c>
      <c r="D130" s="5">
        <v>1239</v>
      </c>
    </row>
    <row r="131" spans="1:4" ht="18" customHeight="1" x14ac:dyDescent="0.15">
      <c r="A131" s="4" t="s">
        <v>0</v>
      </c>
      <c r="B131" s="27">
        <v>2223</v>
      </c>
      <c r="C131" s="2">
        <v>2373</v>
      </c>
      <c r="D131" s="1">
        <v>459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5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1</v>
      </c>
      <c r="C5" s="18">
        <v>21</v>
      </c>
      <c r="D5" s="17">
        <v>32</v>
      </c>
    </row>
    <row r="6" spans="1:4" ht="18" customHeight="1" x14ac:dyDescent="0.15">
      <c r="A6" s="16">
        <v>1</v>
      </c>
      <c r="B6" s="29">
        <v>11</v>
      </c>
      <c r="C6" s="10">
        <v>11</v>
      </c>
      <c r="D6" s="9">
        <v>22</v>
      </c>
    </row>
    <row r="7" spans="1:4" ht="18" customHeight="1" x14ac:dyDescent="0.15">
      <c r="A7" s="16">
        <v>2</v>
      </c>
      <c r="B7" s="29">
        <v>12</v>
      </c>
      <c r="C7" s="10">
        <v>21</v>
      </c>
      <c r="D7" s="9">
        <v>33</v>
      </c>
    </row>
    <row r="8" spans="1:4" ht="18" customHeight="1" x14ac:dyDescent="0.15">
      <c r="A8" s="16">
        <v>3</v>
      </c>
      <c r="B8" s="29">
        <v>14</v>
      </c>
      <c r="C8" s="10">
        <v>16</v>
      </c>
      <c r="D8" s="9">
        <v>30</v>
      </c>
    </row>
    <row r="9" spans="1:4" ht="18" customHeight="1" x14ac:dyDescent="0.15">
      <c r="A9" s="16">
        <v>4</v>
      </c>
      <c r="B9" s="29">
        <v>19</v>
      </c>
      <c r="C9" s="10">
        <v>19</v>
      </c>
      <c r="D9" s="9">
        <v>38</v>
      </c>
    </row>
    <row r="10" spans="1:4" ht="18" customHeight="1" x14ac:dyDescent="0.15">
      <c r="A10" s="8" t="s">
        <v>76</v>
      </c>
      <c r="B10" s="29">
        <v>67</v>
      </c>
      <c r="C10" s="10">
        <v>88</v>
      </c>
      <c r="D10" s="9">
        <v>155</v>
      </c>
    </row>
    <row r="11" spans="1:4" ht="18" customHeight="1" x14ac:dyDescent="0.15">
      <c r="A11" s="16">
        <v>5</v>
      </c>
      <c r="B11" s="29">
        <v>14</v>
      </c>
      <c r="C11" s="10">
        <v>12</v>
      </c>
      <c r="D11" s="9">
        <v>26</v>
      </c>
    </row>
    <row r="12" spans="1:4" ht="18" customHeight="1" x14ac:dyDescent="0.15">
      <c r="A12" s="16">
        <v>6</v>
      </c>
      <c r="B12" s="29">
        <v>17</v>
      </c>
      <c r="C12" s="10">
        <v>16</v>
      </c>
      <c r="D12" s="9">
        <v>33</v>
      </c>
    </row>
    <row r="13" spans="1:4" ht="18" customHeight="1" x14ac:dyDescent="0.15">
      <c r="A13" s="16">
        <v>7</v>
      </c>
      <c r="B13" s="29">
        <v>10</v>
      </c>
      <c r="C13" s="10">
        <v>10</v>
      </c>
      <c r="D13" s="9">
        <v>20</v>
      </c>
    </row>
    <row r="14" spans="1:4" ht="18" customHeight="1" x14ac:dyDescent="0.15">
      <c r="A14" s="16">
        <v>8</v>
      </c>
      <c r="B14" s="29">
        <v>23</v>
      </c>
      <c r="C14" s="10">
        <v>25</v>
      </c>
      <c r="D14" s="9">
        <v>48</v>
      </c>
    </row>
    <row r="15" spans="1:4" ht="18" customHeight="1" x14ac:dyDescent="0.15">
      <c r="A15" s="16">
        <v>9</v>
      </c>
      <c r="B15" s="29">
        <v>23</v>
      </c>
      <c r="C15" s="10">
        <v>12</v>
      </c>
      <c r="D15" s="9">
        <v>35</v>
      </c>
    </row>
    <row r="16" spans="1:4" ht="18" customHeight="1" x14ac:dyDescent="0.15">
      <c r="A16" s="8" t="s">
        <v>50</v>
      </c>
      <c r="B16" s="29">
        <v>87</v>
      </c>
      <c r="C16" s="10">
        <v>75</v>
      </c>
      <c r="D16" s="9">
        <v>162</v>
      </c>
    </row>
    <row r="17" spans="1:4" ht="18" customHeight="1" x14ac:dyDescent="0.15">
      <c r="A17" s="16">
        <v>10</v>
      </c>
      <c r="B17" s="29">
        <v>22</v>
      </c>
      <c r="C17" s="10">
        <v>25</v>
      </c>
      <c r="D17" s="9">
        <v>47</v>
      </c>
    </row>
    <row r="18" spans="1:4" ht="18" customHeight="1" x14ac:dyDescent="0.15">
      <c r="A18" s="16">
        <v>11</v>
      </c>
      <c r="B18" s="29">
        <v>25</v>
      </c>
      <c r="C18" s="10">
        <v>23</v>
      </c>
      <c r="D18" s="9">
        <v>48</v>
      </c>
    </row>
    <row r="19" spans="1:4" ht="18" customHeight="1" x14ac:dyDescent="0.15">
      <c r="A19" s="16">
        <v>12</v>
      </c>
      <c r="B19" s="29">
        <v>34</v>
      </c>
      <c r="C19" s="10">
        <v>15</v>
      </c>
      <c r="D19" s="9">
        <v>49</v>
      </c>
    </row>
    <row r="20" spans="1:4" ht="18" customHeight="1" x14ac:dyDescent="0.15">
      <c r="A20" s="16">
        <v>13</v>
      </c>
      <c r="B20" s="29">
        <v>23</v>
      </c>
      <c r="C20" s="10">
        <v>22</v>
      </c>
      <c r="D20" s="9">
        <v>45</v>
      </c>
    </row>
    <row r="21" spans="1:4" ht="18" customHeight="1" x14ac:dyDescent="0.15">
      <c r="A21" s="16">
        <v>14</v>
      </c>
      <c r="B21" s="29">
        <v>23</v>
      </c>
      <c r="C21" s="10">
        <v>30</v>
      </c>
      <c r="D21" s="9">
        <v>53</v>
      </c>
    </row>
    <row r="22" spans="1:4" ht="18" customHeight="1" x14ac:dyDescent="0.15">
      <c r="A22" s="8" t="s">
        <v>75</v>
      </c>
      <c r="B22" s="29">
        <v>127</v>
      </c>
      <c r="C22" s="10">
        <v>115</v>
      </c>
      <c r="D22" s="9">
        <v>242</v>
      </c>
    </row>
    <row r="23" spans="1:4" ht="18" customHeight="1" x14ac:dyDescent="0.15">
      <c r="A23" s="8" t="s">
        <v>65</v>
      </c>
      <c r="B23" s="29">
        <v>281</v>
      </c>
      <c r="C23" s="10">
        <v>278</v>
      </c>
      <c r="D23" s="9">
        <v>559</v>
      </c>
    </row>
    <row r="24" spans="1:4" ht="18" customHeight="1" x14ac:dyDescent="0.15">
      <c r="A24" s="16">
        <v>15</v>
      </c>
      <c r="B24" s="29">
        <v>18</v>
      </c>
      <c r="C24" s="10">
        <v>27</v>
      </c>
      <c r="D24" s="9">
        <v>45</v>
      </c>
    </row>
    <row r="25" spans="1:4" ht="18" customHeight="1" x14ac:dyDescent="0.15">
      <c r="A25" s="16">
        <v>16</v>
      </c>
      <c r="B25" s="29">
        <v>25</v>
      </c>
      <c r="C25" s="10">
        <v>27</v>
      </c>
      <c r="D25" s="9">
        <v>52</v>
      </c>
    </row>
    <row r="26" spans="1:4" ht="18" customHeight="1" x14ac:dyDescent="0.15">
      <c r="A26" s="16">
        <v>17</v>
      </c>
      <c r="B26" s="29">
        <v>19</v>
      </c>
      <c r="C26" s="10">
        <v>24</v>
      </c>
      <c r="D26" s="9">
        <v>43</v>
      </c>
    </row>
    <row r="27" spans="1:4" ht="18" customHeight="1" x14ac:dyDescent="0.15">
      <c r="A27" s="16">
        <v>18</v>
      </c>
      <c r="B27" s="29">
        <v>23</v>
      </c>
      <c r="C27" s="10">
        <v>20</v>
      </c>
      <c r="D27" s="9">
        <v>43</v>
      </c>
    </row>
    <row r="28" spans="1:4" ht="18" customHeight="1" x14ac:dyDescent="0.15">
      <c r="A28" s="16">
        <v>19</v>
      </c>
      <c r="B28" s="29">
        <v>19</v>
      </c>
      <c r="C28" s="10">
        <v>26</v>
      </c>
      <c r="D28" s="9">
        <v>45</v>
      </c>
    </row>
    <row r="29" spans="1:4" ht="18" customHeight="1" x14ac:dyDescent="0.15">
      <c r="A29" s="8" t="s">
        <v>48</v>
      </c>
      <c r="B29" s="29">
        <v>104</v>
      </c>
      <c r="C29" s="10">
        <v>124</v>
      </c>
      <c r="D29" s="9">
        <v>228</v>
      </c>
    </row>
    <row r="30" spans="1:4" ht="18" customHeight="1" x14ac:dyDescent="0.15">
      <c r="A30" s="16">
        <v>20</v>
      </c>
      <c r="B30" s="29">
        <v>22</v>
      </c>
      <c r="C30" s="10">
        <v>17</v>
      </c>
      <c r="D30" s="9">
        <v>39</v>
      </c>
    </row>
    <row r="31" spans="1:4" ht="18" customHeight="1" x14ac:dyDescent="0.15">
      <c r="A31" s="16">
        <v>21</v>
      </c>
      <c r="B31" s="29">
        <v>28</v>
      </c>
      <c r="C31" s="10">
        <v>28</v>
      </c>
      <c r="D31" s="9">
        <v>56</v>
      </c>
    </row>
    <row r="32" spans="1:4" ht="18" customHeight="1" x14ac:dyDescent="0.15">
      <c r="A32" s="16">
        <v>22</v>
      </c>
      <c r="B32" s="29">
        <v>20</v>
      </c>
      <c r="C32" s="10">
        <v>28</v>
      </c>
      <c r="D32" s="9">
        <v>48</v>
      </c>
    </row>
    <row r="33" spans="1:4" ht="18" customHeight="1" x14ac:dyDescent="0.15">
      <c r="A33" s="16">
        <v>23</v>
      </c>
      <c r="B33" s="29">
        <v>29</v>
      </c>
      <c r="C33" s="10">
        <v>24</v>
      </c>
      <c r="D33" s="9">
        <v>53</v>
      </c>
    </row>
    <row r="34" spans="1:4" ht="18" customHeight="1" x14ac:dyDescent="0.15">
      <c r="A34" s="16">
        <v>24</v>
      </c>
      <c r="B34" s="29">
        <v>20</v>
      </c>
      <c r="C34" s="10">
        <v>18</v>
      </c>
      <c r="D34" s="9">
        <v>38</v>
      </c>
    </row>
    <row r="35" spans="1:4" ht="18" customHeight="1" x14ac:dyDescent="0.15">
      <c r="A35" s="8" t="s">
        <v>74</v>
      </c>
      <c r="B35" s="29">
        <v>119</v>
      </c>
      <c r="C35" s="10">
        <v>115</v>
      </c>
      <c r="D35" s="9">
        <v>234</v>
      </c>
    </row>
    <row r="36" spans="1:4" ht="18" customHeight="1" x14ac:dyDescent="0.15">
      <c r="A36" s="16">
        <v>25</v>
      </c>
      <c r="B36" s="29">
        <v>23</v>
      </c>
      <c r="C36" s="10">
        <v>28</v>
      </c>
      <c r="D36" s="9">
        <v>51</v>
      </c>
    </row>
    <row r="37" spans="1:4" ht="18" customHeight="1" x14ac:dyDescent="0.15">
      <c r="A37" s="16">
        <v>26</v>
      </c>
      <c r="B37" s="29">
        <v>25</v>
      </c>
      <c r="C37" s="10">
        <v>25</v>
      </c>
      <c r="D37" s="9">
        <v>50</v>
      </c>
    </row>
    <row r="38" spans="1:4" ht="18" customHeight="1" x14ac:dyDescent="0.15">
      <c r="A38" s="16">
        <v>27</v>
      </c>
      <c r="B38" s="29">
        <v>38</v>
      </c>
      <c r="C38" s="10">
        <v>16</v>
      </c>
      <c r="D38" s="9">
        <v>54</v>
      </c>
    </row>
    <row r="39" spans="1:4" ht="18" customHeight="1" x14ac:dyDescent="0.15">
      <c r="A39" s="16">
        <v>28</v>
      </c>
      <c r="B39" s="29">
        <v>18</v>
      </c>
      <c r="C39" s="10">
        <v>22</v>
      </c>
      <c r="D39" s="9">
        <v>40</v>
      </c>
    </row>
    <row r="40" spans="1:4" ht="18" customHeight="1" x14ac:dyDescent="0.15">
      <c r="A40" s="16">
        <v>29</v>
      </c>
      <c r="B40" s="29">
        <v>32</v>
      </c>
      <c r="C40" s="10">
        <v>20</v>
      </c>
      <c r="D40" s="9">
        <v>52</v>
      </c>
    </row>
    <row r="41" spans="1:4" ht="18" customHeight="1" x14ac:dyDescent="0.15">
      <c r="A41" s="8" t="s">
        <v>73</v>
      </c>
      <c r="B41" s="29">
        <v>136</v>
      </c>
      <c r="C41" s="10">
        <v>111</v>
      </c>
      <c r="D41" s="9">
        <v>247</v>
      </c>
    </row>
    <row r="42" spans="1:4" ht="18" customHeight="1" x14ac:dyDescent="0.15">
      <c r="A42" s="16">
        <v>30</v>
      </c>
      <c r="B42" s="29">
        <v>25</v>
      </c>
      <c r="C42" s="10">
        <v>15</v>
      </c>
      <c r="D42" s="9">
        <v>40</v>
      </c>
    </row>
    <row r="43" spans="1:4" ht="18" customHeight="1" x14ac:dyDescent="0.15">
      <c r="A43" s="16">
        <v>31</v>
      </c>
      <c r="B43" s="29">
        <v>29</v>
      </c>
      <c r="C43" s="10">
        <v>25</v>
      </c>
      <c r="D43" s="9">
        <v>54</v>
      </c>
    </row>
    <row r="44" spans="1:4" ht="18" customHeight="1" x14ac:dyDescent="0.15">
      <c r="A44" s="16">
        <v>32</v>
      </c>
      <c r="B44" s="29">
        <v>22</v>
      </c>
      <c r="C44" s="10">
        <v>24</v>
      </c>
      <c r="D44" s="9">
        <v>46</v>
      </c>
    </row>
    <row r="45" spans="1:4" ht="18" customHeight="1" x14ac:dyDescent="0.15">
      <c r="A45" s="16">
        <v>33</v>
      </c>
      <c r="B45" s="29">
        <v>18</v>
      </c>
      <c r="C45" s="10">
        <v>20</v>
      </c>
      <c r="D45" s="9">
        <v>38</v>
      </c>
    </row>
    <row r="46" spans="1:4" ht="18" customHeight="1" x14ac:dyDescent="0.15">
      <c r="A46" s="16">
        <v>34</v>
      </c>
      <c r="B46" s="29">
        <v>26</v>
      </c>
      <c r="C46" s="10">
        <v>28</v>
      </c>
      <c r="D46" s="9">
        <v>54</v>
      </c>
    </row>
    <row r="47" spans="1:4" ht="18" customHeight="1" x14ac:dyDescent="0.15">
      <c r="A47" s="8" t="s">
        <v>61</v>
      </c>
      <c r="B47" s="29">
        <v>120</v>
      </c>
      <c r="C47" s="10">
        <v>112</v>
      </c>
      <c r="D47" s="9">
        <v>232</v>
      </c>
    </row>
    <row r="48" spans="1:4" ht="18" customHeight="1" x14ac:dyDescent="0.15">
      <c r="A48" s="16">
        <v>35</v>
      </c>
      <c r="B48" s="29">
        <v>33</v>
      </c>
      <c r="C48" s="10">
        <v>17</v>
      </c>
      <c r="D48" s="9">
        <v>50</v>
      </c>
    </row>
    <row r="49" spans="1:4" ht="18" customHeight="1" x14ac:dyDescent="0.15">
      <c r="A49" s="16">
        <v>36</v>
      </c>
      <c r="B49" s="29">
        <v>27</v>
      </c>
      <c r="C49" s="10">
        <v>32</v>
      </c>
      <c r="D49" s="9">
        <v>59</v>
      </c>
    </row>
    <row r="50" spans="1:4" ht="18" customHeight="1" x14ac:dyDescent="0.15">
      <c r="A50" s="16">
        <v>37</v>
      </c>
      <c r="B50" s="29">
        <v>28</v>
      </c>
      <c r="C50" s="10">
        <v>26</v>
      </c>
      <c r="D50" s="9">
        <v>54</v>
      </c>
    </row>
    <row r="51" spans="1:4" ht="18" customHeight="1" x14ac:dyDescent="0.15">
      <c r="A51" s="16">
        <v>38</v>
      </c>
      <c r="B51" s="29">
        <v>36</v>
      </c>
      <c r="C51" s="10">
        <v>25</v>
      </c>
      <c r="D51" s="9">
        <v>61</v>
      </c>
    </row>
    <row r="52" spans="1:4" ht="18" customHeight="1" x14ac:dyDescent="0.15">
      <c r="A52" s="16">
        <v>39</v>
      </c>
      <c r="B52" s="29">
        <v>30</v>
      </c>
      <c r="C52" s="10">
        <v>33</v>
      </c>
      <c r="D52" s="9">
        <v>63</v>
      </c>
    </row>
    <row r="53" spans="1:4" ht="18" customHeight="1" x14ac:dyDescent="0.15">
      <c r="A53" s="8" t="s">
        <v>72</v>
      </c>
      <c r="B53" s="29">
        <v>154</v>
      </c>
      <c r="C53" s="10">
        <v>133</v>
      </c>
      <c r="D53" s="9">
        <v>287</v>
      </c>
    </row>
    <row r="54" spans="1:4" ht="18" customHeight="1" x14ac:dyDescent="0.15">
      <c r="A54" s="16">
        <v>40</v>
      </c>
      <c r="B54" s="29">
        <v>35</v>
      </c>
      <c r="C54" s="10">
        <v>27</v>
      </c>
      <c r="D54" s="9">
        <v>62</v>
      </c>
    </row>
    <row r="55" spans="1:4" ht="18" customHeight="1" x14ac:dyDescent="0.15">
      <c r="A55" s="16">
        <v>41</v>
      </c>
      <c r="B55" s="29">
        <v>34</v>
      </c>
      <c r="C55" s="10">
        <v>28</v>
      </c>
      <c r="D55" s="9">
        <v>62</v>
      </c>
    </row>
    <row r="56" spans="1:4" ht="18" customHeight="1" x14ac:dyDescent="0.15">
      <c r="A56" s="16">
        <v>42</v>
      </c>
      <c r="B56" s="29">
        <v>37</v>
      </c>
      <c r="C56" s="10">
        <v>28</v>
      </c>
      <c r="D56" s="9">
        <v>65</v>
      </c>
    </row>
    <row r="57" spans="1:4" ht="18" customHeight="1" x14ac:dyDescent="0.15">
      <c r="A57" s="16">
        <v>43</v>
      </c>
      <c r="B57" s="29">
        <v>40</v>
      </c>
      <c r="C57" s="10">
        <v>26</v>
      </c>
      <c r="D57" s="9">
        <v>66</v>
      </c>
    </row>
    <row r="58" spans="1:4" ht="18" customHeight="1" x14ac:dyDescent="0.15">
      <c r="A58" s="16">
        <v>44</v>
      </c>
      <c r="B58" s="29">
        <v>31</v>
      </c>
      <c r="C58" s="10">
        <v>35</v>
      </c>
      <c r="D58" s="9">
        <v>66</v>
      </c>
    </row>
    <row r="59" spans="1:4" ht="18" customHeight="1" x14ac:dyDescent="0.15">
      <c r="A59" s="8" t="s">
        <v>46</v>
      </c>
      <c r="B59" s="29">
        <v>177</v>
      </c>
      <c r="C59" s="10">
        <v>144</v>
      </c>
      <c r="D59" s="9">
        <v>321</v>
      </c>
    </row>
    <row r="60" spans="1:4" ht="18" customHeight="1" x14ac:dyDescent="0.15">
      <c r="A60" s="16">
        <v>45</v>
      </c>
      <c r="B60" s="29">
        <v>30</v>
      </c>
      <c r="C60" s="10">
        <v>40</v>
      </c>
      <c r="D60" s="9">
        <v>70</v>
      </c>
    </row>
    <row r="61" spans="1:4" ht="18" customHeight="1" x14ac:dyDescent="0.15">
      <c r="A61" s="16">
        <v>46</v>
      </c>
      <c r="B61" s="29">
        <v>46</v>
      </c>
      <c r="C61" s="10">
        <v>19</v>
      </c>
      <c r="D61" s="9">
        <v>65</v>
      </c>
    </row>
    <row r="62" spans="1:4" ht="18" customHeight="1" x14ac:dyDescent="0.15">
      <c r="A62" s="16">
        <v>47</v>
      </c>
      <c r="B62" s="29">
        <v>45</v>
      </c>
      <c r="C62" s="10">
        <v>34</v>
      </c>
      <c r="D62" s="9">
        <v>79</v>
      </c>
    </row>
    <row r="63" spans="1:4" ht="18" customHeight="1" x14ac:dyDescent="0.15">
      <c r="A63" s="16">
        <v>48</v>
      </c>
      <c r="B63" s="29">
        <v>43</v>
      </c>
      <c r="C63" s="10">
        <v>48</v>
      </c>
      <c r="D63" s="9">
        <v>91</v>
      </c>
    </row>
    <row r="64" spans="1:4" ht="18" customHeight="1" x14ac:dyDescent="0.15">
      <c r="A64" s="16">
        <v>49</v>
      </c>
      <c r="B64" s="29">
        <v>47</v>
      </c>
      <c r="C64" s="10">
        <v>47</v>
      </c>
      <c r="D64" s="9">
        <v>94</v>
      </c>
    </row>
    <row r="65" spans="1:4" ht="18" customHeight="1" x14ac:dyDescent="0.15">
      <c r="A65" s="8" t="s">
        <v>45</v>
      </c>
      <c r="B65" s="29">
        <v>211</v>
      </c>
      <c r="C65" s="10">
        <v>188</v>
      </c>
      <c r="D65" s="9">
        <v>399</v>
      </c>
    </row>
    <row r="66" spans="1:4" ht="18" customHeight="1" x14ac:dyDescent="0.15">
      <c r="A66" s="16">
        <v>50</v>
      </c>
      <c r="B66" s="29">
        <v>53</v>
      </c>
      <c r="C66" s="10">
        <v>42</v>
      </c>
      <c r="D66" s="9">
        <v>95</v>
      </c>
    </row>
    <row r="67" spans="1:4" ht="18" customHeight="1" x14ac:dyDescent="0.15">
      <c r="A67" s="16">
        <v>51</v>
      </c>
      <c r="B67" s="29">
        <v>47</v>
      </c>
      <c r="C67" s="10">
        <v>38</v>
      </c>
      <c r="D67" s="9">
        <v>85</v>
      </c>
    </row>
    <row r="68" spans="1:4" ht="18" customHeight="1" x14ac:dyDescent="0.15">
      <c r="A68" s="16">
        <v>52</v>
      </c>
      <c r="B68" s="29">
        <v>44</v>
      </c>
      <c r="C68" s="10">
        <v>40</v>
      </c>
      <c r="D68" s="9">
        <v>84</v>
      </c>
    </row>
    <row r="69" spans="1:4" ht="18" customHeight="1" x14ac:dyDescent="0.15">
      <c r="A69" s="16">
        <v>53</v>
      </c>
      <c r="B69" s="29">
        <v>38</v>
      </c>
      <c r="C69" s="10">
        <v>43</v>
      </c>
      <c r="D69" s="9">
        <v>81</v>
      </c>
    </row>
    <row r="70" spans="1:4" ht="18" customHeight="1" x14ac:dyDescent="0.15">
      <c r="A70" s="16">
        <v>54</v>
      </c>
      <c r="B70" s="29">
        <v>45</v>
      </c>
      <c r="C70" s="10">
        <v>35</v>
      </c>
      <c r="D70" s="9">
        <v>80</v>
      </c>
    </row>
    <row r="71" spans="1:4" ht="18" customHeight="1" x14ac:dyDescent="0.15">
      <c r="A71" s="8" t="s">
        <v>58</v>
      </c>
      <c r="B71" s="29">
        <v>227</v>
      </c>
      <c r="C71" s="10">
        <v>198</v>
      </c>
      <c r="D71" s="9">
        <v>425</v>
      </c>
    </row>
    <row r="72" spans="1:4" ht="18" customHeight="1" x14ac:dyDescent="0.15">
      <c r="A72" s="16">
        <v>55</v>
      </c>
      <c r="B72" s="29">
        <v>27</v>
      </c>
      <c r="C72" s="10">
        <v>30</v>
      </c>
      <c r="D72" s="9">
        <v>57</v>
      </c>
    </row>
    <row r="73" spans="1:4" ht="18" customHeight="1" x14ac:dyDescent="0.15">
      <c r="A73" s="16">
        <v>56</v>
      </c>
      <c r="B73" s="29">
        <v>23</v>
      </c>
      <c r="C73" s="10">
        <v>26</v>
      </c>
      <c r="D73" s="9">
        <v>49</v>
      </c>
    </row>
    <row r="74" spans="1:4" ht="18" customHeight="1" x14ac:dyDescent="0.15">
      <c r="A74" s="16">
        <v>57</v>
      </c>
      <c r="B74" s="29">
        <v>32</v>
      </c>
      <c r="C74" s="10">
        <v>42</v>
      </c>
      <c r="D74" s="9">
        <v>74</v>
      </c>
    </row>
    <row r="75" spans="1:4" ht="18" customHeight="1" x14ac:dyDescent="0.15">
      <c r="A75" s="16">
        <v>58</v>
      </c>
      <c r="B75" s="29">
        <v>37</v>
      </c>
      <c r="C75" s="10">
        <v>30</v>
      </c>
      <c r="D75" s="9">
        <v>67</v>
      </c>
    </row>
    <row r="76" spans="1:4" ht="18" customHeight="1" x14ac:dyDescent="0.15">
      <c r="A76" s="16">
        <v>59</v>
      </c>
      <c r="B76" s="29">
        <v>36</v>
      </c>
      <c r="C76" s="10">
        <v>33</v>
      </c>
      <c r="D76" s="9">
        <v>69</v>
      </c>
    </row>
    <row r="77" spans="1:4" ht="18" customHeight="1" x14ac:dyDescent="0.15">
      <c r="A77" s="8" t="s">
        <v>71</v>
      </c>
      <c r="B77" s="29">
        <v>155</v>
      </c>
      <c r="C77" s="10">
        <v>161</v>
      </c>
      <c r="D77" s="9">
        <v>316</v>
      </c>
    </row>
    <row r="78" spans="1:4" ht="18" customHeight="1" x14ac:dyDescent="0.15">
      <c r="A78" s="16">
        <v>60</v>
      </c>
      <c r="B78" s="29">
        <v>36</v>
      </c>
      <c r="C78" s="10">
        <v>30</v>
      </c>
      <c r="D78" s="9">
        <v>66</v>
      </c>
    </row>
    <row r="79" spans="1:4" ht="18" customHeight="1" x14ac:dyDescent="0.15">
      <c r="A79" s="16">
        <v>61</v>
      </c>
      <c r="B79" s="29">
        <v>29</v>
      </c>
      <c r="C79" s="10">
        <v>22</v>
      </c>
      <c r="D79" s="9">
        <v>51</v>
      </c>
    </row>
    <row r="80" spans="1:4" ht="18" customHeight="1" x14ac:dyDescent="0.15">
      <c r="A80" s="16">
        <v>62</v>
      </c>
      <c r="B80" s="29">
        <v>24</v>
      </c>
      <c r="C80" s="10">
        <v>31</v>
      </c>
      <c r="D80" s="9">
        <v>55</v>
      </c>
    </row>
    <row r="81" spans="1:4" ht="18" customHeight="1" x14ac:dyDescent="0.15">
      <c r="A81" s="16">
        <v>63</v>
      </c>
      <c r="B81" s="29">
        <v>29</v>
      </c>
      <c r="C81" s="10">
        <v>28</v>
      </c>
      <c r="D81" s="9">
        <v>57</v>
      </c>
    </row>
    <row r="82" spans="1:4" ht="18" customHeight="1" x14ac:dyDescent="0.15">
      <c r="A82" s="16">
        <v>64</v>
      </c>
      <c r="B82" s="29">
        <v>26</v>
      </c>
      <c r="C82" s="10">
        <v>40</v>
      </c>
      <c r="D82" s="9">
        <v>66</v>
      </c>
    </row>
    <row r="83" spans="1:4" ht="18" customHeight="1" x14ac:dyDescent="0.15">
      <c r="A83" s="8" t="s">
        <v>44</v>
      </c>
      <c r="B83" s="29">
        <v>144</v>
      </c>
      <c r="C83" s="10">
        <v>151</v>
      </c>
      <c r="D83" s="9">
        <v>295</v>
      </c>
    </row>
    <row r="84" spans="1:4" ht="18" customHeight="1" x14ac:dyDescent="0.15">
      <c r="A84" s="8" t="s">
        <v>43</v>
      </c>
      <c r="B84" s="29">
        <v>1547</v>
      </c>
      <c r="C84" s="10">
        <v>1437</v>
      </c>
      <c r="D84" s="9">
        <v>2984</v>
      </c>
    </row>
    <row r="85" spans="1:4" ht="18" customHeight="1" x14ac:dyDescent="0.15">
      <c r="A85" s="16">
        <v>65</v>
      </c>
      <c r="B85" s="29">
        <v>36</v>
      </c>
      <c r="C85" s="10">
        <v>32</v>
      </c>
      <c r="D85" s="9">
        <v>68</v>
      </c>
    </row>
    <row r="86" spans="1:4" ht="18" customHeight="1" x14ac:dyDescent="0.15">
      <c r="A86" s="16">
        <v>66</v>
      </c>
      <c r="B86" s="29">
        <v>42</v>
      </c>
      <c r="C86" s="10">
        <v>42</v>
      </c>
      <c r="D86" s="9">
        <v>84</v>
      </c>
    </row>
    <row r="87" spans="1:4" ht="18" customHeight="1" x14ac:dyDescent="0.15">
      <c r="A87" s="16">
        <v>67</v>
      </c>
      <c r="B87" s="29">
        <v>35</v>
      </c>
      <c r="C87" s="10">
        <v>36</v>
      </c>
      <c r="D87" s="9">
        <v>71</v>
      </c>
    </row>
    <row r="88" spans="1:4" ht="18" customHeight="1" x14ac:dyDescent="0.15">
      <c r="A88" s="16">
        <v>68</v>
      </c>
      <c r="B88" s="29">
        <v>32</v>
      </c>
      <c r="C88" s="10">
        <v>46</v>
      </c>
      <c r="D88" s="9">
        <v>78</v>
      </c>
    </row>
    <row r="89" spans="1:4" ht="18" customHeight="1" x14ac:dyDescent="0.15">
      <c r="A89" s="16">
        <v>69</v>
      </c>
      <c r="B89" s="29">
        <v>40</v>
      </c>
      <c r="C89" s="10">
        <v>47</v>
      </c>
      <c r="D89" s="9">
        <v>87</v>
      </c>
    </row>
    <row r="90" spans="1:4" ht="18" customHeight="1" x14ac:dyDescent="0.15">
      <c r="A90" s="8" t="s">
        <v>42</v>
      </c>
      <c r="B90" s="29">
        <v>185</v>
      </c>
      <c r="C90" s="10">
        <v>203</v>
      </c>
      <c r="D90" s="9">
        <v>388</v>
      </c>
    </row>
    <row r="91" spans="1:4" ht="18" customHeight="1" x14ac:dyDescent="0.15">
      <c r="A91" s="16">
        <v>70</v>
      </c>
      <c r="B91" s="29">
        <v>34</v>
      </c>
      <c r="C91" s="10">
        <v>43</v>
      </c>
      <c r="D91" s="9">
        <v>77</v>
      </c>
    </row>
    <row r="92" spans="1:4" ht="18" customHeight="1" x14ac:dyDescent="0.15">
      <c r="A92" s="16">
        <v>71</v>
      </c>
      <c r="B92" s="29">
        <v>37</v>
      </c>
      <c r="C92" s="10">
        <v>41</v>
      </c>
      <c r="D92" s="9">
        <v>78</v>
      </c>
    </row>
    <row r="93" spans="1:4" ht="18" customHeight="1" x14ac:dyDescent="0.15">
      <c r="A93" s="16">
        <v>72</v>
      </c>
      <c r="B93" s="29">
        <v>60</v>
      </c>
      <c r="C93" s="10">
        <v>44</v>
      </c>
      <c r="D93" s="9">
        <v>104</v>
      </c>
    </row>
    <row r="94" spans="1:4" ht="18" customHeight="1" x14ac:dyDescent="0.15">
      <c r="A94" s="16">
        <v>73</v>
      </c>
      <c r="B94" s="29">
        <v>65</v>
      </c>
      <c r="C94" s="10">
        <v>73</v>
      </c>
      <c r="D94" s="9">
        <v>138</v>
      </c>
    </row>
    <row r="95" spans="1:4" ht="18" customHeight="1" x14ac:dyDescent="0.15">
      <c r="A95" s="16">
        <v>74</v>
      </c>
      <c r="B95" s="29">
        <v>54</v>
      </c>
      <c r="C95" s="10">
        <v>65</v>
      </c>
      <c r="D95" s="9">
        <v>119</v>
      </c>
    </row>
    <row r="96" spans="1:4" ht="18" customHeight="1" x14ac:dyDescent="0.15">
      <c r="A96" s="8" t="s">
        <v>41</v>
      </c>
      <c r="B96" s="29">
        <v>250</v>
      </c>
      <c r="C96" s="10">
        <v>266</v>
      </c>
      <c r="D96" s="9">
        <v>516</v>
      </c>
    </row>
    <row r="97" spans="1:4" ht="18" customHeight="1" x14ac:dyDescent="0.15">
      <c r="A97" s="16">
        <v>75</v>
      </c>
      <c r="B97" s="29">
        <v>46</v>
      </c>
      <c r="C97" s="10">
        <v>69</v>
      </c>
      <c r="D97" s="9">
        <v>115</v>
      </c>
    </row>
    <row r="98" spans="1:4" ht="18" customHeight="1" x14ac:dyDescent="0.15">
      <c r="A98" s="16">
        <v>76</v>
      </c>
      <c r="B98" s="29">
        <v>52</v>
      </c>
      <c r="C98" s="10">
        <v>54</v>
      </c>
      <c r="D98" s="9">
        <v>106</v>
      </c>
    </row>
    <row r="99" spans="1:4" ht="18" customHeight="1" x14ac:dyDescent="0.15">
      <c r="A99" s="16">
        <v>77</v>
      </c>
      <c r="B99" s="29">
        <v>22</v>
      </c>
      <c r="C99" s="10">
        <v>27</v>
      </c>
      <c r="D99" s="9">
        <v>49</v>
      </c>
    </row>
    <row r="100" spans="1:4" ht="18" customHeight="1" x14ac:dyDescent="0.15">
      <c r="A100" s="16">
        <v>78</v>
      </c>
      <c r="B100" s="29">
        <v>27</v>
      </c>
      <c r="C100" s="10">
        <v>61</v>
      </c>
      <c r="D100" s="9">
        <v>88</v>
      </c>
    </row>
    <row r="101" spans="1:4" ht="18" customHeight="1" x14ac:dyDescent="0.15">
      <c r="A101" s="16">
        <v>79</v>
      </c>
      <c r="B101" s="29">
        <v>49</v>
      </c>
      <c r="C101" s="10">
        <v>64</v>
      </c>
      <c r="D101" s="9">
        <v>113</v>
      </c>
    </row>
    <row r="102" spans="1:4" ht="18" customHeight="1" x14ac:dyDescent="0.15">
      <c r="A102" s="8" t="s">
        <v>70</v>
      </c>
      <c r="B102" s="29">
        <v>196</v>
      </c>
      <c r="C102" s="10">
        <v>275</v>
      </c>
      <c r="D102" s="9">
        <v>471</v>
      </c>
    </row>
    <row r="103" spans="1:4" ht="18" customHeight="1" x14ac:dyDescent="0.15">
      <c r="A103" s="16">
        <v>80</v>
      </c>
      <c r="B103" s="29">
        <v>33</v>
      </c>
      <c r="C103" s="10">
        <v>47</v>
      </c>
      <c r="D103" s="9">
        <v>80</v>
      </c>
    </row>
    <row r="104" spans="1:4" ht="18" customHeight="1" x14ac:dyDescent="0.15">
      <c r="A104" s="16">
        <v>81</v>
      </c>
      <c r="B104" s="29">
        <v>43</v>
      </c>
      <c r="C104" s="10">
        <v>48</v>
      </c>
      <c r="D104" s="9">
        <v>91</v>
      </c>
    </row>
    <row r="105" spans="1:4" ht="18" customHeight="1" x14ac:dyDescent="0.15">
      <c r="A105" s="16">
        <v>82</v>
      </c>
      <c r="B105" s="29">
        <v>31</v>
      </c>
      <c r="C105" s="10">
        <v>47</v>
      </c>
      <c r="D105" s="9">
        <v>78</v>
      </c>
    </row>
    <row r="106" spans="1:4" ht="18" customHeight="1" x14ac:dyDescent="0.15">
      <c r="A106" s="16">
        <v>83</v>
      </c>
      <c r="B106" s="29">
        <v>27</v>
      </c>
      <c r="C106" s="10">
        <v>27</v>
      </c>
      <c r="D106" s="9">
        <v>54</v>
      </c>
    </row>
    <row r="107" spans="1:4" ht="18" customHeight="1" x14ac:dyDescent="0.15">
      <c r="A107" s="16">
        <v>84</v>
      </c>
      <c r="B107" s="29">
        <v>17</v>
      </c>
      <c r="C107" s="10">
        <v>23</v>
      </c>
      <c r="D107" s="9">
        <v>40</v>
      </c>
    </row>
    <row r="108" spans="1:4" ht="18" customHeight="1" x14ac:dyDescent="0.15">
      <c r="A108" s="8" t="s">
        <v>39</v>
      </c>
      <c r="B108" s="29">
        <v>151</v>
      </c>
      <c r="C108" s="10">
        <v>192</v>
      </c>
      <c r="D108" s="9">
        <v>343</v>
      </c>
    </row>
    <row r="109" spans="1:4" ht="18" customHeight="1" x14ac:dyDescent="0.15">
      <c r="A109" s="16">
        <v>85</v>
      </c>
      <c r="B109" s="29">
        <v>28</v>
      </c>
      <c r="C109" s="10">
        <v>31</v>
      </c>
      <c r="D109" s="9">
        <v>59</v>
      </c>
    </row>
    <row r="110" spans="1:4" ht="18" customHeight="1" x14ac:dyDescent="0.15">
      <c r="A110" s="16">
        <v>86</v>
      </c>
      <c r="B110" s="29">
        <v>19</v>
      </c>
      <c r="C110" s="10">
        <v>29</v>
      </c>
      <c r="D110" s="9">
        <v>48</v>
      </c>
    </row>
    <row r="111" spans="1:4" ht="18" customHeight="1" x14ac:dyDescent="0.15">
      <c r="A111" s="16">
        <v>87</v>
      </c>
      <c r="B111" s="29">
        <v>18</v>
      </c>
      <c r="C111" s="10">
        <v>30</v>
      </c>
      <c r="D111" s="9">
        <v>48</v>
      </c>
    </row>
    <row r="112" spans="1:4" ht="18" customHeight="1" x14ac:dyDescent="0.15">
      <c r="A112" s="16">
        <v>88</v>
      </c>
      <c r="B112" s="29">
        <v>9</v>
      </c>
      <c r="C112" s="10">
        <v>17</v>
      </c>
      <c r="D112" s="9">
        <v>26</v>
      </c>
    </row>
    <row r="113" spans="1:4" ht="18" customHeight="1" x14ac:dyDescent="0.15">
      <c r="A113" s="16">
        <v>89</v>
      </c>
      <c r="B113" s="29">
        <v>19</v>
      </c>
      <c r="C113" s="10">
        <v>18</v>
      </c>
      <c r="D113" s="9">
        <v>37</v>
      </c>
    </row>
    <row r="114" spans="1:4" ht="18" customHeight="1" x14ac:dyDescent="0.15">
      <c r="A114" s="8" t="s">
        <v>38</v>
      </c>
      <c r="B114" s="29">
        <v>93</v>
      </c>
      <c r="C114" s="10">
        <v>125</v>
      </c>
      <c r="D114" s="9">
        <v>218</v>
      </c>
    </row>
    <row r="115" spans="1:4" ht="18" customHeight="1" x14ac:dyDescent="0.15">
      <c r="A115" s="16">
        <v>90</v>
      </c>
      <c r="B115" s="29">
        <v>4</v>
      </c>
      <c r="C115" s="10">
        <v>29</v>
      </c>
      <c r="D115" s="9">
        <v>33</v>
      </c>
    </row>
    <row r="116" spans="1:4" ht="18" customHeight="1" x14ac:dyDescent="0.15">
      <c r="A116" s="16">
        <v>91</v>
      </c>
      <c r="B116" s="29">
        <v>5</v>
      </c>
      <c r="C116" s="10">
        <v>14</v>
      </c>
      <c r="D116" s="9">
        <v>19</v>
      </c>
    </row>
    <row r="117" spans="1:4" ht="18" customHeight="1" x14ac:dyDescent="0.15">
      <c r="A117" s="16">
        <v>92</v>
      </c>
      <c r="B117" s="29">
        <v>3</v>
      </c>
      <c r="C117" s="10">
        <v>12</v>
      </c>
      <c r="D117" s="9">
        <v>15</v>
      </c>
    </row>
    <row r="118" spans="1:4" ht="18" customHeight="1" x14ac:dyDescent="0.15">
      <c r="A118" s="16">
        <v>93</v>
      </c>
      <c r="B118" s="29">
        <v>3</v>
      </c>
      <c r="C118" s="10">
        <v>19</v>
      </c>
      <c r="D118" s="9">
        <v>22</v>
      </c>
    </row>
    <row r="119" spans="1:4" ht="18" customHeight="1" x14ac:dyDescent="0.15">
      <c r="A119" s="16">
        <v>94</v>
      </c>
      <c r="B119" s="29">
        <v>4</v>
      </c>
      <c r="C119" s="10">
        <v>18</v>
      </c>
      <c r="D119" s="9">
        <v>22</v>
      </c>
    </row>
    <row r="120" spans="1:4" ht="18" customHeight="1" x14ac:dyDescent="0.15">
      <c r="A120" s="8" t="s">
        <v>69</v>
      </c>
      <c r="B120" s="29">
        <v>19</v>
      </c>
      <c r="C120" s="10">
        <v>92</v>
      </c>
      <c r="D120" s="9">
        <v>111</v>
      </c>
    </row>
    <row r="121" spans="1:4" ht="18" customHeight="1" x14ac:dyDescent="0.15">
      <c r="A121" s="16">
        <v>95</v>
      </c>
      <c r="B121" s="29">
        <v>3</v>
      </c>
      <c r="C121" s="10">
        <v>11</v>
      </c>
      <c r="D121" s="9">
        <v>14</v>
      </c>
    </row>
    <row r="122" spans="1:4" ht="18" customHeight="1" x14ac:dyDescent="0.15">
      <c r="A122" s="16">
        <v>96</v>
      </c>
      <c r="B122" s="29">
        <v>0</v>
      </c>
      <c r="C122" s="10">
        <v>9</v>
      </c>
      <c r="D122" s="9">
        <v>9</v>
      </c>
    </row>
    <row r="123" spans="1:4" ht="18" customHeight="1" x14ac:dyDescent="0.15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15">
      <c r="A124" s="16">
        <v>98</v>
      </c>
      <c r="B124" s="29">
        <v>0</v>
      </c>
      <c r="C124" s="10">
        <v>5</v>
      </c>
      <c r="D124" s="9">
        <v>5</v>
      </c>
    </row>
    <row r="125" spans="1:4" ht="18" customHeight="1" x14ac:dyDescent="0.15">
      <c r="A125" s="16">
        <v>99</v>
      </c>
      <c r="B125" s="29">
        <v>0</v>
      </c>
      <c r="C125" s="10">
        <v>4</v>
      </c>
      <c r="D125" s="9">
        <v>4</v>
      </c>
    </row>
    <row r="126" spans="1:4" ht="18" customHeight="1" x14ac:dyDescent="0.15">
      <c r="A126" s="8" t="s">
        <v>68</v>
      </c>
      <c r="B126" s="29">
        <v>3</v>
      </c>
      <c r="C126" s="10">
        <v>31</v>
      </c>
      <c r="D126" s="9">
        <v>34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1</v>
      </c>
      <c r="C128" s="10">
        <v>3</v>
      </c>
      <c r="D128" s="9">
        <v>4</v>
      </c>
    </row>
    <row r="129" spans="1:4" ht="18" customHeight="1" x14ac:dyDescent="0.15">
      <c r="A129" s="8" t="s">
        <v>36</v>
      </c>
      <c r="B129" s="29">
        <v>1</v>
      </c>
      <c r="C129" s="10">
        <v>3</v>
      </c>
      <c r="D129" s="9">
        <v>4</v>
      </c>
    </row>
    <row r="130" spans="1:4" ht="18" customHeight="1" x14ac:dyDescent="0.15">
      <c r="A130" s="8" t="s">
        <v>35</v>
      </c>
      <c r="B130" s="28">
        <v>898</v>
      </c>
      <c r="C130" s="6">
        <v>1187</v>
      </c>
      <c r="D130" s="5">
        <v>2085</v>
      </c>
    </row>
    <row r="131" spans="1:4" ht="18" customHeight="1" x14ac:dyDescent="0.15">
      <c r="A131" s="4" t="s">
        <v>0</v>
      </c>
      <c r="B131" s="27">
        <v>2726</v>
      </c>
      <c r="C131" s="2">
        <v>2902</v>
      </c>
      <c r="D131" s="1">
        <v>562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5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56</v>
      </c>
      <c r="C5" s="18">
        <v>58</v>
      </c>
      <c r="D5" s="17">
        <v>114</v>
      </c>
    </row>
    <row r="6" spans="1:4" ht="18" customHeight="1" x14ac:dyDescent="0.15">
      <c r="A6" s="16">
        <v>1</v>
      </c>
      <c r="B6" s="29">
        <v>55</v>
      </c>
      <c r="C6" s="10">
        <v>52</v>
      </c>
      <c r="D6" s="9">
        <v>107</v>
      </c>
    </row>
    <row r="7" spans="1:4" ht="18" customHeight="1" x14ac:dyDescent="0.15">
      <c r="A7" s="16">
        <v>2</v>
      </c>
      <c r="B7" s="29">
        <v>53</v>
      </c>
      <c r="C7" s="10">
        <v>47</v>
      </c>
      <c r="D7" s="9">
        <v>100</v>
      </c>
    </row>
    <row r="8" spans="1:4" ht="18" customHeight="1" x14ac:dyDescent="0.15">
      <c r="A8" s="16">
        <v>3</v>
      </c>
      <c r="B8" s="29">
        <v>52</v>
      </c>
      <c r="C8" s="10">
        <v>51</v>
      </c>
      <c r="D8" s="9">
        <v>103</v>
      </c>
    </row>
    <row r="9" spans="1:4" ht="18" customHeight="1" x14ac:dyDescent="0.15">
      <c r="A9" s="16">
        <v>4</v>
      </c>
      <c r="B9" s="29">
        <v>36</v>
      </c>
      <c r="C9" s="10">
        <v>59</v>
      </c>
      <c r="D9" s="9">
        <v>95</v>
      </c>
    </row>
    <row r="10" spans="1:4" ht="18" customHeight="1" x14ac:dyDescent="0.15">
      <c r="A10" s="8" t="s">
        <v>76</v>
      </c>
      <c r="B10" s="29">
        <v>252</v>
      </c>
      <c r="C10" s="10">
        <v>267</v>
      </c>
      <c r="D10" s="9">
        <v>519</v>
      </c>
    </row>
    <row r="11" spans="1:4" ht="18" customHeight="1" x14ac:dyDescent="0.15">
      <c r="A11" s="16">
        <v>5</v>
      </c>
      <c r="B11" s="29">
        <v>51</v>
      </c>
      <c r="C11" s="10">
        <v>57</v>
      </c>
      <c r="D11" s="9">
        <v>108</v>
      </c>
    </row>
    <row r="12" spans="1:4" ht="18" customHeight="1" x14ac:dyDescent="0.15">
      <c r="A12" s="16">
        <v>6</v>
      </c>
      <c r="B12" s="29">
        <v>57</v>
      </c>
      <c r="C12" s="10">
        <v>57</v>
      </c>
      <c r="D12" s="9">
        <v>114</v>
      </c>
    </row>
    <row r="13" spans="1:4" ht="18" customHeight="1" x14ac:dyDescent="0.15">
      <c r="A13" s="16">
        <v>7</v>
      </c>
      <c r="B13" s="29">
        <v>76</v>
      </c>
      <c r="C13" s="10">
        <v>44</v>
      </c>
      <c r="D13" s="9">
        <v>120</v>
      </c>
    </row>
    <row r="14" spans="1:4" ht="18" customHeight="1" x14ac:dyDescent="0.15">
      <c r="A14" s="16">
        <v>8</v>
      </c>
      <c r="B14" s="29">
        <v>61</v>
      </c>
      <c r="C14" s="10">
        <v>61</v>
      </c>
      <c r="D14" s="9">
        <v>122</v>
      </c>
    </row>
    <row r="15" spans="1:4" ht="18" customHeight="1" x14ac:dyDescent="0.15">
      <c r="A15" s="16">
        <v>9</v>
      </c>
      <c r="B15" s="29">
        <v>68</v>
      </c>
      <c r="C15" s="10">
        <v>55</v>
      </c>
      <c r="D15" s="9">
        <v>123</v>
      </c>
    </row>
    <row r="16" spans="1:4" ht="18" customHeight="1" x14ac:dyDescent="0.15">
      <c r="A16" s="8" t="s">
        <v>50</v>
      </c>
      <c r="B16" s="29">
        <v>313</v>
      </c>
      <c r="C16" s="10">
        <v>274</v>
      </c>
      <c r="D16" s="9">
        <v>587</v>
      </c>
    </row>
    <row r="17" spans="1:4" ht="18" customHeight="1" x14ac:dyDescent="0.15">
      <c r="A17" s="16">
        <v>10</v>
      </c>
      <c r="B17" s="29">
        <v>50</v>
      </c>
      <c r="C17" s="10">
        <v>60</v>
      </c>
      <c r="D17" s="9">
        <v>110</v>
      </c>
    </row>
    <row r="18" spans="1:4" ht="18" customHeight="1" x14ac:dyDescent="0.15">
      <c r="A18" s="16">
        <v>11</v>
      </c>
      <c r="B18" s="29">
        <v>70</v>
      </c>
      <c r="C18" s="10">
        <v>55</v>
      </c>
      <c r="D18" s="9">
        <v>125</v>
      </c>
    </row>
    <row r="19" spans="1:4" ht="18" customHeight="1" x14ac:dyDescent="0.15">
      <c r="A19" s="16">
        <v>12</v>
      </c>
      <c r="B19" s="29">
        <v>71</v>
      </c>
      <c r="C19" s="10">
        <v>69</v>
      </c>
      <c r="D19" s="9">
        <v>140</v>
      </c>
    </row>
    <row r="20" spans="1:4" ht="18" customHeight="1" x14ac:dyDescent="0.15">
      <c r="A20" s="16">
        <v>13</v>
      </c>
      <c r="B20" s="29">
        <v>63</v>
      </c>
      <c r="C20" s="10">
        <v>64</v>
      </c>
      <c r="D20" s="9">
        <v>127</v>
      </c>
    </row>
    <row r="21" spans="1:4" ht="18" customHeight="1" x14ac:dyDescent="0.15">
      <c r="A21" s="16">
        <v>14</v>
      </c>
      <c r="B21" s="29">
        <v>52</v>
      </c>
      <c r="C21" s="10">
        <v>51</v>
      </c>
      <c r="D21" s="9">
        <v>103</v>
      </c>
    </row>
    <row r="22" spans="1:4" ht="18" customHeight="1" x14ac:dyDescent="0.15">
      <c r="A22" s="8" t="s">
        <v>75</v>
      </c>
      <c r="B22" s="29">
        <v>306</v>
      </c>
      <c r="C22" s="10">
        <v>299</v>
      </c>
      <c r="D22" s="9">
        <v>605</v>
      </c>
    </row>
    <row r="23" spans="1:4" ht="18" customHeight="1" x14ac:dyDescent="0.15">
      <c r="A23" s="8" t="s">
        <v>65</v>
      </c>
      <c r="B23" s="29">
        <v>871</v>
      </c>
      <c r="C23" s="10">
        <v>840</v>
      </c>
      <c r="D23" s="9">
        <v>1711</v>
      </c>
    </row>
    <row r="24" spans="1:4" ht="18" customHeight="1" x14ac:dyDescent="0.15">
      <c r="A24" s="16">
        <v>15</v>
      </c>
      <c r="B24" s="29">
        <v>62</v>
      </c>
      <c r="C24" s="10">
        <v>61</v>
      </c>
      <c r="D24" s="9">
        <v>123</v>
      </c>
    </row>
    <row r="25" spans="1:4" ht="18" customHeight="1" x14ac:dyDescent="0.15">
      <c r="A25" s="16">
        <v>16</v>
      </c>
      <c r="B25" s="29">
        <v>79</v>
      </c>
      <c r="C25" s="10">
        <v>44</v>
      </c>
      <c r="D25" s="9">
        <v>123</v>
      </c>
    </row>
    <row r="26" spans="1:4" ht="18" customHeight="1" x14ac:dyDescent="0.15">
      <c r="A26" s="16">
        <v>17</v>
      </c>
      <c r="B26" s="29">
        <v>58</v>
      </c>
      <c r="C26" s="10">
        <v>55</v>
      </c>
      <c r="D26" s="9">
        <v>113</v>
      </c>
    </row>
    <row r="27" spans="1:4" ht="18" customHeight="1" x14ac:dyDescent="0.15">
      <c r="A27" s="16">
        <v>18</v>
      </c>
      <c r="B27" s="29">
        <v>48</v>
      </c>
      <c r="C27" s="10">
        <v>66</v>
      </c>
      <c r="D27" s="9">
        <v>114</v>
      </c>
    </row>
    <row r="28" spans="1:4" ht="18" customHeight="1" x14ac:dyDescent="0.15">
      <c r="A28" s="16">
        <v>19</v>
      </c>
      <c r="B28" s="29">
        <v>45</v>
      </c>
      <c r="C28" s="10">
        <v>55</v>
      </c>
      <c r="D28" s="9">
        <v>100</v>
      </c>
    </row>
    <row r="29" spans="1:4" ht="18" customHeight="1" x14ac:dyDescent="0.15">
      <c r="A29" s="8" t="s">
        <v>48</v>
      </c>
      <c r="B29" s="29">
        <v>292</v>
      </c>
      <c r="C29" s="10">
        <v>281</v>
      </c>
      <c r="D29" s="9">
        <v>573</v>
      </c>
    </row>
    <row r="30" spans="1:4" ht="18" customHeight="1" x14ac:dyDescent="0.15">
      <c r="A30" s="16">
        <v>20</v>
      </c>
      <c r="B30" s="29">
        <v>52</v>
      </c>
      <c r="C30" s="10">
        <v>56</v>
      </c>
      <c r="D30" s="9">
        <v>108</v>
      </c>
    </row>
    <row r="31" spans="1:4" ht="18" customHeight="1" x14ac:dyDescent="0.15">
      <c r="A31" s="16">
        <v>21</v>
      </c>
      <c r="B31" s="29">
        <v>62</v>
      </c>
      <c r="C31" s="10">
        <v>64</v>
      </c>
      <c r="D31" s="9">
        <v>126</v>
      </c>
    </row>
    <row r="32" spans="1:4" ht="18" customHeight="1" x14ac:dyDescent="0.15">
      <c r="A32" s="16">
        <v>22</v>
      </c>
      <c r="B32" s="29">
        <v>63</v>
      </c>
      <c r="C32" s="10">
        <v>79</v>
      </c>
      <c r="D32" s="9">
        <v>142</v>
      </c>
    </row>
    <row r="33" spans="1:4" ht="18" customHeight="1" x14ac:dyDescent="0.15">
      <c r="A33" s="16">
        <v>23</v>
      </c>
      <c r="B33" s="29">
        <v>88</v>
      </c>
      <c r="C33" s="10">
        <v>77</v>
      </c>
      <c r="D33" s="9">
        <v>165</v>
      </c>
    </row>
    <row r="34" spans="1:4" ht="18" customHeight="1" x14ac:dyDescent="0.15">
      <c r="A34" s="16">
        <v>24</v>
      </c>
      <c r="B34" s="29">
        <v>74</v>
      </c>
      <c r="C34" s="10">
        <v>63</v>
      </c>
      <c r="D34" s="9">
        <v>137</v>
      </c>
    </row>
    <row r="35" spans="1:4" ht="18" customHeight="1" x14ac:dyDescent="0.15">
      <c r="A35" s="8" t="s">
        <v>74</v>
      </c>
      <c r="B35" s="29">
        <v>339</v>
      </c>
      <c r="C35" s="10">
        <v>339</v>
      </c>
      <c r="D35" s="9">
        <v>678</v>
      </c>
    </row>
    <row r="36" spans="1:4" ht="18" customHeight="1" x14ac:dyDescent="0.15">
      <c r="A36" s="16">
        <v>25</v>
      </c>
      <c r="B36" s="29">
        <v>107</v>
      </c>
      <c r="C36" s="10">
        <v>81</v>
      </c>
      <c r="D36" s="9">
        <v>188</v>
      </c>
    </row>
    <row r="37" spans="1:4" ht="18" customHeight="1" x14ac:dyDescent="0.15">
      <c r="A37" s="16">
        <v>26</v>
      </c>
      <c r="B37" s="29">
        <v>88</v>
      </c>
      <c r="C37" s="10">
        <v>79</v>
      </c>
      <c r="D37" s="9">
        <v>167</v>
      </c>
    </row>
    <row r="38" spans="1:4" ht="18" customHeight="1" x14ac:dyDescent="0.15">
      <c r="A38" s="16">
        <v>27</v>
      </c>
      <c r="B38" s="29">
        <v>87</v>
      </c>
      <c r="C38" s="10">
        <v>88</v>
      </c>
      <c r="D38" s="9">
        <v>175</v>
      </c>
    </row>
    <row r="39" spans="1:4" ht="18" customHeight="1" x14ac:dyDescent="0.15">
      <c r="A39" s="16">
        <v>28</v>
      </c>
      <c r="B39" s="29">
        <v>104</v>
      </c>
      <c r="C39" s="10">
        <v>86</v>
      </c>
      <c r="D39" s="9">
        <v>190</v>
      </c>
    </row>
    <row r="40" spans="1:4" ht="18" customHeight="1" x14ac:dyDescent="0.15">
      <c r="A40" s="16">
        <v>29</v>
      </c>
      <c r="B40" s="29">
        <v>95</v>
      </c>
      <c r="C40" s="10">
        <v>81</v>
      </c>
      <c r="D40" s="9">
        <v>176</v>
      </c>
    </row>
    <row r="41" spans="1:4" ht="18" customHeight="1" x14ac:dyDescent="0.15">
      <c r="A41" s="8" t="s">
        <v>73</v>
      </c>
      <c r="B41" s="29">
        <v>481</v>
      </c>
      <c r="C41" s="10">
        <v>415</v>
      </c>
      <c r="D41" s="9">
        <v>896</v>
      </c>
    </row>
    <row r="42" spans="1:4" ht="18" customHeight="1" x14ac:dyDescent="0.15">
      <c r="A42" s="16">
        <v>30</v>
      </c>
      <c r="B42" s="29">
        <v>84</v>
      </c>
      <c r="C42" s="10">
        <v>82</v>
      </c>
      <c r="D42" s="9">
        <v>166</v>
      </c>
    </row>
    <row r="43" spans="1:4" ht="18" customHeight="1" x14ac:dyDescent="0.15">
      <c r="A43" s="16">
        <v>31</v>
      </c>
      <c r="B43" s="29">
        <v>86</v>
      </c>
      <c r="C43" s="10">
        <v>85</v>
      </c>
      <c r="D43" s="9">
        <v>171</v>
      </c>
    </row>
    <row r="44" spans="1:4" ht="18" customHeight="1" x14ac:dyDescent="0.15">
      <c r="A44" s="16">
        <v>32</v>
      </c>
      <c r="B44" s="29">
        <v>112</v>
      </c>
      <c r="C44" s="10">
        <v>78</v>
      </c>
      <c r="D44" s="9">
        <v>190</v>
      </c>
    </row>
    <row r="45" spans="1:4" ht="18" customHeight="1" x14ac:dyDescent="0.15">
      <c r="A45" s="16">
        <v>33</v>
      </c>
      <c r="B45" s="29">
        <v>81</v>
      </c>
      <c r="C45" s="10">
        <v>74</v>
      </c>
      <c r="D45" s="9">
        <v>155</v>
      </c>
    </row>
    <row r="46" spans="1:4" ht="18" customHeight="1" x14ac:dyDescent="0.15">
      <c r="A46" s="16">
        <v>34</v>
      </c>
      <c r="B46" s="29">
        <v>77</v>
      </c>
      <c r="C46" s="10">
        <v>76</v>
      </c>
      <c r="D46" s="9">
        <v>153</v>
      </c>
    </row>
    <row r="47" spans="1:4" ht="18" customHeight="1" x14ac:dyDescent="0.15">
      <c r="A47" s="8" t="s">
        <v>156</v>
      </c>
      <c r="B47" s="29">
        <v>440</v>
      </c>
      <c r="C47" s="10">
        <v>395</v>
      </c>
      <c r="D47" s="9">
        <v>835</v>
      </c>
    </row>
    <row r="48" spans="1:4" ht="18" customHeight="1" x14ac:dyDescent="0.15">
      <c r="A48" s="16">
        <v>35</v>
      </c>
      <c r="B48" s="29">
        <v>70</v>
      </c>
      <c r="C48" s="10">
        <v>75</v>
      </c>
      <c r="D48" s="9">
        <v>145</v>
      </c>
    </row>
    <row r="49" spans="1:4" ht="18" customHeight="1" x14ac:dyDescent="0.15">
      <c r="A49" s="16">
        <v>36</v>
      </c>
      <c r="B49" s="29">
        <v>79</v>
      </c>
      <c r="C49" s="10">
        <v>67</v>
      </c>
      <c r="D49" s="9">
        <v>146</v>
      </c>
    </row>
    <row r="50" spans="1:4" ht="18" customHeight="1" x14ac:dyDescent="0.15">
      <c r="A50" s="16">
        <v>37</v>
      </c>
      <c r="B50" s="29">
        <v>99</v>
      </c>
      <c r="C50" s="10">
        <v>84</v>
      </c>
      <c r="D50" s="9">
        <v>183</v>
      </c>
    </row>
    <row r="51" spans="1:4" ht="18" customHeight="1" x14ac:dyDescent="0.15">
      <c r="A51" s="16">
        <v>38</v>
      </c>
      <c r="B51" s="29">
        <v>89</v>
      </c>
      <c r="C51" s="10">
        <v>83</v>
      </c>
      <c r="D51" s="9">
        <v>172</v>
      </c>
    </row>
    <row r="52" spans="1:4" ht="18" customHeight="1" x14ac:dyDescent="0.15">
      <c r="A52" s="16">
        <v>39</v>
      </c>
      <c r="B52" s="29">
        <v>91</v>
      </c>
      <c r="C52" s="10">
        <v>64</v>
      </c>
      <c r="D52" s="9">
        <v>155</v>
      </c>
    </row>
    <row r="53" spans="1:4" ht="18" customHeight="1" x14ac:dyDescent="0.15">
      <c r="A53" s="8" t="s">
        <v>72</v>
      </c>
      <c r="B53" s="29">
        <v>428</v>
      </c>
      <c r="C53" s="10">
        <v>373</v>
      </c>
      <c r="D53" s="9">
        <v>801</v>
      </c>
    </row>
    <row r="54" spans="1:4" ht="18" customHeight="1" x14ac:dyDescent="0.15">
      <c r="A54" s="16">
        <v>40</v>
      </c>
      <c r="B54" s="29">
        <v>98</v>
      </c>
      <c r="C54" s="10">
        <v>75</v>
      </c>
      <c r="D54" s="9">
        <v>173</v>
      </c>
    </row>
    <row r="55" spans="1:4" ht="18" customHeight="1" x14ac:dyDescent="0.15">
      <c r="A55" s="16">
        <v>41</v>
      </c>
      <c r="B55" s="29">
        <v>74</v>
      </c>
      <c r="C55" s="10">
        <v>87</v>
      </c>
      <c r="D55" s="9">
        <v>161</v>
      </c>
    </row>
    <row r="56" spans="1:4" ht="18" customHeight="1" x14ac:dyDescent="0.15">
      <c r="A56" s="16">
        <v>42</v>
      </c>
      <c r="B56" s="29">
        <v>90</v>
      </c>
      <c r="C56" s="10">
        <v>82</v>
      </c>
      <c r="D56" s="9">
        <v>172</v>
      </c>
    </row>
    <row r="57" spans="1:4" ht="18" customHeight="1" x14ac:dyDescent="0.15">
      <c r="A57" s="16">
        <v>43</v>
      </c>
      <c r="B57" s="29">
        <v>102</v>
      </c>
      <c r="C57" s="10">
        <v>87</v>
      </c>
      <c r="D57" s="9">
        <v>189</v>
      </c>
    </row>
    <row r="58" spans="1:4" ht="18" customHeight="1" x14ac:dyDescent="0.15">
      <c r="A58" s="16">
        <v>44</v>
      </c>
      <c r="B58" s="29">
        <v>105</v>
      </c>
      <c r="C58" s="10">
        <v>110</v>
      </c>
      <c r="D58" s="9">
        <v>215</v>
      </c>
    </row>
    <row r="59" spans="1:4" ht="18" customHeight="1" x14ac:dyDescent="0.15">
      <c r="A59" s="8" t="s">
        <v>46</v>
      </c>
      <c r="B59" s="29">
        <v>469</v>
      </c>
      <c r="C59" s="10">
        <v>441</v>
      </c>
      <c r="D59" s="9">
        <v>910</v>
      </c>
    </row>
    <row r="60" spans="1:4" ht="18" customHeight="1" x14ac:dyDescent="0.15">
      <c r="A60" s="16">
        <v>45</v>
      </c>
      <c r="B60" s="29">
        <v>110</v>
      </c>
      <c r="C60" s="10">
        <v>84</v>
      </c>
      <c r="D60" s="9">
        <v>194</v>
      </c>
    </row>
    <row r="61" spans="1:4" ht="18" customHeight="1" x14ac:dyDescent="0.15">
      <c r="A61" s="16">
        <v>46</v>
      </c>
      <c r="B61" s="29">
        <v>115</v>
      </c>
      <c r="C61" s="10">
        <v>104</v>
      </c>
      <c r="D61" s="9">
        <v>219</v>
      </c>
    </row>
    <row r="62" spans="1:4" ht="18" customHeight="1" x14ac:dyDescent="0.15">
      <c r="A62" s="16">
        <v>47</v>
      </c>
      <c r="B62" s="29">
        <v>113</v>
      </c>
      <c r="C62" s="10">
        <v>109</v>
      </c>
      <c r="D62" s="9">
        <v>222</v>
      </c>
    </row>
    <row r="63" spans="1:4" ht="18" customHeight="1" x14ac:dyDescent="0.15">
      <c r="A63" s="16">
        <v>48</v>
      </c>
      <c r="B63" s="29">
        <v>111</v>
      </c>
      <c r="C63" s="10">
        <v>122</v>
      </c>
      <c r="D63" s="9">
        <v>233</v>
      </c>
    </row>
    <row r="64" spans="1:4" ht="18" customHeight="1" x14ac:dyDescent="0.15">
      <c r="A64" s="16">
        <v>49</v>
      </c>
      <c r="B64" s="29">
        <v>124</v>
      </c>
      <c r="C64" s="10">
        <v>107</v>
      </c>
      <c r="D64" s="9">
        <v>231</v>
      </c>
    </row>
    <row r="65" spans="1:4" ht="18" customHeight="1" x14ac:dyDescent="0.15">
      <c r="A65" s="8" t="s">
        <v>45</v>
      </c>
      <c r="B65" s="29">
        <v>573</v>
      </c>
      <c r="C65" s="10">
        <v>526</v>
      </c>
      <c r="D65" s="9">
        <v>1099</v>
      </c>
    </row>
    <row r="66" spans="1:4" ht="18" customHeight="1" x14ac:dyDescent="0.15">
      <c r="A66" s="16">
        <v>50</v>
      </c>
      <c r="B66" s="29">
        <v>118</v>
      </c>
      <c r="C66" s="10">
        <v>121</v>
      </c>
      <c r="D66" s="9">
        <v>239</v>
      </c>
    </row>
    <row r="67" spans="1:4" ht="18" customHeight="1" x14ac:dyDescent="0.15">
      <c r="A67" s="16">
        <v>51</v>
      </c>
      <c r="B67" s="29">
        <v>107</v>
      </c>
      <c r="C67" s="10">
        <v>93</v>
      </c>
      <c r="D67" s="9">
        <v>200</v>
      </c>
    </row>
    <row r="68" spans="1:4" ht="18" customHeight="1" x14ac:dyDescent="0.15">
      <c r="A68" s="16">
        <v>52</v>
      </c>
      <c r="B68" s="29">
        <v>120</v>
      </c>
      <c r="C68" s="10">
        <v>92</v>
      </c>
      <c r="D68" s="9">
        <v>212</v>
      </c>
    </row>
    <row r="69" spans="1:4" ht="18" customHeight="1" x14ac:dyDescent="0.15">
      <c r="A69" s="16">
        <v>53</v>
      </c>
      <c r="B69" s="29">
        <v>93</v>
      </c>
      <c r="C69" s="10">
        <v>93</v>
      </c>
      <c r="D69" s="9">
        <v>186</v>
      </c>
    </row>
    <row r="70" spans="1:4" ht="18" customHeight="1" x14ac:dyDescent="0.15">
      <c r="A70" s="16">
        <v>54</v>
      </c>
      <c r="B70" s="29">
        <v>93</v>
      </c>
      <c r="C70" s="10">
        <v>85</v>
      </c>
      <c r="D70" s="9">
        <v>178</v>
      </c>
    </row>
    <row r="71" spans="1:4" ht="18" customHeight="1" x14ac:dyDescent="0.15">
      <c r="A71" s="8" t="s">
        <v>58</v>
      </c>
      <c r="B71" s="29">
        <v>531</v>
      </c>
      <c r="C71" s="10">
        <v>484</v>
      </c>
      <c r="D71" s="9">
        <v>1015</v>
      </c>
    </row>
    <row r="72" spans="1:4" ht="18" customHeight="1" x14ac:dyDescent="0.15">
      <c r="A72" s="16">
        <v>55</v>
      </c>
      <c r="B72" s="29">
        <v>86</v>
      </c>
      <c r="C72" s="10">
        <v>78</v>
      </c>
      <c r="D72" s="9">
        <v>164</v>
      </c>
    </row>
    <row r="73" spans="1:4" ht="18" customHeight="1" x14ac:dyDescent="0.15">
      <c r="A73" s="16">
        <v>56</v>
      </c>
      <c r="B73" s="29">
        <v>66</v>
      </c>
      <c r="C73" s="10">
        <v>90</v>
      </c>
      <c r="D73" s="9">
        <v>156</v>
      </c>
    </row>
    <row r="74" spans="1:4" ht="18" customHeight="1" x14ac:dyDescent="0.15">
      <c r="A74" s="16">
        <v>57</v>
      </c>
      <c r="B74" s="29">
        <v>83</v>
      </c>
      <c r="C74" s="10">
        <v>88</v>
      </c>
      <c r="D74" s="9">
        <v>171</v>
      </c>
    </row>
    <row r="75" spans="1:4" ht="18" customHeight="1" x14ac:dyDescent="0.15">
      <c r="A75" s="16">
        <v>58</v>
      </c>
      <c r="B75" s="29">
        <v>76</v>
      </c>
      <c r="C75" s="10">
        <v>91</v>
      </c>
      <c r="D75" s="9">
        <v>167</v>
      </c>
    </row>
    <row r="76" spans="1:4" ht="18" customHeight="1" x14ac:dyDescent="0.15">
      <c r="A76" s="16">
        <v>59</v>
      </c>
      <c r="B76" s="29">
        <v>88</v>
      </c>
      <c r="C76" s="10">
        <v>83</v>
      </c>
      <c r="D76" s="9">
        <v>171</v>
      </c>
    </row>
    <row r="77" spans="1:4" ht="18" customHeight="1" x14ac:dyDescent="0.15">
      <c r="A77" s="8" t="s">
        <v>71</v>
      </c>
      <c r="B77" s="29">
        <v>399</v>
      </c>
      <c r="C77" s="10">
        <v>430</v>
      </c>
      <c r="D77" s="9">
        <v>829</v>
      </c>
    </row>
    <row r="78" spans="1:4" ht="18" customHeight="1" x14ac:dyDescent="0.15">
      <c r="A78" s="16">
        <v>60</v>
      </c>
      <c r="B78" s="29">
        <v>66</v>
      </c>
      <c r="C78" s="10">
        <v>79</v>
      </c>
      <c r="D78" s="9">
        <v>145</v>
      </c>
    </row>
    <row r="79" spans="1:4" ht="18" customHeight="1" x14ac:dyDescent="0.15">
      <c r="A79" s="16">
        <v>61</v>
      </c>
      <c r="B79" s="29">
        <v>59</v>
      </c>
      <c r="C79" s="10">
        <v>59</v>
      </c>
      <c r="D79" s="9">
        <v>118</v>
      </c>
    </row>
    <row r="80" spans="1:4" ht="18" customHeight="1" x14ac:dyDescent="0.15">
      <c r="A80" s="16">
        <v>62</v>
      </c>
      <c r="B80" s="29">
        <v>70</v>
      </c>
      <c r="C80" s="10">
        <v>67</v>
      </c>
      <c r="D80" s="9">
        <v>137</v>
      </c>
    </row>
    <row r="81" spans="1:4" ht="18" customHeight="1" x14ac:dyDescent="0.15">
      <c r="A81" s="16">
        <v>63</v>
      </c>
      <c r="B81" s="29">
        <v>77</v>
      </c>
      <c r="C81" s="10">
        <v>82</v>
      </c>
      <c r="D81" s="9">
        <v>159</v>
      </c>
    </row>
    <row r="82" spans="1:4" ht="18" customHeight="1" x14ac:dyDescent="0.15">
      <c r="A82" s="16">
        <v>64</v>
      </c>
      <c r="B82" s="29">
        <v>60</v>
      </c>
      <c r="C82" s="10">
        <v>79</v>
      </c>
      <c r="D82" s="9">
        <v>139</v>
      </c>
    </row>
    <row r="83" spans="1:4" ht="18" customHeight="1" x14ac:dyDescent="0.15">
      <c r="A83" s="8" t="s">
        <v>44</v>
      </c>
      <c r="B83" s="29">
        <v>332</v>
      </c>
      <c r="C83" s="10">
        <v>366</v>
      </c>
      <c r="D83" s="9">
        <v>698</v>
      </c>
    </row>
    <row r="84" spans="1:4" ht="18" customHeight="1" x14ac:dyDescent="0.15">
      <c r="A84" s="8" t="s">
        <v>43</v>
      </c>
      <c r="B84" s="29">
        <v>4284</v>
      </c>
      <c r="C84" s="10">
        <v>4050</v>
      </c>
      <c r="D84" s="9">
        <v>8334</v>
      </c>
    </row>
    <row r="85" spans="1:4" ht="18" customHeight="1" x14ac:dyDescent="0.15">
      <c r="A85" s="16">
        <v>65</v>
      </c>
      <c r="B85" s="29">
        <v>72</v>
      </c>
      <c r="C85" s="10">
        <v>65</v>
      </c>
      <c r="D85" s="9">
        <v>137</v>
      </c>
    </row>
    <row r="86" spans="1:4" ht="18" customHeight="1" x14ac:dyDescent="0.15">
      <c r="A86" s="16">
        <v>66</v>
      </c>
      <c r="B86" s="29">
        <v>62</v>
      </c>
      <c r="C86" s="10">
        <v>63</v>
      </c>
      <c r="D86" s="9">
        <v>125</v>
      </c>
    </row>
    <row r="87" spans="1:4" ht="18" customHeight="1" x14ac:dyDescent="0.15">
      <c r="A87" s="16">
        <v>67</v>
      </c>
      <c r="B87" s="29">
        <v>66</v>
      </c>
      <c r="C87" s="10">
        <v>92</v>
      </c>
      <c r="D87" s="9">
        <v>158</v>
      </c>
    </row>
    <row r="88" spans="1:4" ht="18" customHeight="1" x14ac:dyDescent="0.15">
      <c r="A88" s="16">
        <v>68</v>
      </c>
      <c r="B88" s="29">
        <v>69</v>
      </c>
      <c r="C88" s="10">
        <v>83</v>
      </c>
      <c r="D88" s="9">
        <v>152</v>
      </c>
    </row>
    <row r="89" spans="1:4" ht="18" customHeight="1" x14ac:dyDescent="0.15">
      <c r="A89" s="16">
        <v>69</v>
      </c>
      <c r="B89" s="29">
        <v>67</v>
      </c>
      <c r="C89" s="10">
        <v>92</v>
      </c>
      <c r="D89" s="9">
        <v>159</v>
      </c>
    </row>
    <row r="90" spans="1:4" ht="18" customHeight="1" x14ac:dyDescent="0.15">
      <c r="A90" s="8" t="s">
        <v>42</v>
      </c>
      <c r="B90" s="29">
        <v>336</v>
      </c>
      <c r="C90" s="10">
        <v>395</v>
      </c>
      <c r="D90" s="9">
        <v>731</v>
      </c>
    </row>
    <row r="91" spans="1:4" ht="18" customHeight="1" x14ac:dyDescent="0.15">
      <c r="A91" s="16">
        <v>70</v>
      </c>
      <c r="B91" s="29">
        <v>72</v>
      </c>
      <c r="C91" s="10">
        <v>70</v>
      </c>
      <c r="D91" s="9">
        <v>142</v>
      </c>
    </row>
    <row r="92" spans="1:4" ht="18" customHeight="1" x14ac:dyDescent="0.15">
      <c r="A92" s="16">
        <v>71</v>
      </c>
      <c r="B92" s="29">
        <v>82</v>
      </c>
      <c r="C92" s="10">
        <v>67</v>
      </c>
      <c r="D92" s="9">
        <v>149</v>
      </c>
    </row>
    <row r="93" spans="1:4" ht="18" customHeight="1" x14ac:dyDescent="0.15">
      <c r="A93" s="16">
        <v>72</v>
      </c>
      <c r="B93" s="29">
        <v>79</v>
      </c>
      <c r="C93" s="10">
        <v>101</v>
      </c>
      <c r="D93" s="9">
        <v>180</v>
      </c>
    </row>
    <row r="94" spans="1:4" ht="18" customHeight="1" x14ac:dyDescent="0.15">
      <c r="A94" s="16">
        <v>73</v>
      </c>
      <c r="B94" s="29">
        <v>95</v>
      </c>
      <c r="C94" s="10">
        <v>89</v>
      </c>
      <c r="D94" s="9">
        <v>184</v>
      </c>
    </row>
    <row r="95" spans="1:4" ht="18" customHeight="1" x14ac:dyDescent="0.15">
      <c r="A95" s="16">
        <v>74</v>
      </c>
      <c r="B95" s="29">
        <v>89</v>
      </c>
      <c r="C95" s="10">
        <v>89</v>
      </c>
      <c r="D95" s="9">
        <v>178</v>
      </c>
    </row>
    <row r="96" spans="1:4" ht="18" customHeight="1" x14ac:dyDescent="0.15">
      <c r="A96" s="8" t="s">
        <v>41</v>
      </c>
      <c r="B96" s="29">
        <v>417</v>
      </c>
      <c r="C96" s="10">
        <v>416</v>
      </c>
      <c r="D96" s="9">
        <v>833</v>
      </c>
    </row>
    <row r="97" spans="1:4" ht="18" customHeight="1" x14ac:dyDescent="0.15">
      <c r="A97" s="16">
        <v>75</v>
      </c>
      <c r="B97" s="29">
        <v>97</v>
      </c>
      <c r="C97" s="10">
        <v>93</v>
      </c>
      <c r="D97" s="9">
        <v>190</v>
      </c>
    </row>
    <row r="98" spans="1:4" ht="18" customHeight="1" x14ac:dyDescent="0.15">
      <c r="A98" s="16">
        <v>76</v>
      </c>
      <c r="B98" s="29">
        <v>61</v>
      </c>
      <c r="C98" s="10">
        <v>85</v>
      </c>
      <c r="D98" s="9">
        <v>146</v>
      </c>
    </row>
    <row r="99" spans="1:4" ht="18" customHeight="1" x14ac:dyDescent="0.15">
      <c r="A99" s="16">
        <v>77</v>
      </c>
      <c r="B99" s="29">
        <v>54</v>
      </c>
      <c r="C99" s="10">
        <v>54</v>
      </c>
      <c r="D99" s="9">
        <v>108</v>
      </c>
    </row>
    <row r="100" spans="1:4" ht="18" customHeight="1" x14ac:dyDescent="0.15">
      <c r="A100" s="16">
        <v>78</v>
      </c>
      <c r="B100" s="29">
        <v>54</v>
      </c>
      <c r="C100" s="10">
        <v>79</v>
      </c>
      <c r="D100" s="9">
        <v>133</v>
      </c>
    </row>
    <row r="101" spans="1:4" ht="18" customHeight="1" x14ac:dyDescent="0.15">
      <c r="A101" s="16">
        <v>79</v>
      </c>
      <c r="B101" s="29">
        <v>58</v>
      </c>
      <c r="C101" s="10">
        <v>101</v>
      </c>
      <c r="D101" s="9">
        <v>159</v>
      </c>
    </row>
    <row r="102" spans="1:4" ht="18" customHeight="1" x14ac:dyDescent="0.15">
      <c r="A102" s="8" t="s">
        <v>70</v>
      </c>
      <c r="B102" s="29">
        <v>324</v>
      </c>
      <c r="C102" s="10">
        <v>412</v>
      </c>
      <c r="D102" s="9">
        <v>736</v>
      </c>
    </row>
    <row r="103" spans="1:4" ht="18" customHeight="1" x14ac:dyDescent="0.15">
      <c r="A103" s="16">
        <v>80</v>
      </c>
      <c r="B103" s="29">
        <v>51</v>
      </c>
      <c r="C103" s="10">
        <v>68</v>
      </c>
      <c r="D103" s="9">
        <v>119</v>
      </c>
    </row>
    <row r="104" spans="1:4" ht="18" customHeight="1" x14ac:dyDescent="0.15">
      <c r="A104" s="16">
        <v>81</v>
      </c>
      <c r="B104" s="29">
        <v>43</v>
      </c>
      <c r="C104" s="10">
        <v>94</v>
      </c>
      <c r="D104" s="9">
        <v>137</v>
      </c>
    </row>
    <row r="105" spans="1:4" ht="18" customHeight="1" x14ac:dyDescent="0.15">
      <c r="A105" s="16">
        <v>82</v>
      </c>
      <c r="B105" s="29">
        <v>52</v>
      </c>
      <c r="C105" s="10">
        <v>80</v>
      </c>
      <c r="D105" s="9">
        <v>132</v>
      </c>
    </row>
    <row r="106" spans="1:4" ht="18" customHeight="1" x14ac:dyDescent="0.15">
      <c r="A106" s="16">
        <v>83</v>
      </c>
      <c r="B106" s="29">
        <v>48</v>
      </c>
      <c r="C106" s="10">
        <v>64</v>
      </c>
      <c r="D106" s="9">
        <v>112</v>
      </c>
    </row>
    <row r="107" spans="1:4" ht="18" customHeight="1" x14ac:dyDescent="0.15">
      <c r="A107" s="16">
        <v>84</v>
      </c>
      <c r="B107" s="29">
        <v>29</v>
      </c>
      <c r="C107" s="10">
        <v>45</v>
      </c>
      <c r="D107" s="9">
        <v>74</v>
      </c>
    </row>
    <row r="108" spans="1:4" ht="18" customHeight="1" x14ac:dyDescent="0.15">
      <c r="A108" s="8" t="s">
        <v>39</v>
      </c>
      <c r="B108" s="29">
        <v>223</v>
      </c>
      <c r="C108" s="10">
        <v>351</v>
      </c>
      <c r="D108" s="9">
        <v>574</v>
      </c>
    </row>
    <row r="109" spans="1:4" ht="18" customHeight="1" x14ac:dyDescent="0.15">
      <c r="A109" s="16">
        <v>85</v>
      </c>
      <c r="B109" s="29">
        <v>33</v>
      </c>
      <c r="C109" s="10">
        <v>71</v>
      </c>
      <c r="D109" s="9">
        <v>104</v>
      </c>
    </row>
    <row r="110" spans="1:4" ht="18" customHeight="1" x14ac:dyDescent="0.15">
      <c r="A110" s="16">
        <v>86</v>
      </c>
      <c r="B110" s="29">
        <v>31</v>
      </c>
      <c r="C110" s="10">
        <v>56</v>
      </c>
      <c r="D110" s="9">
        <v>87</v>
      </c>
    </row>
    <row r="111" spans="1:4" ht="18" customHeight="1" x14ac:dyDescent="0.15">
      <c r="A111" s="16">
        <v>87</v>
      </c>
      <c r="B111" s="29">
        <v>32</v>
      </c>
      <c r="C111" s="10">
        <v>57</v>
      </c>
      <c r="D111" s="9">
        <v>89</v>
      </c>
    </row>
    <row r="112" spans="1:4" ht="18" customHeight="1" x14ac:dyDescent="0.15">
      <c r="A112" s="16">
        <v>88</v>
      </c>
      <c r="B112" s="29">
        <v>19</v>
      </c>
      <c r="C112" s="10">
        <v>40</v>
      </c>
      <c r="D112" s="9">
        <v>59</v>
      </c>
    </row>
    <row r="113" spans="1:4" ht="18" customHeight="1" x14ac:dyDescent="0.15">
      <c r="A113" s="16">
        <v>89</v>
      </c>
      <c r="B113" s="29">
        <v>14</v>
      </c>
      <c r="C113" s="10">
        <v>30</v>
      </c>
      <c r="D113" s="9">
        <v>44</v>
      </c>
    </row>
    <row r="114" spans="1:4" ht="18" customHeight="1" x14ac:dyDescent="0.15">
      <c r="A114" s="8" t="s">
        <v>38</v>
      </c>
      <c r="B114" s="29">
        <v>129</v>
      </c>
      <c r="C114" s="10">
        <v>254</v>
      </c>
      <c r="D114" s="9">
        <v>383</v>
      </c>
    </row>
    <row r="115" spans="1:4" ht="18" customHeight="1" x14ac:dyDescent="0.15">
      <c r="A115" s="16">
        <v>90</v>
      </c>
      <c r="B115" s="29">
        <v>19</v>
      </c>
      <c r="C115" s="10">
        <v>44</v>
      </c>
      <c r="D115" s="9">
        <v>63</v>
      </c>
    </row>
    <row r="116" spans="1:4" ht="18" customHeight="1" x14ac:dyDescent="0.15">
      <c r="A116" s="16">
        <v>91</v>
      </c>
      <c r="B116" s="29">
        <v>9</v>
      </c>
      <c r="C116" s="10">
        <v>29</v>
      </c>
      <c r="D116" s="9">
        <v>38</v>
      </c>
    </row>
    <row r="117" spans="1:4" ht="18" customHeight="1" x14ac:dyDescent="0.15">
      <c r="A117" s="16">
        <v>92</v>
      </c>
      <c r="B117" s="29">
        <v>10</v>
      </c>
      <c r="C117" s="10">
        <v>28</v>
      </c>
      <c r="D117" s="9">
        <v>38</v>
      </c>
    </row>
    <row r="118" spans="1:4" ht="18" customHeight="1" x14ac:dyDescent="0.15">
      <c r="A118" s="16">
        <v>93</v>
      </c>
      <c r="B118" s="29">
        <v>3</v>
      </c>
      <c r="C118" s="10">
        <v>20</v>
      </c>
      <c r="D118" s="9">
        <v>23</v>
      </c>
    </row>
    <row r="119" spans="1:4" ht="18" customHeight="1" x14ac:dyDescent="0.15">
      <c r="A119" s="16">
        <v>94</v>
      </c>
      <c r="B119" s="29">
        <v>3</v>
      </c>
      <c r="C119" s="10">
        <v>14</v>
      </c>
      <c r="D119" s="9">
        <v>17</v>
      </c>
    </row>
    <row r="120" spans="1:4" ht="18" customHeight="1" x14ac:dyDescent="0.15">
      <c r="A120" s="8" t="s">
        <v>69</v>
      </c>
      <c r="B120" s="29">
        <v>44</v>
      </c>
      <c r="C120" s="10">
        <v>135</v>
      </c>
      <c r="D120" s="9">
        <v>179</v>
      </c>
    </row>
    <row r="121" spans="1:4" ht="18" customHeight="1" x14ac:dyDescent="0.15">
      <c r="A121" s="16">
        <v>95</v>
      </c>
      <c r="B121" s="29">
        <v>3</v>
      </c>
      <c r="C121" s="10">
        <v>15</v>
      </c>
      <c r="D121" s="9">
        <v>18</v>
      </c>
    </row>
    <row r="122" spans="1:4" ht="18" customHeight="1" x14ac:dyDescent="0.15">
      <c r="A122" s="16">
        <v>96</v>
      </c>
      <c r="B122" s="29">
        <v>5</v>
      </c>
      <c r="C122" s="10">
        <v>9</v>
      </c>
      <c r="D122" s="9">
        <v>14</v>
      </c>
    </row>
    <row r="123" spans="1:4" ht="18" customHeight="1" x14ac:dyDescent="0.15">
      <c r="A123" s="16">
        <v>97</v>
      </c>
      <c r="B123" s="29">
        <v>1</v>
      </c>
      <c r="C123" s="10">
        <v>8</v>
      </c>
      <c r="D123" s="9">
        <v>9</v>
      </c>
    </row>
    <row r="124" spans="1:4" ht="18" customHeight="1" x14ac:dyDescent="0.15">
      <c r="A124" s="16">
        <v>98</v>
      </c>
      <c r="B124" s="29">
        <v>0</v>
      </c>
      <c r="C124" s="10">
        <v>5</v>
      </c>
      <c r="D124" s="9">
        <v>5</v>
      </c>
    </row>
    <row r="125" spans="1:4" ht="18" customHeight="1" x14ac:dyDescent="0.15">
      <c r="A125" s="16">
        <v>99</v>
      </c>
      <c r="B125" s="29">
        <v>0</v>
      </c>
      <c r="C125" s="10">
        <v>8</v>
      </c>
      <c r="D125" s="9">
        <v>8</v>
      </c>
    </row>
    <row r="126" spans="1:4" ht="18" customHeight="1" x14ac:dyDescent="0.15">
      <c r="A126" s="8" t="s">
        <v>68</v>
      </c>
      <c r="B126" s="29">
        <v>9</v>
      </c>
      <c r="C126" s="10">
        <v>45</v>
      </c>
      <c r="D126" s="9">
        <v>54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155</v>
      </c>
      <c r="B128" s="29">
        <v>2</v>
      </c>
      <c r="C128" s="10">
        <v>3</v>
      </c>
      <c r="D128" s="9">
        <v>5</v>
      </c>
    </row>
    <row r="129" spans="1:4" ht="18" customHeight="1" x14ac:dyDescent="0.15">
      <c r="A129" s="8" t="s">
        <v>36</v>
      </c>
      <c r="B129" s="29">
        <v>2</v>
      </c>
      <c r="C129" s="10">
        <v>6</v>
      </c>
      <c r="D129" s="9">
        <v>8</v>
      </c>
    </row>
    <row r="130" spans="1:4" ht="18" customHeight="1" x14ac:dyDescent="0.15">
      <c r="A130" s="8" t="s">
        <v>35</v>
      </c>
      <c r="B130" s="28">
        <v>1484</v>
      </c>
      <c r="C130" s="6">
        <v>2014</v>
      </c>
      <c r="D130" s="5">
        <v>3498</v>
      </c>
    </row>
    <row r="131" spans="1:4" ht="18" customHeight="1" x14ac:dyDescent="0.15">
      <c r="A131" s="4" t="s">
        <v>0</v>
      </c>
      <c r="B131" s="27">
        <v>6639</v>
      </c>
      <c r="C131" s="2">
        <v>6904</v>
      </c>
      <c r="D131" s="1">
        <v>1354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5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41</v>
      </c>
      <c r="C5" s="18">
        <v>32</v>
      </c>
      <c r="D5" s="17">
        <v>73</v>
      </c>
    </row>
    <row r="6" spans="1:4" ht="18" customHeight="1" x14ac:dyDescent="0.15">
      <c r="A6" s="16">
        <v>1</v>
      </c>
      <c r="B6" s="29">
        <v>44</v>
      </c>
      <c r="C6" s="10">
        <v>32</v>
      </c>
      <c r="D6" s="9">
        <v>76</v>
      </c>
    </row>
    <row r="7" spans="1:4" ht="18" customHeight="1" x14ac:dyDescent="0.15">
      <c r="A7" s="16">
        <v>2</v>
      </c>
      <c r="B7" s="29">
        <v>33</v>
      </c>
      <c r="C7" s="10">
        <v>25</v>
      </c>
      <c r="D7" s="9">
        <v>58</v>
      </c>
    </row>
    <row r="8" spans="1:4" ht="18" customHeight="1" x14ac:dyDescent="0.15">
      <c r="A8" s="16">
        <v>3</v>
      </c>
      <c r="B8" s="29">
        <v>33</v>
      </c>
      <c r="C8" s="10">
        <v>38</v>
      </c>
      <c r="D8" s="9">
        <v>71</v>
      </c>
    </row>
    <row r="9" spans="1:4" ht="18" customHeight="1" x14ac:dyDescent="0.15">
      <c r="A9" s="16">
        <v>4</v>
      </c>
      <c r="B9" s="29">
        <v>25</v>
      </c>
      <c r="C9" s="10">
        <v>32</v>
      </c>
      <c r="D9" s="9">
        <v>57</v>
      </c>
    </row>
    <row r="10" spans="1:4" ht="18" customHeight="1" x14ac:dyDescent="0.15">
      <c r="A10" s="8" t="s">
        <v>76</v>
      </c>
      <c r="B10" s="29">
        <v>176</v>
      </c>
      <c r="C10" s="10">
        <v>159</v>
      </c>
      <c r="D10" s="9">
        <v>335</v>
      </c>
    </row>
    <row r="11" spans="1:4" ht="18" customHeight="1" x14ac:dyDescent="0.15">
      <c r="A11" s="16">
        <v>5</v>
      </c>
      <c r="B11" s="29">
        <v>32</v>
      </c>
      <c r="C11" s="10">
        <v>33</v>
      </c>
      <c r="D11" s="9">
        <v>65</v>
      </c>
    </row>
    <row r="12" spans="1:4" ht="18" customHeight="1" x14ac:dyDescent="0.15">
      <c r="A12" s="16">
        <v>6</v>
      </c>
      <c r="B12" s="29">
        <v>42</v>
      </c>
      <c r="C12" s="10">
        <v>26</v>
      </c>
      <c r="D12" s="9">
        <v>68</v>
      </c>
    </row>
    <row r="13" spans="1:4" ht="18" customHeight="1" x14ac:dyDescent="0.15">
      <c r="A13" s="16">
        <v>7</v>
      </c>
      <c r="B13" s="29">
        <v>35</v>
      </c>
      <c r="C13" s="10">
        <v>32</v>
      </c>
      <c r="D13" s="9">
        <v>67</v>
      </c>
    </row>
    <row r="14" spans="1:4" ht="18" customHeight="1" x14ac:dyDescent="0.15">
      <c r="A14" s="16">
        <v>8</v>
      </c>
      <c r="B14" s="29">
        <v>29</v>
      </c>
      <c r="C14" s="10">
        <v>32</v>
      </c>
      <c r="D14" s="9">
        <v>61</v>
      </c>
    </row>
    <row r="15" spans="1:4" ht="18" customHeight="1" x14ac:dyDescent="0.15">
      <c r="A15" s="16">
        <v>9</v>
      </c>
      <c r="B15" s="29">
        <v>34</v>
      </c>
      <c r="C15" s="10">
        <v>31</v>
      </c>
      <c r="D15" s="9">
        <v>65</v>
      </c>
    </row>
    <row r="16" spans="1:4" ht="18" customHeight="1" x14ac:dyDescent="0.15">
      <c r="A16" s="8" t="s">
        <v>50</v>
      </c>
      <c r="B16" s="29">
        <v>172</v>
      </c>
      <c r="C16" s="10">
        <v>154</v>
      </c>
      <c r="D16" s="9">
        <v>326</v>
      </c>
    </row>
    <row r="17" spans="1:4" ht="18" customHeight="1" x14ac:dyDescent="0.15">
      <c r="A17" s="16">
        <v>10</v>
      </c>
      <c r="B17" s="29">
        <v>23</v>
      </c>
      <c r="C17" s="10">
        <v>27</v>
      </c>
      <c r="D17" s="9">
        <v>50</v>
      </c>
    </row>
    <row r="18" spans="1:4" ht="18" customHeight="1" x14ac:dyDescent="0.15">
      <c r="A18" s="16">
        <v>11</v>
      </c>
      <c r="B18" s="29">
        <v>23</v>
      </c>
      <c r="C18" s="10">
        <v>27</v>
      </c>
      <c r="D18" s="9">
        <v>50</v>
      </c>
    </row>
    <row r="19" spans="1:4" ht="18" customHeight="1" x14ac:dyDescent="0.15">
      <c r="A19" s="16">
        <v>12</v>
      </c>
      <c r="B19" s="29">
        <v>24</v>
      </c>
      <c r="C19" s="10">
        <v>21</v>
      </c>
      <c r="D19" s="9">
        <v>45</v>
      </c>
    </row>
    <row r="20" spans="1:4" ht="18" customHeight="1" x14ac:dyDescent="0.15">
      <c r="A20" s="16">
        <v>13</v>
      </c>
      <c r="B20" s="29">
        <v>14</v>
      </c>
      <c r="C20" s="10">
        <v>20</v>
      </c>
      <c r="D20" s="9">
        <v>34</v>
      </c>
    </row>
    <row r="21" spans="1:4" ht="18" customHeight="1" x14ac:dyDescent="0.15">
      <c r="A21" s="16">
        <v>14</v>
      </c>
      <c r="B21" s="29">
        <v>21</v>
      </c>
      <c r="C21" s="10">
        <v>17</v>
      </c>
      <c r="D21" s="9">
        <v>38</v>
      </c>
    </row>
    <row r="22" spans="1:4" ht="18" customHeight="1" x14ac:dyDescent="0.15">
      <c r="A22" s="8" t="s">
        <v>75</v>
      </c>
      <c r="B22" s="29">
        <v>105</v>
      </c>
      <c r="C22" s="10">
        <v>112</v>
      </c>
      <c r="D22" s="9">
        <v>217</v>
      </c>
    </row>
    <row r="23" spans="1:4" ht="18" customHeight="1" x14ac:dyDescent="0.15">
      <c r="A23" s="8" t="s">
        <v>65</v>
      </c>
      <c r="B23" s="29">
        <v>453</v>
      </c>
      <c r="C23" s="10">
        <v>425</v>
      </c>
      <c r="D23" s="9">
        <v>878</v>
      </c>
    </row>
    <row r="24" spans="1:4" ht="18" customHeight="1" x14ac:dyDescent="0.15">
      <c r="A24" s="16">
        <v>15</v>
      </c>
      <c r="B24" s="29">
        <v>32</v>
      </c>
      <c r="C24" s="10">
        <v>17</v>
      </c>
      <c r="D24" s="9">
        <v>49</v>
      </c>
    </row>
    <row r="25" spans="1:4" ht="18" customHeight="1" x14ac:dyDescent="0.15">
      <c r="A25" s="16">
        <v>16</v>
      </c>
      <c r="B25" s="29">
        <v>16</v>
      </c>
      <c r="C25" s="10">
        <v>17</v>
      </c>
      <c r="D25" s="9">
        <v>33</v>
      </c>
    </row>
    <row r="26" spans="1:4" ht="18" customHeight="1" x14ac:dyDescent="0.15">
      <c r="A26" s="16">
        <v>17</v>
      </c>
      <c r="B26" s="29">
        <v>13</v>
      </c>
      <c r="C26" s="10">
        <v>18</v>
      </c>
      <c r="D26" s="9">
        <v>31</v>
      </c>
    </row>
    <row r="27" spans="1:4" ht="18" customHeight="1" x14ac:dyDescent="0.15">
      <c r="A27" s="16">
        <v>18</v>
      </c>
      <c r="B27" s="29">
        <v>16</v>
      </c>
      <c r="C27" s="10">
        <v>17</v>
      </c>
      <c r="D27" s="9">
        <v>33</v>
      </c>
    </row>
    <row r="28" spans="1:4" ht="18" customHeight="1" x14ac:dyDescent="0.15">
      <c r="A28" s="16">
        <v>19</v>
      </c>
      <c r="B28" s="29">
        <v>25</v>
      </c>
      <c r="C28" s="10">
        <v>23</v>
      </c>
      <c r="D28" s="9">
        <v>48</v>
      </c>
    </row>
    <row r="29" spans="1:4" ht="18" customHeight="1" x14ac:dyDescent="0.15">
      <c r="A29" s="8" t="s">
        <v>48</v>
      </c>
      <c r="B29" s="29">
        <v>102</v>
      </c>
      <c r="C29" s="10">
        <v>92</v>
      </c>
      <c r="D29" s="9">
        <v>194</v>
      </c>
    </row>
    <row r="30" spans="1:4" ht="18" customHeight="1" x14ac:dyDescent="0.15">
      <c r="A30" s="16">
        <v>20</v>
      </c>
      <c r="B30" s="29">
        <v>24</v>
      </c>
      <c r="C30" s="10">
        <v>28</v>
      </c>
      <c r="D30" s="9">
        <v>52</v>
      </c>
    </row>
    <row r="31" spans="1:4" ht="18" customHeight="1" x14ac:dyDescent="0.15">
      <c r="A31" s="16">
        <v>21</v>
      </c>
      <c r="B31" s="29">
        <v>29</v>
      </c>
      <c r="C31" s="10">
        <v>26</v>
      </c>
      <c r="D31" s="9">
        <v>55</v>
      </c>
    </row>
    <row r="32" spans="1:4" ht="18" customHeight="1" x14ac:dyDescent="0.15">
      <c r="A32" s="16">
        <v>22</v>
      </c>
      <c r="B32" s="29">
        <v>29</v>
      </c>
      <c r="C32" s="10">
        <v>29</v>
      </c>
      <c r="D32" s="9">
        <v>58</v>
      </c>
    </row>
    <row r="33" spans="1:4" ht="18" customHeight="1" x14ac:dyDescent="0.15">
      <c r="A33" s="16">
        <v>23</v>
      </c>
      <c r="B33" s="29">
        <v>30</v>
      </c>
      <c r="C33" s="10">
        <v>40</v>
      </c>
      <c r="D33" s="9">
        <v>70</v>
      </c>
    </row>
    <row r="34" spans="1:4" ht="18" customHeight="1" x14ac:dyDescent="0.15">
      <c r="A34" s="16">
        <v>24</v>
      </c>
      <c r="B34" s="29">
        <v>33</v>
      </c>
      <c r="C34" s="10">
        <v>28</v>
      </c>
      <c r="D34" s="9">
        <v>61</v>
      </c>
    </row>
    <row r="35" spans="1:4" ht="18" customHeight="1" x14ac:dyDescent="0.15">
      <c r="A35" s="8" t="s">
        <v>20</v>
      </c>
      <c r="B35" s="29">
        <v>145</v>
      </c>
      <c r="C35" s="10">
        <v>151</v>
      </c>
      <c r="D35" s="9">
        <v>296</v>
      </c>
    </row>
    <row r="36" spans="1:4" ht="18" customHeight="1" x14ac:dyDescent="0.15">
      <c r="A36" s="16">
        <v>25</v>
      </c>
      <c r="B36" s="29">
        <v>47</v>
      </c>
      <c r="C36" s="10">
        <v>35</v>
      </c>
      <c r="D36" s="9">
        <v>82</v>
      </c>
    </row>
    <row r="37" spans="1:4" ht="18" customHeight="1" x14ac:dyDescent="0.15">
      <c r="A37" s="16">
        <v>26</v>
      </c>
      <c r="B37" s="29">
        <v>42</v>
      </c>
      <c r="C37" s="10">
        <v>38</v>
      </c>
      <c r="D37" s="9">
        <v>80</v>
      </c>
    </row>
    <row r="38" spans="1:4" ht="18" customHeight="1" x14ac:dyDescent="0.15">
      <c r="A38" s="16">
        <v>27</v>
      </c>
      <c r="B38" s="29">
        <v>40</v>
      </c>
      <c r="C38" s="10">
        <v>45</v>
      </c>
      <c r="D38" s="9">
        <v>85</v>
      </c>
    </row>
    <row r="39" spans="1:4" ht="18" customHeight="1" x14ac:dyDescent="0.15">
      <c r="A39" s="16">
        <v>28</v>
      </c>
      <c r="B39" s="29">
        <v>53</v>
      </c>
      <c r="C39" s="10">
        <v>40</v>
      </c>
      <c r="D39" s="9">
        <v>93</v>
      </c>
    </row>
    <row r="40" spans="1:4" ht="18" customHeight="1" x14ac:dyDescent="0.15">
      <c r="A40" s="16">
        <v>29</v>
      </c>
      <c r="B40" s="29">
        <v>43</v>
      </c>
      <c r="C40" s="10">
        <v>46</v>
      </c>
      <c r="D40" s="9">
        <v>89</v>
      </c>
    </row>
    <row r="41" spans="1:4" ht="18" customHeight="1" x14ac:dyDescent="0.15">
      <c r="A41" s="8" t="s">
        <v>73</v>
      </c>
      <c r="B41" s="29">
        <v>225</v>
      </c>
      <c r="C41" s="10">
        <v>204</v>
      </c>
      <c r="D41" s="9">
        <v>429</v>
      </c>
    </row>
    <row r="42" spans="1:4" ht="18" customHeight="1" x14ac:dyDescent="0.15">
      <c r="A42" s="16">
        <v>30</v>
      </c>
      <c r="B42" s="29">
        <v>43</v>
      </c>
      <c r="C42" s="10">
        <v>51</v>
      </c>
      <c r="D42" s="9">
        <v>94</v>
      </c>
    </row>
    <row r="43" spans="1:4" ht="18" customHeight="1" x14ac:dyDescent="0.15">
      <c r="A43" s="16">
        <v>31</v>
      </c>
      <c r="B43" s="29">
        <v>62</v>
      </c>
      <c r="C43" s="10">
        <v>46</v>
      </c>
      <c r="D43" s="9">
        <v>108</v>
      </c>
    </row>
    <row r="44" spans="1:4" ht="18" customHeight="1" x14ac:dyDescent="0.15">
      <c r="A44" s="16">
        <v>32</v>
      </c>
      <c r="B44" s="29">
        <v>38</v>
      </c>
      <c r="C44" s="10">
        <v>42</v>
      </c>
      <c r="D44" s="9">
        <v>80</v>
      </c>
    </row>
    <row r="45" spans="1:4" ht="18" customHeight="1" x14ac:dyDescent="0.15">
      <c r="A45" s="16">
        <v>33</v>
      </c>
      <c r="B45" s="29">
        <v>47</v>
      </c>
      <c r="C45" s="10">
        <v>39</v>
      </c>
      <c r="D45" s="9">
        <v>86</v>
      </c>
    </row>
    <row r="46" spans="1:4" ht="18" customHeight="1" x14ac:dyDescent="0.15">
      <c r="A46" s="16">
        <v>34</v>
      </c>
      <c r="B46" s="29">
        <v>46</v>
      </c>
      <c r="C46" s="10">
        <v>46</v>
      </c>
      <c r="D46" s="9">
        <v>92</v>
      </c>
    </row>
    <row r="47" spans="1:4" ht="18" customHeight="1" x14ac:dyDescent="0.15">
      <c r="A47" s="8" t="s">
        <v>61</v>
      </c>
      <c r="B47" s="29">
        <v>236</v>
      </c>
      <c r="C47" s="10">
        <v>224</v>
      </c>
      <c r="D47" s="9">
        <v>460</v>
      </c>
    </row>
    <row r="48" spans="1:4" ht="18" customHeight="1" x14ac:dyDescent="0.15">
      <c r="A48" s="16">
        <v>35</v>
      </c>
      <c r="B48" s="29">
        <v>49</v>
      </c>
      <c r="C48" s="10">
        <v>46</v>
      </c>
      <c r="D48" s="9">
        <v>95</v>
      </c>
    </row>
    <row r="49" spans="1:4" ht="18" customHeight="1" x14ac:dyDescent="0.15">
      <c r="A49" s="16">
        <v>36</v>
      </c>
      <c r="B49" s="29">
        <v>49</v>
      </c>
      <c r="C49" s="10">
        <v>50</v>
      </c>
      <c r="D49" s="9">
        <v>99</v>
      </c>
    </row>
    <row r="50" spans="1:4" ht="18" customHeight="1" x14ac:dyDescent="0.15">
      <c r="A50" s="16">
        <v>37</v>
      </c>
      <c r="B50" s="29">
        <v>60</v>
      </c>
      <c r="C50" s="10">
        <v>47</v>
      </c>
      <c r="D50" s="9">
        <v>107</v>
      </c>
    </row>
    <row r="51" spans="1:4" ht="18" customHeight="1" x14ac:dyDescent="0.15">
      <c r="A51" s="16">
        <v>38</v>
      </c>
      <c r="B51" s="29">
        <v>58</v>
      </c>
      <c r="C51" s="10">
        <v>36</v>
      </c>
      <c r="D51" s="9">
        <v>94</v>
      </c>
    </row>
    <row r="52" spans="1:4" ht="18" customHeight="1" x14ac:dyDescent="0.15">
      <c r="A52" s="16">
        <v>39</v>
      </c>
      <c r="B52" s="29">
        <v>44</v>
      </c>
      <c r="C52" s="10">
        <v>28</v>
      </c>
      <c r="D52" s="9">
        <v>72</v>
      </c>
    </row>
    <row r="53" spans="1:4" ht="18" customHeight="1" x14ac:dyDescent="0.15">
      <c r="A53" s="8" t="s">
        <v>72</v>
      </c>
      <c r="B53" s="29">
        <v>260</v>
      </c>
      <c r="C53" s="10">
        <v>207</v>
      </c>
      <c r="D53" s="9">
        <v>467</v>
      </c>
    </row>
    <row r="54" spans="1:4" ht="18" customHeight="1" x14ac:dyDescent="0.15">
      <c r="A54" s="16">
        <v>40</v>
      </c>
      <c r="B54" s="29">
        <v>46</v>
      </c>
      <c r="C54" s="10">
        <v>37</v>
      </c>
      <c r="D54" s="9">
        <v>83</v>
      </c>
    </row>
    <row r="55" spans="1:4" ht="18" customHeight="1" x14ac:dyDescent="0.15">
      <c r="A55" s="16">
        <v>41</v>
      </c>
      <c r="B55" s="29">
        <v>49</v>
      </c>
      <c r="C55" s="10">
        <v>37</v>
      </c>
      <c r="D55" s="9">
        <v>86</v>
      </c>
    </row>
    <row r="56" spans="1:4" ht="18" customHeight="1" x14ac:dyDescent="0.15">
      <c r="A56" s="16">
        <v>42</v>
      </c>
      <c r="B56" s="29">
        <v>35</v>
      </c>
      <c r="C56" s="10">
        <v>46</v>
      </c>
      <c r="D56" s="9">
        <v>81</v>
      </c>
    </row>
    <row r="57" spans="1:4" ht="18" customHeight="1" x14ac:dyDescent="0.15">
      <c r="A57" s="16">
        <v>43</v>
      </c>
      <c r="B57" s="29">
        <v>48</v>
      </c>
      <c r="C57" s="10">
        <v>41</v>
      </c>
      <c r="D57" s="9">
        <v>89</v>
      </c>
    </row>
    <row r="58" spans="1:4" ht="18" customHeight="1" x14ac:dyDescent="0.15">
      <c r="A58" s="16">
        <v>44</v>
      </c>
      <c r="B58" s="29">
        <v>46</v>
      </c>
      <c r="C58" s="10">
        <v>35</v>
      </c>
      <c r="D58" s="9">
        <v>81</v>
      </c>
    </row>
    <row r="59" spans="1:4" ht="18" customHeight="1" x14ac:dyDescent="0.15">
      <c r="A59" s="8" t="s">
        <v>46</v>
      </c>
      <c r="B59" s="29">
        <v>224</v>
      </c>
      <c r="C59" s="10">
        <v>196</v>
      </c>
      <c r="D59" s="9">
        <v>420</v>
      </c>
    </row>
    <row r="60" spans="1:4" ht="18" customHeight="1" x14ac:dyDescent="0.15">
      <c r="A60" s="16">
        <v>45</v>
      </c>
      <c r="B60" s="29">
        <v>43</v>
      </c>
      <c r="C60" s="10">
        <v>45</v>
      </c>
      <c r="D60" s="9">
        <v>88</v>
      </c>
    </row>
    <row r="61" spans="1:4" ht="18" customHeight="1" x14ac:dyDescent="0.15">
      <c r="A61" s="16">
        <v>46</v>
      </c>
      <c r="B61" s="29">
        <v>60</v>
      </c>
      <c r="C61" s="10">
        <v>35</v>
      </c>
      <c r="D61" s="9">
        <v>95</v>
      </c>
    </row>
    <row r="62" spans="1:4" ht="18" customHeight="1" x14ac:dyDescent="0.15">
      <c r="A62" s="16">
        <v>47</v>
      </c>
      <c r="B62" s="29">
        <v>45</v>
      </c>
      <c r="C62" s="10">
        <v>37</v>
      </c>
      <c r="D62" s="9">
        <v>82</v>
      </c>
    </row>
    <row r="63" spans="1:4" ht="18" customHeight="1" x14ac:dyDescent="0.15">
      <c r="A63" s="16">
        <v>48</v>
      </c>
      <c r="B63" s="29">
        <v>48</v>
      </c>
      <c r="C63" s="10">
        <v>50</v>
      </c>
      <c r="D63" s="9">
        <v>98</v>
      </c>
    </row>
    <row r="64" spans="1:4" ht="18" customHeight="1" x14ac:dyDescent="0.15">
      <c r="A64" s="16">
        <v>49</v>
      </c>
      <c r="B64" s="29">
        <v>48</v>
      </c>
      <c r="C64" s="10">
        <v>51</v>
      </c>
      <c r="D64" s="9">
        <v>99</v>
      </c>
    </row>
    <row r="65" spans="1:4" ht="18" customHeight="1" x14ac:dyDescent="0.15">
      <c r="A65" s="8" t="s">
        <v>45</v>
      </c>
      <c r="B65" s="29">
        <v>244</v>
      </c>
      <c r="C65" s="10">
        <v>218</v>
      </c>
      <c r="D65" s="9">
        <v>462</v>
      </c>
    </row>
    <row r="66" spans="1:4" ht="18" customHeight="1" x14ac:dyDescent="0.15">
      <c r="A66" s="16">
        <v>50</v>
      </c>
      <c r="B66" s="29">
        <v>44</v>
      </c>
      <c r="C66" s="10">
        <v>40</v>
      </c>
      <c r="D66" s="9">
        <v>84</v>
      </c>
    </row>
    <row r="67" spans="1:4" ht="18" customHeight="1" x14ac:dyDescent="0.15">
      <c r="A67" s="16">
        <v>51</v>
      </c>
      <c r="B67" s="29">
        <v>46</v>
      </c>
      <c r="C67" s="10">
        <v>36</v>
      </c>
      <c r="D67" s="9">
        <v>82</v>
      </c>
    </row>
    <row r="68" spans="1:4" ht="18" customHeight="1" x14ac:dyDescent="0.15">
      <c r="A68" s="16">
        <v>52</v>
      </c>
      <c r="B68" s="29">
        <v>33</v>
      </c>
      <c r="C68" s="10">
        <v>33</v>
      </c>
      <c r="D68" s="9">
        <v>66</v>
      </c>
    </row>
    <row r="69" spans="1:4" ht="18" customHeight="1" x14ac:dyDescent="0.15">
      <c r="A69" s="16">
        <v>53</v>
      </c>
      <c r="B69" s="29">
        <v>37</v>
      </c>
      <c r="C69" s="10">
        <v>27</v>
      </c>
      <c r="D69" s="9">
        <v>64</v>
      </c>
    </row>
    <row r="70" spans="1:4" ht="18" customHeight="1" x14ac:dyDescent="0.15">
      <c r="A70" s="16">
        <v>54</v>
      </c>
      <c r="B70" s="29">
        <v>35</v>
      </c>
      <c r="C70" s="10">
        <v>36</v>
      </c>
      <c r="D70" s="9">
        <v>71</v>
      </c>
    </row>
    <row r="71" spans="1:4" ht="18" customHeight="1" x14ac:dyDescent="0.15">
      <c r="A71" s="8" t="s">
        <v>58</v>
      </c>
      <c r="B71" s="29">
        <v>195</v>
      </c>
      <c r="C71" s="10">
        <v>172</v>
      </c>
      <c r="D71" s="9">
        <v>367</v>
      </c>
    </row>
    <row r="72" spans="1:4" ht="18" customHeight="1" x14ac:dyDescent="0.15">
      <c r="A72" s="16">
        <v>55</v>
      </c>
      <c r="B72" s="29">
        <v>36</v>
      </c>
      <c r="C72" s="10">
        <v>31</v>
      </c>
      <c r="D72" s="9">
        <v>67</v>
      </c>
    </row>
    <row r="73" spans="1:4" ht="18" customHeight="1" x14ac:dyDescent="0.15">
      <c r="A73" s="16">
        <v>56</v>
      </c>
      <c r="B73" s="29">
        <v>20</v>
      </c>
      <c r="C73" s="10">
        <v>20</v>
      </c>
      <c r="D73" s="9">
        <v>40</v>
      </c>
    </row>
    <row r="74" spans="1:4" ht="18" customHeight="1" x14ac:dyDescent="0.15">
      <c r="A74" s="16">
        <v>57</v>
      </c>
      <c r="B74" s="29">
        <v>24</v>
      </c>
      <c r="C74" s="10">
        <v>16</v>
      </c>
      <c r="D74" s="9">
        <v>40</v>
      </c>
    </row>
    <row r="75" spans="1:4" ht="18" customHeight="1" x14ac:dyDescent="0.15">
      <c r="A75" s="16">
        <v>58</v>
      </c>
      <c r="B75" s="29">
        <v>32</v>
      </c>
      <c r="C75" s="10">
        <v>35</v>
      </c>
      <c r="D75" s="9">
        <v>67</v>
      </c>
    </row>
    <row r="76" spans="1:4" ht="18" customHeight="1" x14ac:dyDescent="0.15">
      <c r="A76" s="16">
        <v>59</v>
      </c>
      <c r="B76" s="29">
        <v>24</v>
      </c>
      <c r="C76" s="10">
        <v>29</v>
      </c>
      <c r="D76" s="9">
        <v>53</v>
      </c>
    </row>
    <row r="77" spans="1:4" ht="18" customHeight="1" x14ac:dyDescent="0.15">
      <c r="A77" s="8" t="s">
        <v>13</v>
      </c>
      <c r="B77" s="29">
        <v>136</v>
      </c>
      <c r="C77" s="10">
        <v>131</v>
      </c>
      <c r="D77" s="9">
        <v>267</v>
      </c>
    </row>
    <row r="78" spans="1:4" ht="18" customHeight="1" x14ac:dyDescent="0.15">
      <c r="A78" s="16">
        <v>60</v>
      </c>
      <c r="B78" s="29">
        <v>22</v>
      </c>
      <c r="C78" s="10">
        <v>18</v>
      </c>
      <c r="D78" s="9">
        <v>40</v>
      </c>
    </row>
    <row r="79" spans="1:4" ht="18" customHeight="1" x14ac:dyDescent="0.15">
      <c r="A79" s="16">
        <v>61</v>
      </c>
      <c r="B79" s="29">
        <v>20</v>
      </c>
      <c r="C79" s="10">
        <v>15</v>
      </c>
      <c r="D79" s="9">
        <v>35</v>
      </c>
    </row>
    <row r="80" spans="1:4" ht="18" customHeight="1" x14ac:dyDescent="0.15">
      <c r="A80" s="16">
        <v>62</v>
      </c>
      <c r="B80" s="29">
        <v>20</v>
      </c>
      <c r="C80" s="10">
        <v>35</v>
      </c>
      <c r="D80" s="9">
        <v>55</v>
      </c>
    </row>
    <row r="81" spans="1:4" ht="18" customHeight="1" x14ac:dyDescent="0.15">
      <c r="A81" s="16">
        <v>63</v>
      </c>
      <c r="B81" s="29">
        <v>15</v>
      </c>
      <c r="C81" s="10">
        <v>18</v>
      </c>
      <c r="D81" s="9">
        <v>33</v>
      </c>
    </row>
    <row r="82" spans="1:4" ht="18" customHeight="1" x14ac:dyDescent="0.15">
      <c r="A82" s="16">
        <v>64</v>
      </c>
      <c r="B82" s="29">
        <v>26</v>
      </c>
      <c r="C82" s="10">
        <v>25</v>
      </c>
      <c r="D82" s="9">
        <v>51</v>
      </c>
    </row>
    <row r="83" spans="1:4" ht="18" customHeight="1" x14ac:dyDescent="0.15">
      <c r="A83" s="8" t="s">
        <v>44</v>
      </c>
      <c r="B83" s="29">
        <v>103</v>
      </c>
      <c r="C83" s="10">
        <v>111</v>
      </c>
      <c r="D83" s="9">
        <v>214</v>
      </c>
    </row>
    <row r="84" spans="1:4" ht="18" customHeight="1" x14ac:dyDescent="0.15">
      <c r="A84" s="8" t="s">
        <v>43</v>
      </c>
      <c r="B84" s="29">
        <v>1870</v>
      </c>
      <c r="C84" s="10">
        <v>1706</v>
      </c>
      <c r="D84" s="9">
        <v>3576</v>
      </c>
    </row>
    <row r="85" spans="1:4" ht="18" customHeight="1" x14ac:dyDescent="0.15">
      <c r="A85" s="16">
        <v>65</v>
      </c>
      <c r="B85" s="29">
        <v>21</v>
      </c>
      <c r="C85" s="10">
        <v>19</v>
      </c>
      <c r="D85" s="9">
        <v>40</v>
      </c>
    </row>
    <row r="86" spans="1:4" ht="18" customHeight="1" x14ac:dyDescent="0.15">
      <c r="A86" s="16">
        <v>66</v>
      </c>
      <c r="B86" s="29">
        <v>17</v>
      </c>
      <c r="C86" s="10">
        <v>15</v>
      </c>
      <c r="D86" s="9">
        <v>32</v>
      </c>
    </row>
    <row r="87" spans="1:4" ht="18" customHeight="1" x14ac:dyDescent="0.15">
      <c r="A87" s="16">
        <v>67</v>
      </c>
      <c r="B87" s="29">
        <v>27</v>
      </c>
      <c r="C87" s="10">
        <v>19</v>
      </c>
      <c r="D87" s="9">
        <v>46</v>
      </c>
    </row>
    <row r="88" spans="1:4" ht="18" customHeight="1" x14ac:dyDescent="0.15">
      <c r="A88" s="16">
        <v>68</v>
      </c>
      <c r="B88" s="29">
        <v>28</v>
      </c>
      <c r="C88" s="10">
        <v>23</v>
      </c>
      <c r="D88" s="9">
        <v>51</v>
      </c>
    </row>
    <row r="89" spans="1:4" ht="18" customHeight="1" x14ac:dyDescent="0.15">
      <c r="A89" s="16">
        <v>69</v>
      </c>
      <c r="B89" s="29">
        <v>23</v>
      </c>
      <c r="C89" s="10">
        <v>27</v>
      </c>
      <c r="D89" s="9">
        <v>50</v>
      </c>
    </row>
    <row r="90" spans="1:4" ht="18" customHeight="1" x14ac:dyDescent="0.15">
      <c r="A90" s="8" t="s">
        <v>42</v>
      </c>
      <c r="B90" s="29">
        <v>116</v>
      </c>
      <c r="C90" s="10">
        <v>103</v>
      </c>
      <c r="D90" s="9">
        <v>219</v>
      </c>
    </row>
    <row r="91" spans="1:4" ht="18" customHeight="1" x14ac:dyDescent="0.15">
      <c r="A91" s="16">
        <v>70</v>
      </c>
      <c r="B91" s="29">
        <v>31</v>
      </c>
      <c r="C91" s="10">
        <v>28</v>
      </c>
      <c r="D91" s="9">
        <v>59</v>
      </c>
    </row>
    <row r="92" spans="1:4" ht="18" customHeight="1" x14ac:dyDescent="0.15">
      <c r="A92" s="16">
        <v>71</v>
      </c>
      <c r="B92" s="29">
        <v>30</v>
      </c>
      <c r="C92" s="10">
        <v>22</v>
      </c>
      <c r="D92" s="9">
        <v>52</v>
      </c>
    </row>
    <row r="93" spans="1:4" ht="18" customHeight="1" x14ac:dyDescent="0.15">
      <c r="A93" s="16">
        <v>72</v>
      </c>
      <c r="B93" s="29">
        <v>23</v>
      </c>
      <c r="C93" s="10">
        <v>38</v>
      </c>
      <c r="D93" s="9">
        <v>61</v>
      </c>
    </row>
    <row r="94" spans="1:4" ht="18" customHeight="1" x14ac:dyDescent="0.15">
      <c r="A94" s="16">
        <v>73</v>
      </c>
      <c r="B94" s="29">
        <v>38</v>
      </c>
      <c r="C94" s="10">
        <v>30</v>
      </c>
      <c r="D94" s="9">
        <v>68</v>
      </c>
    </row>
    <row r="95" spans="1:4" ht="18" customHeight="1" x14ac:dyDescent="0.15">
      <c r="A95" s="16">
        <v>74</v>
      </c>
      <c r="B95" s="29">
        <v>28</v>
      </c>
      <c r="C95" s="10">
        <v>25</v>
      </c>
      <c r="D95" s="9">
        <v>53</v>
      </c>
    </row>
    <row r="96" spans="1:4" ht="18" customHeight="1" x14ac:dyDescent="0.15">
      <c r="A96" s="8" t="s">
        <v>41</v>
      </c>
      <c r="B96" s="29">
        <v>150</v>
      </c>
      <c r="C96" s="10">
        <v>143</v>
      </c>
      <c r="D96" s="9">
        <v>293</v>
      </c>
    </row>
    <row r="97" spans="1:4" ht="18" customHeight="1" x14ac:dyDescent="0.15">
      <c r="A97" s="16">
        <v>75</v>
      </c>
      <c r="B97" s="29">
        <v>27</v>
      </c>
      <c r="C97" s="10">
        <v>34</v>
      </c>
      <c r="D97" s="9">
        <v>61</v>
      </c>
    </row>
    <row r="98" spans="1:4" ht="18" customHeight="1" x14ac:dyDescent="0.15">
      <c r="A98" s="16">
        <v>76</v>
      </c>
      <c r="B98" s="29">
        <v>19</v>
      </c>
      <c r="C98" s="10">
        <v>20</v>
      </c>
      <c r="D98" s="9">
        <v>39</v>
      </c>
    </row>
    <row r="99" spans="1:4" ht="18" customHeight="1" x14ac:dyDescent="0.15">
      <c r="A99" s="16">
        <v>77</v>
      </c>
      <c r="B99" s="29">
        <v>10</v>
      </c>
      <c r="C99" s="10">
        <v>12</v>
      </c>
      <c r="D99" s="9">
        <v>22</v>
      </c>
    </row>
    <row r="100" spans="1:4" ht="18" customHeight="1" x14ac:dyDescent="0.15">
      <c r="A100" s="16">
        <v>78</v>
      </c>
      <c r="B100" s="29">
        <v>8</v>
      </c>
      <c r="C100" s="10">
        <v>25</v>
      </c>
      <c r="D100" s="9">
        <v>33</v>
      </c>
    </row>
    <row r="101" spans="1:4" ht="18" customHeight="1" x14ac:dyDescent="0.15">
      <c r="A101" s="16">
        <v>79</v>
      </c>
      <c r="B101" s="29">
        <v>18</v>
      </c>
      <c r="C101" s="10">
        <v>26</v>
      </c>
      <c r="D101" s="9">
        <v>44</v>
      </c>
    </row>
    <row r="102" spans="1:4" ht="18" customHeight="1" x14ac:dyDescent="0.15">
      <c r="A102" s="8" t="s">
        <v>70</v>
      </c>
      <c r="B102" s="29">
        <v>82</v>
      </c>
      <c r="C102" s="10">
        <v>117</v>
      </c>
      <c r="D102" s="9">
        <v>199</v>
      </c>
    </row>
    <row r="103" spans="1:4" ht="18" customHeight="1" x14ac:dyDescent="0.15">
      <c r="A103" s="16">
        <v>80</v>
      </c>
      <c r="B103" s="29">
        <v>10</v>
      </c>
      <c r="C103" s="10">
        <v>21</v>
      </c>
      <c r="D103" s="9">
        <v>31</v>
      </c>
    </row>
    <row r="104" spans="1:4" ht="18" customHeight="1" x14ac:dyDescent="0.15">
      <c r="A104" s="16">
        <v>81</v>
      </c>
      <c r="B104" s="29">
        <v>21</v>
      </c>
      <c r="C104" s="10">
        <v>31</v>
      </c>
      <c r="D104" s="9">
        <v>52</v>
      </c>
    </row>
    <row r="105" spans="1:4" ht="18" customHeight="1" x14ac:dyDescent="0.15">
      <c r="A105" s="16">
        <v>82</v>
      </c>
      <c r="B105" s="29">
        <v>17</v>
      </c>
      <c r="C105" s="10">
        <v>24</v>
      </c>
      <c r="D105" s="9">
        <v>41</v>
      </c>
    </row>
    <row r="106" spans="1:4" ht="18" customHeight="1" x14ac:dyDescent="0.15">
      <c r="A106" s="16">
        <v>83</v>
      </c>
      <c r="B106" s="29">
        <v>9</v>
      </c>
      <c r="C106" s="10">
        <v>9</v>
      </c>
      <c r="D106" s="9">
        <v>18</v>
      </c>
    </row>
    <row r="107" spans="1:4" ht="18" customHeight="1" x14ac:dyDescent="0.15">
      <c r="A107" s="16">
        <v>84</v>
      </c>
      <c r="B107" s="29">
        <v>13</v>
      </c>
      <c r="C107" s="10">
        <v>15</v>
      </c>
      <c r="D107" s="9">
        <v>28</v>
      </c>
    </row>
    <row r="108" spans="1:4" ht="18" customHeight="1" x14ac:dyDescent="0.15">
      <c r="A108" s="8" t="s">
        <v>39</v>
      </c>
      <c r="B108" s="29">
        <v>70</v>
      </c>
      <c r="C108" s="10">
        <v>100</v>
      </c>
      <c r="D108" s="9">
        <v>170</v>
      </c>
    </row>
    <row r="109" spans="1:4" ht="18" customHeight="1" x14ac:dyDescent="0.15">
      <c r="A109" s="16">
        <v>85</v>
      </c>
      <c r="B109" s="29">
        <v>9</v>
      </c>
      <c r="C109" s="10">
        <v>15</v>
      </c>
      <c r="D109" s="9">
        <v>24</v>
      </c>
    </row>
    <row r="110" spans="1:4" ht="18" customHeight="1" x14ac:dyDescent="0.15">
      <c r="A110" s="16">
        <v>86</v>
      </c>
      <c r="B110" s="29">
        <v>7</v>
      </c>
      <c r="C110" s="10">
        <v>16</v>
      </c>
      <c r="D110" s="9">
        <v>23</v>
      </c>
    </row>
    <row r="111" spans="1:4" ht="18" customHeight="1" x14ac:dyDescent="0.15">
      <c r="A111" s="16">
        <v>87</v>
      </c>
      <c r="B111" s="29">
        <v>9</v>
      </c>
      <c r="C111" s="10">
        <v>12</v>
      </c>
      <c r="D111" s="9">
        <v>21</v>
      </c>
    </row>
    <row r="112" spans="1:4" ht="18" customHeight="1" x14ac:dyDescent="0.15">
      <c r="A112" s="16">
        <v>88</v>
      </c>
      <c r="B112" s="29">
        <v>7</v>
      </c>
      <c r="C112" s="10">
        <v>13</v>
      </c>
      <c r="D112" s="9">
        <v>20</v>
      </c>
    </row>
    <row r="113" spans="1:4" ht="18" customHeight="1" x14ac:dyDescent="0.15">
      <c r="A113" s="16">
        <v>89</v>
      </c>
      <c r="B113" s="29">
        <v>2</v>
      </c>
      <c r="C113" s="10">
        <v>21</v>
      </c>
      <c r="D113" s="9">
        <v>23</v>
      </c>
    </row>
    <row r="114" spans="1:4" ht="18" customHeight="1" x14ac:dyDescent="0.15">
      <c r="A114" s="8" t="s">
        <v>38</v>
      </c>
      <c r="B114" s="29">
        <v>34</v>
      </c>
      <c r="C114" s="10">
        <v>77</v>
      </c>
      <c r="D114" s="9">
        <v>111</v>
      </c>
    </row>
    <row r="115" spans="1:4" ht="18" customHeight="1" x14ac:dyDescent="0.15">
      <c r="A115" s="16">
        <v>90</v>
      </c>
      <c r="B115" s="29">
        <v>1</v>
      </c>
      <c r="C115" s="10">
        <v>15</v>
      </c>
      <c r="D115" s="9">
        <v>16</v>
      </c>
    </row>
    <row r="116" spans="1:4" ht="18" customHeight="1" x14ac:dyDescent="0.15">
      <c r="A116" s="16">
        <v>91</v>
      </c>
      <c r="B116" s="29">
        <v>6</v>
      </c>
      <c r="C116" s="10">
        <v>10</v>
      </c>
      <c r="D116" s="9">
        <v>16</v>
      </c>
    </row>
    <row r="117" spans="1:4" ht="18" customHeight="1" x14ac:dyDescent="0.15">
      <c r="A117" s="16">
        <v>92</v>
      </c>
      <c r="B117" s="29">
        <v>3</v>
      </c>
      <c r="C117" s="10">
        <v>7</v>
      </c>
      <c r="D117" s="9">
        <v>10</v>
      </c>
    </row>
    <row r="118" spans="1:4" ht="18" customHeight="1" x14ac:dyDescent="0.15">
      <c r="A118" s="16">
        <v>93</v>
      </c>
      <c r="B118" s="29">
        <v>1</v>
      </c>
      <c r="C118" s="10">
        <v>8</v>
      </c>
      <c r="D118" s="9">
        <v>9</v>
      </c>
    </row>
    <row r="119" spans="1:4" ht="18" customHeight="1" x14ac:dyDescent="0.15">
      <c r="A119" s="16">
        <v>94</v>
      </c>
      <c r="B119" s="29">
        <v>1</v>
      </c>
      <c r="C119" s="10">
        <v>7</v>
      </c>
      <c r="D119" s="9">
        <v>8</v>
      </c>
    </row>
    <row r="120" spans="1:4" ht="18" customHeight="1" x14ac:dyDescent="0.15">
      <c r="A120" s="8" t="s">
        <v>69</v>
      </c>
      <c r="B120" s="29">
        <v>12</v>
      </c>
      <c r="C120" s="10">
        <v>47</v>
      </c>
      <c r="D120" s="9">
        <v>59</v>
      </c>
    </row>
    <row r="121" spans="1:4" ht="18" customHeight="1" x14ac:dyDescent="0.15">
      <c r="A121" s="16">
        <v>95</v>
      </c>
      <c r="B121" s="29">
        <v>1</v>
      </c>
      <c r="C121" s="10">
        <v>4</v>
      </c>
      <c r="D121" s="9">
        <v>5</v>
      </c>
    </row>
    <row r="122" spans="1:4" ht="18" customHeight="1" x14ac:dyDescent="0.15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15">
      <c r="A123" s="16">
        <v>97</v>
      </c>
      <c r="B123" s="29">
        <v>0</v>
      </c>
      <c r="C123" s="10">
        <v>5</v>
      </c>
      <c r="D123" s="9">
        <v>5</v>
      </c>
    </row>
    <row r="124" spans="1:4" ht="18" customHeight="1" x14ac:dyDescent="0.15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1</v>
      </c>
      <c r="C126" s="10">
        <v>15</v>
      </c>
      <c r="D126" s="9">
        <v>16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2</v>
      </c>
      <c r="D129" s="9">
        <v>2</v>
      </c>
    </row>
    <row r="130" spans="1:4" ht="18" customHeight="1" x14ac:dyDescent="0.15">
      <c r="A130" s="8" t="s">
        <v>35</v>
      </c>
      <c r="B130" s="28">
        <v>465</v>
      </c>
      <c r="C130" s="6">
        <v>604</v>
      </c>
      <c r="D130" s="5">
        <v>1069</v>
      </c>
    </row>
    <row r="131" spans="1:4" ht="18" customHeight="1" x14ac:dyDescent="0.15">
      <c r="A131" s="4" t="s">
        <v>0</v>
      </c>
      <c r="B131" s="27">
        <v>2788</v>
      </c>
      <c r="C131" s="2">
        <v>2735</v>
      </c>
      <c r="D131" s="1">
        <v>552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6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5</v>
      </c>
      <c r="C5" s="18">
        <v>10</v>
      </c>
      <c r="D5" s="17">
        <v>25</v>
      </c>
    </row>
    <row r="6" spans="1:4" ht="18" customHeight="1" x14ac:dyDescent="0.15">
      <c r="A6" s="16">
        <v>1</v>
      </c>
      <c r="B6" s="29">
        <v>16</v>
      </c>
      <c r="C6" s="10">
        <v>13</v>
      </c>
      <c r="D6" s="9">
        <v>29</v>
      </c>
    </row>
    <row r="7" spans="1:4" ht="18" customHeight="1" x14ac:dyDescent="0.15">
      <c r="A7" s="16">
        <v>2</v>
      </c>
      <c r="B7" s="29">
        <v>8</v>
      </c>
      <c r="C7" s="10">
        <v>12</v>
      </c>
      <c r="D7" s="9">
        <v>20</v>
      </c>
    </row>
    <row r="8" spans="1:4" ht="18" customHeight="1" x14ac:dyDescent="0.15">
      <c r="A8" s="16">
        <v>3</v>
      </c>
      <c r="B8" s="29">
        <v>19</v>
      </c>
      <c r="C8" s="10">
        <v>13</v>
      </c>
      <c r="D8" s="9">
        <v>32</v>
      </c>
    </row>
    <row r="9" spans="1:4" ht="18" customHeight="1" x14ac:dyDescent="0.15">
      <c r="A9" s="16">
        <v>4</v>
      </c>
      <c r="B9" s="29">
        <v>24</v>
      </c>
      <c r="C9" s="10">
        <v>19</v>
      </c>
      <c r="D9" s="9">
        <v>43</v>
      </c>
    </row>
    <row r="10" spans="1:4" ht="18" customHeight="1" x14ac:dyDescent="0.15">
      <c r="A10" s="8" t="s">
        <v>76</v>
      </c>
      <c r="B10" s="29">
        <v>82</v>
      </c>
      <c r="C10" s="10">
        <v>67</v>
      </c>
      <c r="D10" s="9">
        <v>149</v>
      </c>
    </row>
    <row r="11" spans="1:4" ht="18" customHeight="1" x14ac:dyDescent="0.15">
      <c r="A11" s="16">
        <v>5</v>
      </c>
      <c r="B11" s="29">
        <v>32</v>
      </c>
      <c r="C11" s="10">
        <v>19</v>
      </c>
      <c r="D11" s="9">
        <v>51</v>
      </c>
    </row>
    <row r="12" spans="1:4" ht="18" customHeight="1" x14ac:dyDescent="0.15">
      <c r="A12" s="16">
        <v>6</v>
      </c>
      <c r="B12" s="29">
        <v>24</v>
      </c>
      <c r="C12" s="10">
        <v>21</v>
      </c>
      <c r="D12" s="9">
        <v>45</v>
      </c>
    </row>
    <row r="13" spans="1:4" ht="18" customHeight="1" x14ac:dyDescent="0.15">
      <c r="A13" s="16">
        <v>7</v>
      </c>
      <c r="B13" s="29">
        <v>27</v>
      </c>
      <c r="C13" s="10">
        <v>22</v>
      </c>
      <c r="D13" s="9">
        <v>49</v>
      </c>
    </row>
    <row r="14" spans="1:4" ht="18" customHeight="1" x14ac:dyDescent="0.15">
      <c r="A14" s="16">
        <v>8</v>
      </c>
      <c r="B14" s="29">
        <v>34</v>
      </c>
      <c r="C14" s="10">
        <v>21</v>
      </c>
      <c r="D14" s="9">
        <v>55</v>
      </c>
    </row>
    <row r="15" spans="1:4" ht="18" customHeight="1" x14ac:dyDescent="0.15">
      <c r="A15" s="16">
        <v>9</v>
      </c>
      <c r="B15" s="29">
        <v>16</v>
      </c>
      <c r="C15" s="10">
        <v>18</v>
      </c>
      <c r="D15" s="9">
        <v>34</v>
      </c>
    </row>
    <row r="16" spans="1:4" ht="18" customHeight="1" x14ac:dyDescent="0.15">
      <c r="A16" s="8" t="s">
        <v>50</v>
      </c>
      <c r="B16" s="29">
        <v>133</v>
      </c>
      <c r="C16" s="10">
        <v>101</v>
      </c>
      <c r="D16" s="9">
        <v>234</v>
      </c>
    </row>
    <row r="17" spans="1:4" ht="18" customHeight="1" x14ac:dyDescent="0.15">
      <c r="A17" s="16">
        <v>10</v>
      </c>
      <c r="B17" s="29">
        <v>38</v>
      </c>
      <c r="C17" s="10">
        <v>22</v>
      </c>
      <c r="D17" s="9">
        <v>60</v>
      </c>
    </row>
    <row r="18" spans="1:4" ht="18" customHeight="1" x14ac:dyDescent="0.15">
      <c r="A18" s="16">
        <v>11</v>
      </c>
      <c r="B18" s="29">
        <v>30</v>
      </c>
      <c r="C18" s="10">
        <v>32</v>
      </c>
      <c r="D18" s="9">
        <v>62</v>
      </c>
    </row>
    <row r="19" spans="1:4" ht="18" customHeight="1" x14ac:dyDescent="0.15">
      <c r="A19" s="16">
        <v>12</v>
      </c>
      <c r="B19" s="29">
        <v>34</v>
      </c>
      <c r="C19" s="10">
        <v>34</v>
      </c>
      <c r="D19" s="9">
        <v>68</v>
      </c>
    </row>
    <row r="20" spans="1:4" ht="18" customHeight="1" x14ac:dyDescent="0.15">
      <c r="A20" s="16">
        <v>13</v>
      </c>
      <c r="B20" s="29">
        <v>41</v>
      </c>
      <c r="C20" s="10">
        <v>46</v>
      </c>
      <c r="D20" s="9">
        <v>87</v>
      </c>
    </row>
    <row r="21" spans="1:4" ht="18" customHeight="1" x14ac:dyDescent="0.15">
      <c r="A21" s="16">
        <v>14</v>
      </c>
      <c r="B21" s="29">
        <v>33</v>
      </c>
      <c r="C21" s="10">
        <v>31</v>
      </c>
      <c r="D21" s="9">
        <v>64</v>
      </c>
    </row>
    <row r="22" spans="1:4" ht="18" customHeight="1" x14ac:dyDescent="0.15">
      <c r="A22" s="8" t="s">
        <v>49</v>
      </c>
      <c r="B22" s="29">
        <v>176</v>
      </c>
      <c r="C22" s="10">
        <v>165</v>
      </c>
      <c r="D22" s="9">
        <v>341</v>
      </c>
    </row>
    <row r="23" spans="1:4" ht="18" customHeight="1" x14ac:dyDescent="0.15">
      <c r="A23" s="8" t="s">
        <v>65</v>
      </c>
      <c r="B23" s="29">
        <v>391</v>
      </c>
      <c r="C23" s="10">
        <v>333</v>
      </c>
      <c r="D23" s="9">
        <v>724</v>
      </c>
    </row>
    <row r="24" spans="1:4" ht="18" customHeight="1" x14ac:dyDescent="0.15">
      <c r="A24" s="16">
        <v>15</v>
      </c>
      <c r="B24" s="29">
        <v>36</v>
      </c>
      <c r="C24" s="10">
        <v>41</v>
      </c>
      <c r="D24" s="9">
        <v>77</v>
      </c>
    </row>
    <row r="25" spans="1:4" ht="18" customHeight="1" x14ac:dyDescent="0.15">
      <c r="A25" s="16">
        <v>16</v>
      </c>
      <c r="B25" s="29">
        <v>40</v>
      </c>
      <c r="C25" s="10">
        <v>36</v>
      </c>
      <c r="D25" s="9">
        <v>76</v>
      </c>
    </row>
    <row r="26" spans="1:4" ht="18" customHeight="1" x14ac:dyDescent="0.15">
      <c r="A26" s="16">
        <v>17</v>
      </c>
      <c r="B26" s="29">
        <v>45</v>
      </c>
      <c r="C26" s="10">
        <v>42</v>
      </c>
      <c r="D26" s="9">
        <v>87</v>
      </c>
    </row>
    <row r="27" spans="1:4" ht="18" customHeight="1" x14ac:dyDescent="0.15">
      <c r="A27" s="16">
        <v>18</v>
      </c>
      <c r="B27" s="29">
        <v>36</v>
      </c>
      <c r="C27" s="10">
        <v>45</v>
      </c>
      <c r="D27" s="9">
        <v>81</v>
      </c>
    </row>
    <row r="28" spans="1:4" ht="18" customHeight="1" x14ac:dyDescent="0.15">
      <c r="A28" s="16">
        <v>19</v>
      </c>
      <c r="B28" s="29">
        <v>44</v>
      </c>
      <c r="C28" s="10">
        <v>24</v>
      </c>
      <c r="D28" s="9">
        <v>68</v>
      </c>
    </row>
    <row r="29" spans="1:4" ht="18" customHeight="1" x14ac:dyDescent="0.15">
      <c r="A29" s="8" t="s">
        <v>48</v>
      </c>
      <c r="B29" s="29">
        <v>201</v>
      </c>
      <c r="C29" s="10">
        <v>188</v>
      </c>
      <c r="D29" s="9">
        <v>389</v>
      </c>
    </row>
    <row r="30" spans="1:4" ht="18" customHeight="1" x14ac:dyDescent="0.15">
      <c r="A30" s="16">
        <v>20</v>
      </c>
      <c r="B30" s="29">
        <v>38</v>
      </c>
      <c r="C30" s="10">
        <v>32</v>
      </c>
      <c r="D30" s="9">
        <v>70</v>
      </c>
    </row>
    <row r="31" spans="1:4" ht="18" customHeight="1" x14ac:dyDescent="0.15">
      <c r="A31" s="16">
        <v>21</v>
      </c>
      <c r="B31" s="29">
        <v>40</v>
      </c>
      <c r="C31" s="10">
        <v>50</v>
      </c>
      <c r="D31" s="9">
        <v>90</v>
      </c>
    </row>
    <row r="32" spans="1:4" ht="18" customHeight="1" x14ac:dyDescent="0.15">
      <c r="A32" s="16">
        <v>22</v>
      </c>
      <c r="B32" s="29">
        <v>35</v>
      </c>
      <c r="C32" s="10">
        <v>39</v>
      </c>
      <c r="D32" s="9">
        <v>74</v>
      </c>
    </row>
    <row r="33" spans="1:4" ht="18" customHeight="1" x14ac:dyDescent="0.15">
      <c r="A33" s="16">
        <v>23</v>
      </c>
      <c r="B33" s="29">
        <v>20</v>
      </c>
      <c r="C33" s="10">
        <v>25</v>
      </c>
      <c r="D33" s="9">
        <v>45</v>
      </c>
    </row>
    <row r="34" spans="1:4" ht="18" customHeight="1" x14ac:dyDescent="0.15">
      <c r="A34" s="16">
        <v>24</v>
      </c>
      <c r="B34" s="29">
        <v>30</v>
      </c>
      <c r="C34" s="10">
        <v>22</v>
      </c>
      <c r="D34" s="9">
        <v>52</v>
      </c>
    </row>
    <row r="35" spans="1:4" ht="18" customHeight="1" x14ac:dyDescent="0.15">
      <c r="A35" s="8" t="s">
        <v>74</v>
      </c>
      <c r="B35" s="29">
        <v>163</v>
      </c>
      <c r="C35" s="10">
        <v>168</v>
      </c>
      <c r="D35" s="9">
        <v>331</v>
      </c>
    </row>
    <row r="36" spans="1:4" ht="18" customHeight="1" x14ac:dyDescent="0.15">
      <c r="A36" s="16">
        <v>25</v>
      </c>
      <c r="B36" s="29">
        <v>31</v>
      </c>
      <c r="C36" s="10">
        <v>26</v>
      </c>
      <c r="D36" s="9">
        <v>57</v>
      </c>
    </row>
    <row r="37" spans="1:4" ht="18" customHeight="1" x14ac:dyDescent="0.15">
      <c r="A37" s="16">
        <v>26</v>
      </c>
      <c r="B37" s="29">
        <v>19</v>
      </c>
      <c r="C37" s="10">
        <v>25</v>
      </c>
      <c r="D37" s="9">
        <v>44</v>
      </c>
    </row>
    <row r="38" spans="1:4" ht="18" customHeight="1" x14ac:dyDescent="0.15">
      <c r="A38" s="16">
        <v>27</v>
      </c>
      <c r="B38" s="29">
        <v>27</v>
      </c>
      <c r="C38" s="10">
        <v>29</v>
      </c>
      <c r="D38" s="9">
        <v>56</v>
      </c>
    </row>
    <row r="39" spans="1:4" ht="18" customHeight="1" x14ac:dyDescent="0.15">
      <c r="A39" s="16">
        <v>28</v>
      </c>
      <c r="B39" s="29">
        <v>10</v>
      </c>
      <c r="C39" s="10">
        <v>8</v>
      </c>
      <c r="D39" s="9">
        <v>18</v>
      </c>
    </row>
    <row r="40" spans="1:4" ht="18" customHeight="1" x14ac:dyDescent="0.15">
      <c r="A40" s="16">
        <v>29</v>
      </c>
      <c r="B40" s="29">
        <v>25</v>
      </c>
      <c r="C40" s="10">
        <v>15</v>
      </c>
      <c r="D40" s="9">
        <v>40</v>
      </c>
    </row>
    <row r="41" spans="1:4" ht="18" customHeight="1" x14ac:dyDescent="0.15">
      <c r="A41" s="8" t="s">
        <v>73</v>
      </c>
      <c r="B41" s="29">
        <v>112</v>
      </c>
      <c r="C41" s="10">
        <v>103</v>
      </c>
      <c r="D41" s="9">
        <v>215</v>
      </c>
    </row>
    <row r="42" spans="1:4" ht="18" customHeight="1" x14ac:dyDescent="0.15">
      <c r="A42" s="16">
        <v>30</v>
      </c>
      <c r="B42" s="29">
        <v>28</v>
      </c>
      <c r="C42" s="10">
        <v>28</v>
      </c>
      <c r="D42" s="9">
        <v>56</v>
      </c>
    </row>
    <row r="43" spans="1:4" ht="18" customHeight="1" x14ac:dyDescent="0.15">
      <c r="A43" s="16">
        <v>31</v>
      </c>
      <c r="B43" s="29">
        <v>25</v>
      </c>
      <c r="C43" s="10">
        <v>21</v>
      </c>
      <c r="D43" s="9">
        <v>46</v>
      </c>
    </row>
    <row r="44" spans="1:4" ht="18" customHeight="1" x14ac:dyDescent="0.15">
      <c r="A44" s="16">
        <v>32</v>
      </c>
      <c r="B44" s="29">
        <v>23</v>
      </c>
      <c r="C44" s="10">
        <v>17</v>
      </c>
      <c r="D44" s="9">
        <v>40</v>
      </c>
    </row>
    <row r="45" spans="1:4" ht="18" customHeight="1" x14ac:dyDescent="0.15">
      <c r="A45" s="16">
        <v>33</v>
      </c>
      <c r="B45" s="29">
        <v>24</v>
      </c>
      <c r="C45" s="10">
        <v>29</v>
      </c>
      <c r="D45" s="9">
        <v>53</v>
      </c>
    </row>
    <row r="46" spans="1:4" ht="18" customHeight="1" x14ac:dyDescent="0.15">
      <c r="A46" s="16">
        <v>34</v>
      </c>
      <c r="B46" s="29">
        <v>27</v>
      </c>
      <c r="C46" s="10">
        <v>25</v>
      </c>
      <c r="D46" s="9">
        <v>52</v>
      </c>
    </row>
    <row r="47" spans="1:4" ht="18" customHeight="1" x14ac:dyDescent="0.15">
      <c r="A47" s="8" t="s">
        <v>61</v>
      </c>
      <c r="B47" s="29">
        <v>127</v>
      </c>
      <c r="C47" s="10">
        <v>120</v>
      </c>
      <c r="D47" s="9">
        <v>247</v>
      </c>
    </row>
    <row r="48" spans="1:4" ht="18" customHeight="1" x14ac:dyDescent="0.15">
      <c r="A48" s="16">
        <v>35</v>
      </c>
      <c r="B48" s="29">
        <v>28</v>
      </c>
      <c r="C48" s="10">
        <v>22</v>
      </c>
      <c r="D48" s="9">
        <v>50</v>
      </c>
    </row>
    <row r="49" spans="1:4" ht="18" customHeight="1" x14ac:dyDescent="0.15">
      <c r="A49" s="16">
        <v>36</v>
      </c>
      <c r="B49" s="29">
        <v>31</v>
      </c>
      <c r="C49" s="10">
        <v>25</v>
      </c>
      <c r="D49" s="9">
        <v>56</v>
      </c>
    </row>
    <row r="50" spans="1:4" ht="18" customHeight="1" x14ac:dyDescent="0.15">
      <c r="A50" s="16">
        <v>37</v>
      </c>
      <c r="B50" s="29">
        <v>28</v>
      </c>
      <c r="C50" s="10">
        <v>37</v>
      </c>
      <c r="D50" s="9">
        <v>65</v>
      </c>
    </row>
    <row r="51" spans="1:4" ht="18" customHeight="1" x14ac:dyDescent="0.15">
      <c r="A51" s="16">
        <v>38</v>
      </c>
      <c r="B51" s="29">
        <v>36</v>
      </c>
      <c r="C51" s="10">
        <v>41</v>
      </c>
      <c r="D51" s="9">
        <v>77</v>
      </c>
    </row>
    <row r="52" spans="1:4" ht="18" customHeight="1" x14ac:dyDescent="0.15">
      <c r="A52" s="16">
        <v>39</v>
      </c>
      <c r="B52" s="29">
        <v>32</v>
      </c>
      <c r="C52" s="10">
        <v>26</v>
      </c>
      <c r="D52" s="9">
        <v>58</v>
      </c>
    </row>
    <row r="53" spans="1:4" ht="18" customHeight="1" x14ac:dyDescent="0.15">
      <c r="A53" s="8" t="s">
        <v>72</v>
      </c>
      <c r="B53" s="29">
        <v>155</v>
      </c>
      <c r="C53" s="10">
        <v>151</v>
      </c>
      <c r="D53" s="9">
        <v>306</v>
      </c>
    </row>
    <row r="54" spans="1:4" ht="18" customHeight="1" x14ac:dyDescent="0.15">
      <c r="A54" s="16">
        <v>40</v>
      </c>
      <c r="B54" s="29">
        <v>30</v>
      </c>
      <c r="C54" s="10">
        <v>29</v>
      </c>
      <c r="D54" s="9">
        <v>59</v>
      </c>
    </row>
    <row r="55" spans="1:4" ht="18" customHeight="1" x14ac:dyDescent="0.15">
      <c r="A55" s="16">
        <v>41</v>
      </c>
      <c r="B55" s="29">
        <v>39</v>
      </c>
      <c r="C55" s="10">
        <v>44</v>
      </c>
      <c r="D55" s="9">
        <v>83</v>
      </c>
    </row>
    <row r="56" spans="1:4" ht="18" customHeight="1" x14ac:dyDescent="0.15">
      <c r="A56" s="16">
        <v>42</v>
      </c>
      <c r="B56" s="29">
        <v>40</v>
      </c>
      <c r="C56" s="10">
        <v>31</v>
      </c>
      <c r="D56" s="9">
        <v>71</v>
      </c>
    </row>
    <row r="57" spans="1:4" ht="18" customHeight="1" x14ac:dyDescent="0.15">
      <c r="A57" s="16">
        <v>43</v>
      </c>
      <c r="B57" s="29">
        <v>43</v>
      </c>
      <c r="C57" s="10">
        <v>33</v>
      </c>
      <c r="D57" s="9">
        <v>76</v>
      </c>
    </row>
    <row r="58" spans="1:4" ht="18" customHeight="1" x14ac:dyDescent="0.15">
      <c r="A58" s="16">
        <v>44</v>
      </c>
      <c r="B58" s="29">
        <v>50</v>
      </c>
      <c r="C58" s="10">
        <v>39</v>
      </c>
      <c r="D58" s="9">
        <v>89</v>
      </c>
    </row>
    <row r="59" spans="1:4" ht="18" customHeight="1" x14ac:dyDescent="0.15">
      <c r="A59" s="8" t="s">
        <v>46</v>
      </c>
      <c r="B59" s="29">
        <v>202</v>
      </c>
      <c r="C59" s="10">
        <v>176</v>
      </c>
      <c r="D59" s="9">
        <v>378</v>
      </c>
    </row>
    <row r="60" spans="1:4" ht="18" customHeight="1" x14ac:dyDescent="0.15">
      <c r="A60" s="16">
        <v>45</v>
      </c>
      <c r="B60" s="29">
        <v>49</v>
      </c>
      <c r="C60" s="10">
        <v>51</v>
      </c>
      <c r="D60" s="9">
        <v>100</v>
      </c>
    </row>
    <row r="61" spans="1:4" ht="18" customHeight="1" x14ac:dyDescent="0.15">
      <c r="A61" s="16">
        <v>46</v>
      </c>
      <c r="B61" s="29">
        <v>60</v>
      </c>
      <c r="C61" s="10">
        <v>50</v>
      </c>
      <c r="D61" s="9">
        <v>110</v>
      </c>
    </row>
    <row r="62" spans="1:4" ht="18" customHeight="1" x14ac:dyDescent="0.15">
      <c r="A62" s="16">
        <v>47</v>
      </c>
      <c r="B62" s="29">
        <v>48</v>
      </c>
      <c r="C62" s="10">
        <v>56</v>
      </c>
      <c r="D62" s="9">
        <v>104</v>
      </c>
    </row>
    <row r="63" spans="1:4" ht="18" customHeight="1" x14ac:dyDescent="0.15">
      <c r="A63" s="16">
        <v>48</v>
      </c>
      <c r="B63" s="29">
        <v>70</v>
      </c>
      <c r="C63" s="10">
        <v>57</v>
      </c>
      <c r="D63" s="9">
        <v>127</v>
      </c>
    </row>
    <row r="64" spans="1:4" ht="18" customHeight="1" x14ac:dyDescent="0.15">
      <c r="A64" s="16">
        <v>49</v>
      </c>
      <c r="B64" s="29">
        <v>69</v>
      </c>
      <c r="C64" s="10">
        <v>87</v>
      </c>
      <c r="D64" s="9">
        <v>156</v>
      </c>
    </row>
    <row r="65" spans="1:4" ht="18" customHeight="1" x14ac:dyDescent="0.15">
      <c r="A65" s="8" t="s">
        <v>45</v>
      </c>
      <c r="B65" s="29">
        <v>296</v>
      </c>
      <c r="C65" s="10">
        <v>301</v>
      </c>
      <c r="D65" s="9">
        <v>597</v>
      </c>
    </row>
    <row r="66" spans="1:4" ht="18" customHeight="1" x14ac:dyDescent="0.15">
      <c r="A66" s="16">
        <v>50</v>
      </c>
      <c r="B66" s="29">
        <v>68</v>
      </c>
      <c r="C66" s="10">
        <v>65</v>
      </c>
      <c r="D66" s="9">
        <v>133</v>
      </c>
    </row>
    <row r="67" spans="1:4" ht="18" customHeight="1" x14ac:dyDescent="0.15">
      <c r="A67" s="16">
        <v>51</v>
      </c>
      <c r="B67" s="29">
        <v>67</v>
      </c>
      <c r="C67" s="10">
        <v>72</v>
      </c>
      <c r="D67" s="9">
        <v>139</v>
      </c>
    </row>
    <row r="68" spans="1:4" ht="18" customHeight="1" x14ac:dyDescent="0.15">
      <c r="A68" s="16">
        <v>52</v>
      </c>
      <c r="B68" s="29">
        <v>53</v>
      </c>
      <c r="C68" s="10">
        <v>60</v>
      </c>
      <c r="D68" s="9">
        <v>113</v>
      </c>
    </row>
    <row r="69" spans="1:4" ht="18" customHeight="1" x14ac:dyDescent="0.15">
      <c r="A69" s="16">
        <v>53</v>
      </c>
      <c r="B69" s="29">
        <v>64</v>
      </c>
      <c r="C69" s="10">
        <v>48</v>
      </c>
      <c r="D69" s="9">
        <v>112</v>
      </c>
    </row>
    <row r="70" spans="1:4" ht="18" customHeight="1" x14ac:dyDescent="0.15">
      <c r="A70" s="16">
        <v>54</v>
      </c>
      <c r="B70" s="29">
        <v>51</v>
      </c>
      <c r="C70" s="10">
        <v>43</v>
      </c>
      <c r="D70" s="9">
        <v>94</v>
      </c>
    </row>
    <row r="71" spans="1:4" ht="18" customHeight="1" x14ac:dyDescent="0.15">
      <c r="A71" s="8" t="s">
        <v>58</v>
      </c>
      <c r="B71" s="29">
        <v>303</v>
      </c>
      <c r="C71" s="10">
        <v>288</v>
      </c>
      <c r="D71" s="9">
        <v>591</v>
      </c>
    </row>
    <row r="72" spans="1:4" ht="18" customHeight="1" x14ac:dyDescent="0.15">
      <c r="A72" s="16">
        <v>55</v>
      </c>
      <c r="B72" s="29">
        <v>50</v>
      </c>
      <c r="C72" s="10">
        <v>43</v>
      </c>
      <c r="D72" s="9">
        <v>93</v>
      </c>
    </row>
    <row r="73" spans="1:4" ht="18" customHeight="1" x14ac:dyDescent="0.15">
      <c r="A73" s="16">
        <v>56</v>
      </c>
      <c r="B73" s="29">
        <v>51</v>
      </c>
      <c r="C73" s="10">
        <v>39</v>
      </c>
      <c r="D73" s="9">
        <v>90</v>
      </c>
    </row>
    <row r="74" spans="1:4" ht="18" customHeight="1" x14ac:dyDescent="0.15">
      <c r="A74" s="16">
        <v>57</v>
      </c>
      <c r="B74" s="29">
        <v>46</v>
      </c>
      <c r="C74" s="10">
        <v>53</v>
      </c>
      <c r="D74" s="9">
        <v>99</v>
      </c>
    </row>
    <row r="75" spans="1:4" ht="18" customHeight="1" x14ac:dyDescent="0.15">
      <c r="A75" s="16">
        <v>58</v>
      </c>
      <c r="B75" s="29">
        <v>42</v>
      </c>
      <c r="C75" s="10">
        <v>41</v>
      </c>
      <c r="D75" s="9">
        <v>83</v>
      </c>
    </row>
    <row r="76" spans="1:4" ht="18" customHeight="1" x14ac:dyDescent="0.15">
      <c r="A76" s="16">
        <v>59</v>
      </c>
      <c r="B76" s="29">
        <v>37</v>
      </c>
      <c r="C76" s="10">
        <v>40</v>
      </c>
      <c r="D76" s="9">
        <v>77</v>
      </c>
    </row>
    <row r="77" spans="1:4" ht="18" customHeight="1" x14ac:dyDescent="0.15">
      <c r="A77" s="8" t="s">
        <v>71</v>
      </c>
      <c r="B77" s="29">
        <v>226</v>
      </c>
      <c r="C77" s="10">
        <v>216</v>
      </c>
      <c r="D77" s="9">
        <v>442</v>
      </c>
    </row>
    <row r="78" spans="1:4" ht="18" customHeight="1" x14ac:dyDescent="0.15">
      <c r="A78" s="16">
        <v>60</v>
      </c>
      <c r="B78" s="29">
        <v>39</v>
      </c>
      <c r="C78" s="10">
        <v>41</v>
      </c>
      <c r="D78" s="9">
        <v>80</v>
      </c>
    </row>
    <row r="79" spans="1:4" ht="18" customHeight="1" x14ac:dyDescent="0.15">
      <c r="A79" s="16">
        <v>61</v>
      </c>
      <c r="B79" s="29">
        <v>36</v>
      </c>
      <c r="C79" s="10">
        <v>34</v>
      </c>
      <c r="D79" s="9">
        <v>70</v>
      </c>
    </row>
    <row r="80" spans="1:4" ht="18" customHeight="1" x14ac:dyDescent="0.15">
      <c r="A80" s="16">
        <v>62</v>
      </c>
      <c r="B80" s="29">
        <v>43</v>
      </c>
      <c r="C80" s="10">
        <v>36</v>
      </c>
      <c r="D80" s="9">
        <v>79</v>
      </c>
    </row>
    <row r="81" spans="1:4" ht="18" customHeight="1" x14ac:dyDescent="0.15">
      <c r="A81" s="16">
        <v>63</v>
      </c>
      <c r="B81" s="29">
        <v>35</v>
      </c>
      <c r="C81" s="10">
        <v>57</v>
      </c>
      <c r="D81" s="9">
        <v>92</v>
      </c>
    </row>
    <row r="82" spans="1:4" ht="18" customHeight="1" x14ac:dyDescent="0.15">
      <c r="A82" s="16">
        <v>64</v>
      </c>
      <c r="B82" s="29">
        <v>42</v>
      </c>
      <c r="C82" s="10">
        <v>44</v>
      </c>
      <c r="D82" s="9">
        <v>86</v>
      </c>
    </row>
    <row r="83" spans="1:4" ht="18" customHeight="1" x14ac:dyDescent="0.15">
      <c r="A83" s="8" t="s">
        <v>44</v>
      </c>
      <c r="B83" s="29">
        <v>195</v>
      </c>
      <c r="C83" s="10">
        <v>212</v>
      </c>
      <c r="D83" s="9">
        <v>407</v>
      </c>
    </row>
    <row r="84" spans="1:4" ht="18" customHeight="1" x14ac:dyDescent="0.15">
      <c r="A84" s="8" t="s">
        <v>100</v>
      </c>
      <c r="B84" s="29">
        <v>1980</v>
      </c>
      <c r="C84" s="10">
        <v>1923</v>
      </c>
      <c r="D84" s="9">
        <v>3903</v>
      </c>
    </row>
    <row r="85" spans="1:4" ht="18" customHeight="1" x14ac:dyDescent="0.15">
      <c r="A85" s="16">
        <v>65</v>
      </c>
      <c r="B85" s="29">
        <v>53</v>
      </c>
      <c r="C85" s="10">
        <v>37</v>
      </c>
      <c r="D85" s="9">
        <v>90</v>
      </c>
    </row>
    <row r="86" spans="1:4" ht="18" customHeight="1" x14ac:dyDescent="0.15">
      <c r="A86" s="16">
        <v>66</v>
      </c>
      <c r="B86" s="29">
        <v>42</v>
      </c>
      <c r="C86" s="10">
        <v>45</v>
      </c>
      <c r="D86" s="9">
        <v>87</v>
      </c>
    </row>
    <row r="87" spans="1:4" ht="18" customHeight="1" x14ac:dyDescent="0.15">
      <c r="A87" s="16">
        <v>67</v>
      </c>
      <c r="B87" s="29">
        <v>29</v>
      </c>
      <c r="C87" s="10">
        <v>50</v>
      </c>
      <c r="D87" s="9">
        <v>79</v>
      </c>
    </row>
    <row r="88" spans="1:4" ht="18" customHeight="1" x14ac:dyDescent="0.15">
      <c r="A88" s="16">
        <v>68</v>
      </c>
      <c r="B88" s="29">
        <v>54</v>
      </c>
      <c r="C88" s="10">
        <v>43</v>
      </c>
      <c r="D88" s="9">
        <v>97</v>
      </c>
    </row>
    <row r="89" spans="1:4" ht="18" customHeight="1" x14ac:dyDescent="0.15">
      <c r="A89" s="16">
        <v>69</v>
      </c>
      <c r="B89" s="29">
        <v>36</v>
      </c>
      <c r="C89" s="10">
        <v>40</v>
      </c>
      <c r="D89" s="9">
        <v>76</v>
      </c>
    </row>
    <row r="90" spans="1:4" ht="18" customHeight="1" x14ac:dyDescent="0.15">
      <c r="A90" s="8" t="s">
        <v>42</v>
      </c>
      <c r="B90" s="29">
        <v>214</v>
      </c>
      <c r="C90" s="10">
        <v>215</v>
      </c>
      <c r="D90" s="9">
        <v>429</v>
      </c>
    </row>
    <row r="91" spans="1:4" ht="18" customHeight="1" x14ac:dyDescent="0.15">
      <c r="A91" s="16">
        <v>70</v>
      </c>
      <c r="B91" s="29">
        <v>51</v>
      </c>
      <c r="C91" s="10">
        <v>53</v>
      </c>
      <c r="D91" s="9">
        <v>104</v>
      </c>
    </row>
    <row r="92" spans="1:4" ht="18" customHeight="1" x14ac:dyDescent="0.15">
      <c r="A92" s="16">
        <v>71</v>
      </c>
      <c r="B92" s="29">
        <v>38</v>
      </c>
      <c r="C92" s="10">
        <v>52</v>
      </c>
      <c r="D92" s="9">
        <v>90</v>
      </c>
    </row>
    <row r="93" spans="1:4" ht="18" customHeight="1" x14ac:dyDescent="0.15">
      <c r="A93" s="16">
        <v>72</v>
      </c>
      <c r="B93" s="29">
        <v>54</v>
      </c>
      <c r="C93" s="10">
        <v>54</v>
      </c>
      <c r="D93" s="9">
        <v>108</v>
      </c>
    </row>
    <row r="94" spans="1:4" ht="18" customHeight="1" x14ac:dyDescent="0.15">
      <c r="A94" s="16">
        <v>73</v>
      </c>
      <c r="B94" s="29">
        <v>57</v>
      </c>
      <c r="C94" s="10">
        <v>76</v>
      </c>
      <c r="D94" s="9">
        <v>133</v>
      </c>
    </row>
    <row r="95" spans="1:4" ht="18" customHeight="1" x14ac:dyDescent="0.15">
      <c r="A95" s="16">
        <v>74</v>
      </c>
      <c r="B95" s="29">
        <v>71</v>
      </c>
      <c r="C95" s="10">
        <v>77</v>
      </c>
      <c r="D95" s="9">
        <v>148</v>
      </c>
    </row>
    <row r="96" spans="1:4" ht="18" customHeight="1" x14ac:dyDescent="0.15">
      <c r="A96" s="8" t="s">
        <v>41</v>
      </c>
      <c r="B96" s="29">
        <v>271</v>
      </c>
      <c r="C96" s="10">
        <v>312</v>
      </c>
      <c r="D96" s="9">
        <v>583</v>
      </c>
    </row>
    <row r="97" spans="1:4" ht="18" customHeight="1" x14ac:dyDescent="0.15">
      <c r="A97" s="16">
        <v>75</v>
      </c>
      <c r="B97" s="29">
        <v>58</v>
      </c>
      <c r="C97" s="10">
        <v>68</v>
      </c>
      <c r="D97" s="9">
        <v>126</v>
      </c>
    </row>
    <row r="98" spans="1:4" ht="18" customHeight="1" x14ac:dyDescent="0.15">
      <c r="A98" s="16">
        <v>76</v>
      </c>
      <c r="B98" s="29">
        <v>50</v>
      </c>
      <c r="C98" s="10">
        <v>43</v>
      </c>
      <c r="D98" s="9">
        <v>93</v>
      </c>
    </row>
    <row r="99" spans="1:4" ht="18" customHeight="1" x14ac:dyDescent="0.15">
      <c r="A99" s="16">
        <v>77</v>
      </c>
      <c r="B99" s="29">
        <v>22</v>
      </c>
      <c r="C99" s="10">
        <v>45</v>
      </c>
      <c r="D99" s="9">
        <v>67</v>
      </c>
    </row>
    <row r="100" spans="1:4" ht="18" customHeight="1" x14ac:dyDescent="0.15">
      <c r="A100" s="16">
        <v>78</v>
      </c>
      <c r="B100" s="29">
        <v>38</v>
      </c>
      <c r="C100" s="10">
        <v>62</v>
      </c>
      <c r="D100" s="9">
        <v>100</v>
      </c>
    </row>
    <row r="101" spans="1:4" ht="18" customHeight="1" x14ac:dyDescent="0.15">
      <c r="A101" s="16">
        <v>79</v>
      </c>
      <c r="B101" s="29">
        <v>48</v>
      </c>
      <c r="C101" s="10">
        <v>67</v>
      </c>
      <c r="D101" s="9">
        <v>115</v>
      </c>
    </row>
    <row r="102" spans="1:4" ht="18" customHeight="1" x14ac:dyDescent="0.15">
      <c r="A102" s="8" t="s">
        <v>70</v>
      </c>
      <c r="B102" s="29">
        <v>216</v>
      </c>
      <c r="C102" s="10">
        <v>285</v>
      </c>
      <c r="D102" s="9">
        <v>501</v>
      </c>
    </row>
    <row r="103" spans="1:4" ht="18" customHeight="1" x14ac:dyDescent="0.15">
      <c r="A103" s="16">
        <v>80</v>
      </c>
      <c r="B103" s="29">
        <v>34</v>
      </c>
      <c r="C103" s="10">
        <v>55</v>
      </c>
      <c r="D103" s="9">
        <v>89</v>
      </c>
    </row>
    <row r="104" spans="1:4" ht="18" customHeight="1" x14ac:dyDescent="0.15">
      <c r="A104" s="16">
        <v>81</v>
      </c>
      <c r="B104" s="29">
        <v>41</v>
      </c>
      <c r="C104" s="10">
        <v>42</v>
      </c>
      <c r="D104" s="9">
        <v>83</v>
      </c>
    </row>
    <row r="105" spans="1:4" ht="18" customHeight="1" x14ac:dyDescent="0.15">
      <c r="A105" s="16">
        <v>82</v>
      </c>
      <c r="B105" s="29">
        <v>34</v>
      </c>
      <c r="C105" s="10">
        <v>41</v>
      </c>
      <c r="D105" s="9">
        <v>75</v>
      </c>
    </row>
    <row r="106" spans="1:4" ht="18" customHeight="1" x14ac:dyDescent="0.15">
      <c r="A106" s="16">
        <v>83</v>
      </c>
      <c r="B106" s="29">
        <v>39</v>
      </c>
      <c r="C106" s="10">
        <v>30</v>
      </c>
      <c r="D106" s="9">
        <v>69</v>
      </c>
    </row>
    <row r="107" spans="1:4" ht="18" customHeight="1" x14ac:dyDescent="0.15">
      <c r="A107" s="16">
        <v>84</v>
      </c>
      <c r="B107" s="29">
        <v>28</v>
      </c>
      <c r="C107" s="10">
        <v>22</v>
      </c>
      <c r="D107" s="9">
        <v>50</v>
      </c>
    </row>
    <row r="108" spans="1:4" ht="18" customHeight="1" x14ac:dyDescent="0.15">
      <c r="A108" s="8" t="s">
        <v>39</v>
      </c>
      <c r="B108" s="29">
        <v>176</v>
      </c>
      <c r="C108" s="10">
        <v>190</v>
      </c>
      <c r="D108" s="9">
        <v>366</v>
      </c>
    </row>
    <row r="109" spans="1:4" ht="18" customHeight="1" x14ac:dyDescent="0.15">
      <c r="A109" s="16">
        <v>85</v>
      </c>
      <c r="B109" s="29">
        <v>23</v>
      </c>
      <c r="C109" s="10">
        <v>39</v>
      </c>
      <c r="D109" s="9">
        <v>62</v>
      </c>
    </row>
    <row r="110" spans="1:4" ht="18" customHeight="1" x14ac:dyDescent="0.15">
      <c r="A110" s="16">
        <v>86</v>
      </c>
      <c r="B110" s="29">
        <v>27</v>
      </c>
      <c r="C110" s="10">
        <v>39</v>
      </c>
      <c r="D110" s="9">
        <v>66</v>
      </c>
    </row>
    <row r="111" spans="1:4" ht="18" customHeight="1" x14ac:dyDescent="0.15">
      <c r="A111" s="16">
        <v>87</v>
      </c>
      <c r="B111" s="29">
        <v>16</v>
      </c>
      <c r="C111" s="10">
        <v>41</v>
      </c>
      <c r="D111" s="9">
        <v>57</v>
      </c>
    </row>
    <row r="112" spans="1:4" ht="18" customHeight="1" x14ac:dyDescent="0.15">
      <c r="A112" s="16">
        <v>88</v>
      </c>
      <c r="B112" s="29">
        <v>8</v>
      </c>
      <c r="C112" s="10">
        <v>25</v>
      </c>
      <c r="D112" s="9">
        <v>33</v>
      </c>
    </row>
    <row r="113" spans="1:4" ht="18" customHeight="1" x14ac:dyDescent="0.15">
      <c r="A113" s="16">
        <v>89</v>
      </c>
      <c r="B113" s="29">
        <v>15</v>
      </c>
      <c r="C113" s="10">
        <v>25</v>
      </c>
      <c r="D113" s="9">
        <v>40</v>
      </c>
    </row>
    <row r="114" spans="1:4" ht="18" customHeight="1" x14ac:dyDescent="0.15">
      <c r="A114" s="8" t="s">
        <v>38</v>
      </c>
      <c r="B114" s="29">
        <v>89</v>
      </c>
      <c r="C114" s="10">
        <v>169</v>
      </c>
      <c r="D114" s="9">
        <v>258</v>
      </c>
    </row>
    <row r="115" spans="1:4" ht="18" customHeight="1" x14ac:dyDescent="0.15">
      <c r="A115" s="16">
        <v>90</v>
      </c>
      <c r="B115" s="29">
        <v>16</v>
      </c>
      <c r="C115" s="10">
        <v>30</v>
      </c>
      <c r="D115" s="9">
        <v>46</v>
      </c>
    </row>
    <row r="116" spans="1:4" ht="18" customHeight="1" x14ac:dyDescent="0.15">
      <c r="A116" s="16">
        <v>91</v>
      </c>
      <c r="B116" s="29">
        <v>7</v>
      </c>
      <c r="C116" s="10">
        <v>18</v>
      </c>
      <c r="D116" s="9">
        <v>25</v>
      </c>
    </row>
    <row r="117" spans="1:4" ht="18" customHeight="1" x14ac:dyDescent="0.15">
      <c r="A117" s="16">
        <v>92</v>
      </c>
      <c r="B117" s="29">
        <v>6</v>
      </c>
      <c r="C117" s="10">
        <v>10</v>
      </c>
      <c r="D117" s="9">
        <v>16</v>
      </c>
    </row>
    <row r="118" spans="1:4" ht="18" customHeight="1" x14ac:dyDescent="0.15">
      <c r="A118" s="16">
        <v>93</v>
      </c>
      <c r="B118" s="29">
        <v>5</v>
      </c>
      <c r="C118" s="10">
        <v>14</v>
      </c>
      <c r="D118" s="9">
        <v>19</v>
      </c>
    </row>
    <row r="119" spans="1:4" ht="18" customHeight="1" x14ac:dyDescent="0.15">
      <c r="A119" s="16">
        <v>94</v>
      </c>
      <c r="B119" s="29">
        <v>3</v>
      </c>
      <c r="C119" s="10">
        <v>5</v>
      </c>
      <c r="D119" s="9">
        <v>8</v>
      </c>
    </row>
    <row r="120" spans="1:4" ht="18" customHeight="1" x14ac:dyDescent="0.15">
      <c r="A120" s="8" t="s">
        <v>69</v>
      </c>
      <c r="B120" s="29">
        <v>37</v>
      </c>
      <c r="C120" s="10">
        <v>77</v>
      </c>
      <c r="D120" s="9">
        <v>114</v>
      </c>
    </row>
    <row r="121" spans="1:4" ht="18" customHeight="1" x14ac:dyDescent="0.15">
      <c r="A121" s="16">
        <v>95</v>
      </c>
      <c r="B121" s="29">
        <v>2</v>
      </c>
      <c r="C121" s="10">
        <v>9</v>
      </c>
      <c r="D121" s="9">
        <v>11</v>
      </c>
    </row>
    <row r="122" spans="1:4" ht="18" customHeight="1" x14ac:dyDescent="0.15">
      <c r="A122" s="16">
        <v>96</v>
      </c>
      <c r="B122" s="29">
        <v>4</v>
      </c>
      <c r="C122" s="10">
        <v>1</v>
      </c>
      <c r="D122" s="9">
        <v>5</v>
      </c>
    </row>
    <row r="123" spans="1:4" ht="18" customHeight="1" x14ac:dyDescent="0.15">
      <c r="A123" s="16">
        <v>97</v>
      </c>
      <c r="B123" s="29">
        <v>1</v>
      </c>
      <c r="C123" s="10">
        <v>5</v>
      </c>
      <c r="D123" s="9">
        <v>6</v>
      </c>
    </row>
    <row r="124" spans="1:4" ht="18" customHeight="1" x14ac:dyDescent="0.15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5</v>
      </c>
      <c r="D125" s="9">
        <v>5</v>
      </c>
    </row>
    <row r="126" spans="1:4" ht="18" customHeight="1" x14ac:dyDescent="0.15">
      <c r="A126" s="8" t="s">
        <v>68</v>
      </c>
      <c r="B126" s="29">
        <v>8</v>
      </c>
      <c r="C126" s="10">
        <v>22</v>
      </c>
      <c r="D126" s="9">
        <v>30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159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35</v>
      </c>
      <c r="B130" s="28">
        <v>1011</v>
      </c>
      <c r="C130" s="6">
        <v>1273</v>
      </c>
      <c r="D130" s="5">
        <v>2284</v>
      </c>
    </row>
    <row r="131" spans="1:4" ht="18" customHeight="1" x14ac:dyDescent="0.15">
      <c r="A131" s="4" t="s">
        <v>0</v>
      </c>
      <c r="B131" s="27">
        <v>3382</v>
      </c>
      <c r="C131" s="2">
        <v>3529</v>
      </c>
      <c r="D131" s="1">
        <v>691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6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7</v>
      </c>
      <c r="C5" s="18">
        <v>7</v>
      </c>
      <c r="D5" s="17">
        <v>14</v>
      </c>
    </row>
    <row r="6" spans="1:4" ht="18" customHeight="1" x14ac:dyDescent="0.15">
      <c r="A6" s="16">
        <v>1</v>
      </c>
      <c r="B6" s="29">
        <v>13</v>
      </c>
      <c r="C6" s="10">
        <v>10</v>
      </c>
      <c r="D6" s="9">
        <v>23</v>
      </c>
    </row>
    <row r="7" spans="1:4" ht="18" customHeight="1" x14ac:dyDescent="0.15">
      <c r="A7" s="16">
        <v>2</v>
      </c>
      <c r="B7" s="29">
        <v>7</v>
      </c>
      <c r="C7" s="10">
        <v>8</v>
      </c>
      <c r="D7" s="9">
        <v>15</v>
      </c>
    </row>
    <row r="8" spans="1:4" ht="18" customHeight="1" x14ac:dyDescent="0.15">
      <c r="A8" s="16">
        <v>3</v>
      </c>
      <c r="B8" s="29">
        <v>17</v>
      </c>
      <c r="C8" s="10">
        <v>15</v>
      </c>
      <c r="D8" s="9">
        <v>32</v>
      </c>
    </row>
    <row r="9" spans="1:4" ht="18" customHeight="1" x14ac:dyDescent="0.15">
      <c r="A9" s="16">
        <v>4</v>
      </c>
      <c r="B9" s="29">
        <v>12</v>
      </c>
      <c r="C9" s="10">
        <v>12</v>
      </c>
      <c r="D9" s="9">
        <v>24</v>
      </c>
    </row>
    <row r="10" spans="1:4" ht="18" customHeight="1" x14ac:dyDescent="0.15">
      <c r="A10" s="8" t="s">
        <v>76</v>
      </c>
      <c r="B10" s="29">
        <v>56</v>
      </c>
      <c r="C10" s="10">
        <v>52</v>
      </c>
      <c r="D10" s="9">
        <v>108</v>
      </c>
    </row>
    <row r="11" spans="1:4" ht="18" customHeight="1" x14ac:dyDescent="0.15">
      <c r="A11" s="16">
        <v>5</v>
      </c>
      <c r="B11" s="29">
        <v>19</v>
      </c>
      <c r="C11" s="10">
        <v>14</v>
      </c>
      <c r="D11" s="9">
        <v>33</v>
      </c>
    </row>
    <row r="12" spans="1:4" ht="18" customHeight="1" x14ac:dyDescent="0.15">
      <c r="A12" s="16">
        <v>6</v>
      </c>
      <c r="B12" s="29">
        <v>21</v>
      </c>
      <c r="C12" s="10">
        <v>11</v>
      </c>
      <c r="D12" s="9">
        <v>32</v>
      </c>
    </row>
    <row r="13" spans="1:4" ht="18" customHeight="1" x14ac:dyDescent="0.15">
      <c r="A13" s="16">
        <v>7</v>
      </c>
      <c r="B13" s="29">
        <v>23</v>
      </c>
      <c r="C13" s="10">
        <v>16</v>
      </c>
      <c r="D13" s="9">
        <v>39</v>
      </c>
    </row>
    <row r="14" spans="1:4" ht="18" customHeight="1" x14ac:dyDescent="0.15">
      <c r="A14" s="16">
        <v>8</v>
      </c>
      <c r="B14" s="29">
        <v>16</v>
      </c>
      <c r="C14" s="10">
        <v>28</v>
      </c>
      <c r="D14" s="9">
        <v>44</v>
      </c>
    </row>
    <row r="15" spans="1:4" ht="18" customHeight="1" x14ac:dyDescent="0.15">
      <c r="A15" s="16">
        <v>9</v>
      </c>
      <c r="B15" s="29">
        <v>22</v>
      </c>
      <c r="C15" s="10">
        <v>21</v>
      </c>
      <c r="D15" s="9">
        <v>43</v>
      </c>
    </row>
    <row r="16" spans="1:4" ht="18" customHeight="1" x14ac:dyDescent="0.15">
      <c r="A16" s="8" t="s">
        <v>50</v>
      </c>
      <c r="B16" s="29">
        <v>101</v>
      </c>
      <c r="C16" s="10">
        <v>90</v>
      </c>
      <c r="D16" s="9">
        <v>191</v>
      </c>
    </row>
    <row r="17" spans="1:4" ht="18" customHeight="1" x14ac:dyDescent="0.15">
      <c r="A17" s="16">
        <v>10</v>
      </c>
      <c r="B17" s="29">
        <v>24</v>
      </c>
      <c r="C17" s="10">
        <v>20</v>
      </c>
      <c r="D17" s="9">
        <v>44</v>
      </c>
    </row>
    <row r="18" spans="1:4" ht="18" customHeight="1" x14ac:dyDescent="0.15">
      <c r="A18" s="16">
        <v>11</v>
      </c>
      <c r="B18" s="29">
        <v>26</v>
      </c>
      <c r="C18" s="10">
        <v>21</v>
      </c>
      <c r="D18" s="9">
        <v>47</v>
      </c>
    </row>
    <row r="19" spans="1:4" ht="18" customHeight="1" x14ac:dyDescent="0.15">
      <c r="A19" s="16">
        <v>12</v>
      </c>
      <c r="B19" s="29">
        <v>24</v>
      </c>
      <c r="C19" s="10">
        <v>33</v>
      </c>
      <c r="D19" s="9">
        <v>57</v>
      </c>
    </row>
    <row r="20" spans="1:4" ht="18" customHeight="1" x14ac:dyDescent="0.15">
      <c r="A20" s="16">
        <v>13</v>
      </c>
      <c r="B20" s="29">
        <v>26</v>
      </c>
      <c r="C20" s="10">
        <v>31</v>
      </c>
      <c r="D20" s="9">
        <v>57</v>
      </c>
    </row>
    <row r="21" spans="1:4" ht="18" customHeight="1" x14ac:dyDescent="0.15">
      <c r="A21" s="16">
        <v>14</v>
      </c>
      <c r="B21" s="29">
        <v>26</v>
      </c>
      <c r="C21" s="10">
        <v>21</v>
      </c>
      <c r="D21" s="9">
        <v>47</v>
      </c>
    </row>
    <row r="22" spans="1:4" ht="18" customHeight="1" x14ac:dyDescent="0.15">
      <c r="A22" s="8" t="s">
        <v>75</v>
      </c>
      <c r="B22" s="29">
        <v>126</v>
      </c>
      <c r="C22" s="10">
        <v>126</v>
      </c>
      <c r="D22" s="9">
        <v>252</v>
      </c>
    </row>
    <row r="23" spans="1:4" ht="18" customHeight="1" x14ac:dyDescent="0.15">
      <c r="A23" s="8" t="s">
        <v>65</v>
      </c>
      <c r="B23" s="29">
        <v>283</v>
      </c>
      <c r="C23" s="10">
        <v>268</v>
      </c>
      <c r="D23" s="9">
        <v>551</v>
      </c>
    </row>
    <row r="24" spans="1:4" ht="18" customHeight="1" x14ac:dyDescent="0.15">
      <c r="A24" s="16">
        <v>15</v>
      </c>
      <c r="B24" s="29">
        <v>32</v>
      </c>
      <c r="C24" s="10">
        <v>33</v>
      </c>
      <c r="D24" s="9">
        <v>65</v>
      </c>
    </row>
    <row r="25" spans="1:4" ht="18" customHeight="1" x14ac:dyDescent="0.15">
      <c r="A25" s="16">
        <v>16</v>
      </c>
      <c r="B25" s="29">
        <v>34</v>
      </c>
      <c r="C25" s="10">
        <v>25</v>
      </c>
      <c r="D25" s="9">
        <v>59</v>
      </c>
    </row>
    <row r="26" spans="1:4" ht="18" customHeight="1" x14ac:dyDescent="0.15">
      <c r="A26" s="16">
        <v>17</v>
      </c>
      <c r="B26" s="29">
        <v>30</v>
      </c>
      <c r="C26" s="10">
        <v>34</v>
      </c>
      <c r="D26" s="9">
        <v>64</v>
      </c>
    </row>
    <row r="27" spans="1:4" ht="18" customHeight="1" x14ac:dyDescent="0.15">
      <c r="A27" s="16">
        <v>18</v>
      </c>
      <c r="B27" s="29">
        <v>27</v>
      </c>
      <c r="C27" s="10">
        <v>23</v>
      </c>
      <c r="D27" s="9">
        <v>50</v>
      </c>
    </row>
    <row r="28" spans="1:4" ht="18" customHeight="1" x14ac:dyDescent="0.15">
      <c r="A28" s="16">
        <v>19</v>
      </c>
      <c r="B28" s="29">
        <v>21</v>
      </c>
      <c r="C28" s="10">
        <v>30</v>
      </c>
      <c r="D28" s="9">
        <v>51</v>
      </c>
    </row>
    <row r="29" spans="1:4" ht="18" customHeight="1" x14ac:dyDescent="0.15">
      <c r="A29" s="8" t="s">
        <v>48</v>
      </c>
      <c r="B29" s="29">
        <v>144</v>
      </c>
      <c r="C29" s="10">
        <v>145</v>
      </c>
      <c r="D29" s="9">
        <v>289</v>
      </c>
    </row>
    <row r="30" spans="1:4" ht="18" customHeight="1" x14ac:dyDescent="0.15">
      <c r="A30" s="16">
        <v>20</v>
      </c>
      <c r="B30" s="29">
        <v>30</v>
      </c>
      <c r="C30" s="10">
        <v>16</v>
      </c>
      <c r="D30" s="9">
        <v>46</v>
      </c>
    </row>
    <row r="31" spans="1:4" ht="18" customHeight="1" x14ac:dyDescent="0.15">
      <c r="A31" s="16">
        <v>21</v>
      </c>
      <c r="B31" s="29">
        <v>32</v>
      </c>
      <c r="C31" s="10">
        <v>26</v>
      </c>
      <c r="D31" s="9">
        <v>58</v>
      </c>
    </row>
    <row r="32" spans="1:4" ht="18" customHeight="1" x14ac:dyDescent="0.15">
      <c r="A32" s="16">
        <v>22</v>
      </c>
      <c r="B32" s="29">
        <v>25</v>
      </c>
      <c r="C32" s="10">
        <v>23</v>
      </c>
      <c r="D32" s="9">
        <v>48</v>
      </c>
    </row>
    <row r="33" spans="1:4" ht="18" customHeight="1" x14ac:dyDescent="0.15">
      <c r="A33" s="16">
        <v>23</v>
      </c>
      <c r="B33" s="29">
        <v>22</v>
      </c>
      <c r="C33" s="10">
        <v>18</v>
      </c>
      <c r="D33" s="9">
        <v>40</v>
      </c>
    </row>
    <row r="34" spans="1:4" ht="18" customHeight="1" x14ac:dyDescent="0.15">
      <c r="A34" s="16">
        <v>24</v>
      </c>
      <c r="B34" s="29">
        <v>25</v>
      </c>
      <c r="C34" s="10">
        <v>17</v>
      </c>
      <c r="D34" s="9">
        <v>42</v>
      </c>
    </row>
    <row r="35" spans="1:4" ht="18" customHeight="1" x14ac:dyDescent="0.15">
      <c r="A35" s="8" t="s">
        <v>74</v>
      </c>
      <c r="B35" s="29">
        <v>134</v>
      </c>
      <c r="C35" s="10">
        <v>100</v>
      </c>
      <c r="D35" s="9">
        <v>234</v>
      </c>
    </row>
    <row r="36" spans="1:4" ht="18" customHeight="1" x14ac:dyDescent="0.15">
      <c r="A36" s="16">
        <v>25</v>
      </c>
      <c r="B36" s="29">
        <v>15</v>
      </c>
      <c r="C36" s="10">
        <v>18</v>
      </c>
      <c r="D36" s="9">
        <v>33</v>
      </c>
    </row>
    <row r="37" spans="1:4" ht="18" customHeight="1" x14ac:dyDescent="0.15">
      <c r="A37" s="16">
        <v>26</v>
      </c>
      <c r="B37" s="29">
        <v>18</v>
      </c>
      <c r="C37" s="10">
        <v>17</v>
      </c>
      <c r="D37" s="9">
        <v>35</v>
      </c>
    </row>
    <row r="38" spans="1:4" ht="18" customHeight="1" x14ac:dyDescent="0.15">
      <c r="A38" s="16">
        <v>27</v>
      </c>
      <c r="B38" s="29">
        <v>25</v>
      </c>
      <c r="C38" s="10">
        <v>20</v>
      </c>
      <c r="D38" s="9">
        <v>45</v>
      </c>
    </row>
    <row r="39" spans="1:4" ht="18" customHeight="1" x14ac:dyDescent="0.15">
      <c r="A39" s="16">
        <v>28</v>
      </c>
      <c r="B39" s="29">
        <v>20</v>
      </c>
      <c r="C39" s="10">
        <v>16</v>
      </c>
      <c r="D39" s="9">
        <v>36</v>
      </c>
    </row>
    <row r="40" spans="1:4" ht="18" customHeight="1" x14ac:dyDescent="0.15">
      <c r="A40" s="16">
        <v>29</v>
      </c>
      <c r="B40" s="29">
        <v>21</v>
      </c>
      <c r="C40" s="10">
        <v>20</v>
      </c>
      <c r="D40" s="9">
        <v>41</v>
      </c>
    </row>
    <row r="41" spans="1:4" ht="18" customHeight="1" x14ac:dyDescent="0.15">
      <c r="A41" s="8" t="s">
        <v>73</v>
      </c>
      <c r="B41" s="29">
        <v>99</v>
      </c>
      <c r="C41" s="10">
        <v>91</v>
      </c>
      <c r="D41" s="9">
        <v>190</v>
      </c>
    </row>
    <row r="42" spans="1:4" ht="18" customHeight="1" x14ac:dyDescent="0.15">
      <c r="A42" s="16">
        <v>30</v>
      </c>
      <c r="B42" s="29">
        <v>17</v>
      </c>
      <c r="C42" s="10">
        <v>15</v>
      </c>
      <c r="D42" s="9">
        <v>32</v>
      </c>
    </row>
    <row r="43" spans="1:4" ht="18" customHeight="1" x14ac:dyDescent="0.15">
      <c r="A43" s="16">
        <v>31</v>
      </c>
      <c r="B43" s="29">
        <v>20</v>
      </c>
      <c r="C43" s="10">
        <v>15</v>
      </c>
      <c r="D43" s="9">
        <v>35</v>
      </c>
    </row>
    <row r="44" spans="1:4" ht="18" customHeight="1" x14ac:dyDescent="0.15">
      <c r="A44" s="16">
        <v>32</v>
      </c>
      <c r="B44" s="29">
        <v>15</v>
      </c>
      <c r="C44" s="10">
        <v>9</v>
      </c>
      <c r="D44" s="9">
        <v>24</v>
      </c>
    </row>
    <row r="45" spans="1:4" ht="18" customHeight="1" x14ac:dyDescent="0.15">
      <c r="A45" s="16">
        <v>33</v>
      </c>
      <c r="B45" s="29">
        <v>11</v>
      </c>
      <c r="C45" s="10">
        <v>20</v>
      </c>
      <c r="D45" s="9">
        <v>31</v>
      </c>
    </row>
    <row r="46" spans="1:4" ht="18" customHeight="1" x14ac:dyDescent="0.15">
      <c r="A46" s="16">
        <v>34</v>
      </c>
      <c r="B46" s="29">
        <v>23</v>
      </c>
      <c r="C46" s="10">
        <v>26</v>
      </c>
      <c r="D46" s="9">
        <v>49</v>
      </c>
    </row>
    <row r="47" spans="1:4" ht="18" customHeight="1" x14ac:dyDescent="0.15">
      <c r="A47" s="8" t="s">
        <v>61</v>
      </c>
      <c r="B47" s="29">
        <v>86</v>
      </c>
      <c r="C47" s="10">
        <v>85</v>
      </c>
      <c r="D47" s="9">
        <v>171</v>
      </c>
    </row>
    <row r="48" spans="1:4" ht="18" customHeight="1" x14ac:dyDescent="0.15">
      <c r="A48" s="16">
        <v>35</v>
      </c>
      <c r="B48" s="29">
        <v>23</v>
      </c>
      <c r="C48" s="10">
        <v>18</v>
      </c>
      <c r="D48" s="9">
        <v>41</v>
      </c>
    </row>
    <row r="49" spans="1:4" ht="18" customHeight="1" x14ac:dyDescent="0.15">
      <c r="A49" s="16">
        <v>36</v>
      </c>
      <c r="B49" s="29">
        <v>31</v>
      </c>
      <c r="C49" s="10">
        <v>25</v>
      </c>
      <c r="D49" s="9">
        <v>56</v>
      </c>
    </row>
    <row r="50" spans="1:4" ht="18" customHeight="1" x14ac:dyDescent="0.15">
      <c r="A50" s="16">
        <v>37</v>
      </c>
      <c r="B50" s="29">
        <v>19</v>
      </c>
      <c r="C50" s="10">
        <v>23</v>
      </c>
      <c r="D50" s="9">
        <v>42</v>
      </c>
    </row>
    <row r="51" spans="1:4" ht="18" customHeight="1" x14ac:dyDescent="0.15">
      <c r="A51" s="16">
        <v>38</v>
      </c>
      <c r="B51" s="29">
        <v>25</v>
      </c>
      <c r="C51" s="10">
        <v>23</v>
      </c>
      <c r="D51" s="9">
        <v>48</v>
      </c>
    </row>
    <row r="52" spans="1:4" ht="18" customHeight="1" x14ac:dyDescent="0.15">
      <c r="A52" s="16">
        <v>39</v>
      </c>
      <c r="B52" s="29">
        <v>27</v>
      </c>
      <c r="C52" s="10">
        <v>33</v>
      </c>
      <c r="D52" s="9">
        <v>60</v>
      </c>
    </row>
    <row r="53" spans="1:4" ht="18" customHeight="1" x14ac:dyDescent="0.15">
      <c r="A53" s="8" t="s">
        <v>72</v>
      </c>
      <c r="B53" s="29">
        <v>125</v>
      </c>
      <c r="C53" s="10">
        <v>122</v>
      </c>
      <c r="D53" s="9">
        <v>247</v>
      </c>
    </row>
    <row r="54" spans="1:4" ht="18" customHeight="1" x14ac:dyDescent="0.15">
      <c r="A54" s="16">
        <v>40</v>
      </c>
      <c r="B54" s="29">
        <v>29</v>
      </c>
      <c r="C54" s="10">
        <v>24</v>
      </c>
      <c r="D54" s="9">
        <v>53</v>
      </c>
    </row>
    <row r="55" spans="1:4" ht="18" customHeight="1" x14ac:dyDescent="0.15">
      <c r="A55" s="16">
        <v>41</v>
      </c>
      <c r="B55" s="29">
        <v>32</v>
      </c>
      <c r="C55" s="10">
        <v>38</v>
      </c>
      <c r="D55" s="9">
        <v>70</v>
      </c>
    </row>
    <row r="56" spans="1:4" ht="18" customHeight="1" x14ac:dyDescent="0.15">
      <c r="A56" s="16">
        <v>42</v>
      </c>
      <c r="B56" s="29">
        <v>33</v>
      </c>
      <c r="C56" s="10">
        <v>29</v>
      </c>
      <c r="D56" s="9">
        <v>62</v>
      </c>
    </row>
    <row r="57" spans="1:4" ht="18" customHeight="1" x14ac:dyDescent="0.15">
      <c r="A57" s="16">
        <v>43</v>
      </c>
      <c r="B57" s="29">
        <v>33</v>
      </c>
      <c r="C57" s="10">
        <v>44</v>
      </c>
      <c r="D57" s="9">
        <v>77</v>
      </c>
    </row>
    <row r="58" spans="1:4" ht="18" customHeight="1" x14ac:dyDescent="0.15">
      <c r="A58" s="16">
        <v>44</v>
      </c>
      <c r="B58" s="29">
        <v>50</v>
      </c>
      <c r="C58" s="10">
        <v>49</v>
      </c>
      <c r="D58" s="9">
        <v>99</v>
      </c>
    </row>
    <row r="59" spans="1:4" ht="18" customHeight="1" x14ac:dyDescent="0.15">
      <c r="A59" s="8" t="s">
        <v>46</v>
      </c>
      <c r="B59" s="29">
        <v>177</v>
      </c>
      <c r="C59" s="10">
        <v>184</v>
      </c>
      <c r="D59" s="9">
        <v>361</v>
      </c>
    </row>
    <row r="60" spans="1:4" ht="18" customHeight="1" x14ac:dyDescent="0.15">
      <c r="A60" s="16">
        <v>45</v>
      </c>
      <c r="B60" s="29">
        <v>48</v>
      </c>
      <c r="C60" s="10">
        <v>28</v>
      </c>
      <c r="D60" s="9">
        <v>76</v>
      </c>
    </row>
    <row r="61" spans="1:4" ht="18" customHeight="1" x14ac:dyDescent="0.15">
      <c r="A61" s="16">
        <v>46</v>
      </c>
      <c r="B61" s="29">
        <v>35</v>
      </c>
      <c r="C61" s="10">
        <v>33</v>
      </c>
      <c r="D61" s="9">
        <v>68</v>
      </c>
    </row>
    <row r="62" spans="1:4" ht="18" customHeight="1" x14ac:dyDescent="0.15">
      <c r="A62" s="16">
        <v>47</v>
      </c>
      <c r="B62" s="29">
        <v>52</v>
      </c>
      <c r="C62" s="10">
        <v>41</v>
      </c>
      <c r="D62" s="9">
        <v>93</v>
      </c>
    </row>
    <row r="63" spans="1:4" ht="18" customHeight="1" x14ac:dyDescent="0.15">
      <c r="A63" s="16">
        <v>48</v>
      </c>
      <c r="B63" s="29">
        <v>47</v>
      </c>
      <c r="C63" s="10">
        <v>46</v>
      </c>
      <c r="D63" s="9">
        <v>93</v>
      </c>
    </row>
    <row r="64" spans="1:4" ht="18" customHeight="1" x14ac:dyDescent="0.15">
      <c r="A64" s="16">
        <v>49</v>
      </c>
      <c r="B64" s="29">
        <v>54</v>
      </c>
      <c r="C64" s="10">
        <v>43</v>
      </c>
      <c r="D64" s="9">
        <v>97</v>
      </c>
    </row>
    <row r="65" spans="1:4" ht="18" customHeight="1" x14ac:dyDescent="0.15">
      <c r="A65" s="8" t="s">
        <v>45</v>
      </c>
      <c r="B65" s="29">
        <v>236</v>
      </c>
      <c r="C65" s="10">
        <v>191</v>
      </c>
      <c r="D65" s="9">
        <v>427</v>
      </c>
    </row>
    <row r="66" spans="1:4" ht="18" customHeight="1" x14ac:dyDescent="0.15">
      <c r="A66" s="16">
        <v>50</v>
      </c>
      <c r="B66" s="29">
        <v>47</v>
      </c>
      <c r="C66" s="10">
        <v>49</v>
      </c>
      <c r="D66" s="9">
        <v>96</v>
      </c>
    </row>
    <row r="67" spans="1:4" ht="18" customHeight="1" x14ac:dyDescent="0.15">
      <c r="A67" s="16">
        <v>51</v>
      </c>
      <c r="B67" s="29">
        <v>37</v>
      </c>
      <c r="C67" s="10">
        <v>52</v>
      </c>
      <c r="D67" s="9">
        <v>89</v>
      </c>
    </row>
    <row r="68" spans="1:4" ht="18" customHeight="1" x14ac:dyDescent="0.15">
      <c r="A68" s="16">
        <v>52</v>
      </c>
      <c r="B68" s="29">
        <v>58</v>
      </c>
      <c r="C68" s="10">
        <v>45</v>
      </c>
      <c r="D68" s="9">
        <v>103</v>
      </c>
    </row>
    <row r="69" spans="1:4" ht="18" customHeight="1" x14ac:dyDescent="0.15">
      <c r="A69" s="16">
        <v>53</v>
      </c>
      <c r="B69" s="29">
        <v>55</v>
      </c>
      <c r="C69" s="10">
        <v>56</v>
      </c>
      <c r="D69" s="9">
        <v>111</v>
      </c>
    </row>
    <row r="70" spans="1:4" ht="18" customHeight="1" x14ac:dyDescent="0.15">
      <c r="A70" s="16">
        <v>54</v>
      </c>
      <c r="B70" s="29">
        <v>53</v>
      </c>
      <c r="C70" s="10">
        <v>40</v>
      </c>
      <c r="D70" s="9">
        <v>93</v>
      </c>
    </row>
    <row r="71" spans="1:4" ht="18" customHeight="1" x14ac:dyDescent="0.15">
      <c r="A71" s="8" t="s">
        <v>58</v>
      </c>
      <c r="B71" s="29">
        <v>250</v>
      </c>
      <c r="C71" s="10">
        <v>242</v>
      </c>
      <c r="D71" s="9">
        <v>492</v>
      </c>
    </row>
    <row r="72" spans="1:4" ht="18" customHeight="1" x14ac:dyDescent="0.15">
      <c r="A72" s="16">
        <v>55</v>
      </c>
      <c r="B72" s="29">
        <v>41</v>
      </c>
      <c r="C72" s="10">
        <v>35</v>
      </c>
      <c r="D72" s="9">
        <v>76</v>
      </c>
    </row>
    <row r="73" spans="1:4" ht="18" customHeight="1" x14ac:dyDescent="0.15">
      <c r="A73" s="16">
        <v>56</v>
      </c>
      <c r="B73" s="29">
        <v>36</v>
      </c>
      <c r="C73" s="10">
        <v>42</v>
      </c>
      <c r="D73" s="9">
        <v>78</v>
      </c>
    </row>
    <row r="74" spans="1:4" ht="18" customHeight="1" x14ac:dyDescent="0.15">
      <c r="A74" s="16">
        <v>57</v>
      </c>
      <c r="B74" s="29">
        <v>43</v>
      </c>
      <c r="C74" s="10">
        <v>41</v>
      </c>
      <c r="D74" s="9">
        <v>84</v>
      </c>
    </row>
    <row r="75" spans="1:4" ht="18" customHeight="1" x14ac:dyDescent="0.15">
      <c r="A75" s="16">
        <v>58</v>
      </c>
      <c r="B75" s="29">
        <v>31</v>
      </c>
      <c r="C75" s="10">
        <v>44</v>
      </c>
      <c r="D75" s="9">
        <v>75</v>
      </c>
    </row>
    <row r="76" spans="1:4" ht="18" customHeight="1" x14ac:dyDescent="0.15">
      <c r="A76" s="16">
        <v>59</v>
      </c>
      <c r="B76" s="29">
        <v>35</v>
      </c>
      <c r="C76" s="10">
        <v>37</v>
      </c>
      <c r="D76" s="9">
        <v>72</v>
      </c>
    </row>
    <row r="77" spans="1:4" ht="18" customHeight="1" x14ac:dyDescent="0.15">
      <c r="A77" s="8" t="s">
        <v>71</v>
      </c>
      <c r="B77" s="29">
        <v>186</v>
      </c>
      <c r="C77" s="10">
        <v>199</v>
      </c>
      <c r="D77" s="9">
        <v>385</v>
      </c>
    </row>
    <row r="78" spans="1:4" ht="18" customHeight="1" x14ac:dyDescent="0.15">
      <c r="A78" s="16">
        <v>60</v>
      </c>
      <c r="B78" s="29">
        <v>39</v>
      </c>
      <c r="C78" s="10">
        <v>40</v>
      </c>
      <c r="D78" s="9">
        <v>79</v>
      </c>
    </row>
    <row r="79" spans="1:4" ht="18" customHeight="1" x14ac:dyDescent="0.15">
      <c r="A79" s="16">
        <v>61</v>
      </c>
      <c r="B79" s="29">
        <v>32</v>
      </c>
      <c r="C79" s="10">
        <v>38</v>
      </c>
      <c r="D79" s="9">
        <v>70</v>
      </c>
    </row>
    <row r="80" spans="1:4" ht="18" customHeight="1" x14ac:dyDescent="0.15">
      <c r="A80" s="16">
        <v>62</v>
      </c>
      <c r="B80" s="29">
        <v>43</v>
      </c>
      <c r="C80" s="10">
        <v>40</v>
      </c>
      <c r="D80" s="9">
        <v>83</v>
      </c>
    </row>
    <row r="81" spans="1:4" ht="18" customHeight="1" x14ac:dyDescent="0.15">
      <c r="A81" s="16">
        <v>63</v>
      </c>
      <c r="B81" s="29">
        <v>26</v>
      </c>
      <c r="C81" s="10">
        <v>39</v>
      </c>
      <c r="D81" s="9">
        <v>65</v>
      </c>
    </row>
    <row r="82" spans="1:4" ht="18" customHeight="1" x14ac:dyDescent="0.15">
      <c r="A82" s="16">
        <v>64</v>
      </c>
      <c r="B82" s="29">
        <v>41</v>
      </c>
      <c r="C82" s="10">
        <v>38</v>
      </c>
      <c r="D82" s="9">
        <v>79</v>
      </c>
    </row>
    <row r="83" spans="1:4" ht="18" customHeight="1" x14ac:dyDescent="0.15">
      <c r="A83" s="8" t="s">
        <v>44</v>
      </c>
      <c r="B83" s="29">
        <v>181</v>
      </c>
      <c r="C83" s="10">
        <v>195</v>
      </c>
      <c r="D83" s="9">
        <v>376</v>
      </c>
    </row>
    <row r="84" spans="1:4" ht="18" customHeight="1" x14ac:dyDescent="0.15">
      <c r="A84" s="8" t="s">
        <v>43</v>
      </c>
      <c r="B84" s="29">
        <v>1618</v>
      </c>
      <c r="C84" s="10">
        <v>1554</v>
      </c>
      <c r="D84" s="9">
        <v>3172</v>
      </c>
    </row>
    <row r="85" spans="1:4" ht="18" customHeight="1" x14ac:dyDescent="0.15">
      <c r="A85" s="16">
        <v>65</v>
      </c>
      <c r="B85" s="29">
        <v>45</v>
      </c>
      <c r="C85" s="10">
        <v>45</v>
      </c>
      <c r="D85" s="9">
        <v>90</v>
      </c>
    </row>
    <row r="86" spans="1:4" ht="18" customHeight="1" x14ac:dyDescent="0.15">
      <c r="A86" s="16">
        <v>66</v>
      </c>
      <c r="B86" s="29">
        <v>30</v>
      </c>
      <c r="C86" s="10">
        <v>35</v>
      </c>
      <c r="D86" s="9">
        <v>65</v>
      </c>
    </row>
    <row r="87" spans="1:4" ht="18" customHeight="1" x14ac:dyDescent="0.15">
      <c r="A87" s="16">
        <v>67</v>
      </c>
      <c r="B87" s="29">
        <v>42</v>
      </c>
      <c r="C87" s="10">
        <v>48</v>
      </c>
      <c r="D87" s="9">
        <v>90</v>
      </c>
    </row>
    <row r="88" spans="1:4" ht="18" customHeight="1" x14ac:dyDescent="0.15">
      <c r="A88" s="16">
        <v>68</v>
      </c>
      <c r="B88" s="29">
        <v>35</v>
      </c>
      <c r="C88" s="10">
        <v>47</v>
      </c>
      <c r="D88" s="9">
        <v>82</v>
      </c>
    </row>
    <row r="89" spans="1:4" ht="18" customHeight="1" x14ac:dyDescent="0.15">
      <c r="A89" s="16">
        <v>69</v>
      </c>
      <c r="B89" s="29">
        <v>38</v>
      </c>
      <c r="C89" s="10">
        <v>64</v>
      </c>
      <c r="D89" s="9">
        <v>102</v>
      </c>
    </row>
    <row r="90" spans="1:4" ht="18" customHeight="1" x14ac:dyDescent="0.15">
      <c r="A90" s="8" t="s">
        <v>42</v>
      </c>
      <c r="B90" s="29">
        <v>190</v>
      </c>
      <c r="C90" s="10">
        <v>239</v>
      </c>
      <c r="D90" s="9">
        <v>429</v>
      </c>
    </row>
    <row r="91" spans="1:4" ht="18" customHeight="1" x14ac:dyDescent="0.15">
      <c r="A91" s="16">
        <v>70</v>
      </c>
      <c r="B91" s="29">
        <v>53</v>
      </c>
      <c r="C91" s="10">
        <v>69</v>
      </c>
      <c r="D91" s="9">
        <v>122</v>
      </c>
    </row>
    <row r="92" spans="1:4" ht="18" customHeight="1" x14ac:dyDescent="0.15">
      <c r="A92" s="16">
        <v>71</v>
      </c>
      <c r="B92" s="29">
        <v>55</v>
      </c>
      <c r="C92" s="10">
        <v>72</v>
      </c>
      <c r="D92" s="9">
        <v>127</v>
      </c>
    </row>
    <row r="93" spans="1:4" ht="18" customHeight="1" x14ac:dyDescent="0.15">
      <c r="A93" s="16">
        <v>72</v>
      </c>
      <c r="B93" s="29">
        <v>65</v>
      </c>
      <c r="C93" s="10">
        <v>71</v>
      </c>
      <c r="D93" s="9">
        <v>136</v>
      </c>
    </row>
    <row r="94" spans="1:4" ht="18" customHeight="1" x14ac:dyDescent="0.15">
      <c r="A94" s="16">
        <v>73</v>
      </c>
      <c r="B94" s="29">
        <v>78</v>
      </c>
      <c r="C94" s="10">
        <v>86</v>
      </c>
      <c r="D94" s="9">
        <v>164</v>
      </c>
    </row>
    <row r="95" spans="1:4" ht="18" customHeight="1" x14ac:dyDescent="0.15">
      <c r="A95" s="16">
        <v>74</v>
      </c>
      <c r="B95" s="29">
        <v>79</v>
      </c>
      <c r="C95" s="10">
        <v>71</v>
      </c>
      <c r="D95" s="9">
        <v>150</v>
      </c>
    </row>
    <row r="96" spans="1:4" ht="18" customHeight="1" x14ac:dyDescent="0.15">
      <c r="A96" s="8" t="s">
        <v>41</v>
      </c>
      <c r="B96" s="29">
        <v>330</v>
      </c>
      <c r="C96" s="10">
        <v>369</v>
      </c>
      <c r="D96" s="9">
        <v>699</v>
      </c>
    </row>
    <row r="97" spans="1:4" ht="18" customHeight="1" x14ac:dyDescent="0.15">
      <c r="A97" s="16">
        <v>75</v>
      </c>
      <c r="B97" s="29">
        <v>75</v>
      </c>
      <c r="C97" s="10">
        <v>86</v>
      </c>
      <c r="D97" s="9">
        <v>161</v>
      </c>
    </row>
    <row r="98" spans="1:4" ht="18" customHeight="1" x14ac:dyDescent="0.15">
      <c r="A98" s="16">
        <v>76</v>
      </c>
      <c r="B98" s="29">
        <v>53</v>
      </c>
      <c r="C98" s="10">
        <v>75</v>
      </c>
      <c r="D98" s="9">
        <v>128</v>
      </c>
    </row>
    <row r="99" spans="1:4" ht="18" customHeight="1" x14ac:dyDescent="0.15">
      <c r="A99" s="16">
        <v>77</v>
      </c>
      <c r="B99" s="29">
        <v>38</v>
      </c>
      <c r="C99" s="10">
        <v>52</v>
      </c>
      <c r="D99" s="9">
        <v>90</v>
      </c>
    </row>
    <row r="100" spans="1:4" ht="18" customHeight="1" x14ac:dyDescent="0.15">
      <c r="A100" s="16">
        <v>78</v>
      </c>
      <c r="B100" s="29">
        <v>60</v>
      </c>
      <c r="C100" s="10">
        <v>59</v>
      </c>
      <c r="D100" s="9">
        <v>119</v>
      </c>
    </row>
    <row r="101" spans="1:4" ht="18" customHeight="1" x14ac:dyDescent="0.15">
      <c r="A101" s="16">
        <v>79</v>
      </c>
      <c r="B101" s="29">
        <v>46</v>
      </c>
      <c r="C101" s="10">
        <v>46</v>
      </c>
      <c r="D101" s="9">
        <v>92</v>
      </c>
    </row>
    <row r="102" spans="1:4" ht="18" customHeight="1" x14ac:dyDescent="0.15">
      <c r="A102" s="8" t="s">
        <v>70</v>
      </c>
      <c r="B102" s="29">
        <v>272</v>
      </c>
      <c r="C102" s="10">
        <v>318</v>
      </c>
      <c r="D102" s="9">
        <v>590</v>
      </c>
    </row>
    <row r="103" spans="1:4" ht="18" customHeight="1" x14ac:dyDescent="0.15">
      <c r="A103" s="16">
        <v>80</v>
      </c>
      <c r="B103" s="29">
        <v>51</v>
      </c>
      <c r="C103" s="10">
        <v>42</v>
      </c>
      <c r="D103" s="9">
        <v>93</v>
      </c>
    </row>
    <row r="104" spans="1:4" ht="18" customHeight="1" x14ac:dyDescent="0.15">
      <c r="A104" s="16">
        <v>81</v>
      </c>
      <c r="B104" s="29">
        <v>45</v>
      </c>
      <c r="C104" s="10">
        <v>64</v>
      </c>
      <c r="D104" s="9">
        <v>109</v>
      </c>
    </row>
    <row r="105" spans="1:4" ht="18" customHeight="1" x14ac:dyDescent="0.15">
      <c r="A105" s="16">
        <v>82</v>
      </c>
      <c r="B105" s="29">
        <v>35</v>
      </c>
      <c r="C105" s="10">
        <v>49</v>
      </c>
      <c r="D105" s="9">
        <v>84</v>
      </c>
    </row>
    <row r="106" spans="1:4" ht="18" customHeight="1" x14ac:dyDescent="0.15">
      <c r="A106" s="16">
        <v>83</v>
      </c>
      <c r="B106" s="29">
        <v>33</v>
      </c>
      <c r="C106" s="10">
        <v>34</v>
      </c>
      <c r="D106" s="9">
        <v>67</v>
      </c>
    </row>
    <row r="107" spans="1:4" ht="18" customHeight="1" x14ac:dyDescent="0.15">
      <c r="A107" s="16">
        <v>84</v>
      </c>
      <c r="B107" s="29">
        <v>24</v>
      </c>
      <c r="C107" s="10">
        <v>33</v>
      </c>
      <c r="D107" s="9">
        <v>57</v>
      </c>
    </row>
    <row r="108" spans="1:4" ht="18" customHeight="1" x14ac:dyDescent="0.15">
      <c r="A108" s="8" t="s">
        <v>39</v>
      </c>
      <c r="B108" s="29">
        <v>188</v>
      </c>
      <c r="C108" s="10">
        <v>222</v>
      </c>
      <c r="D108" s="9">
        <v>410</v>
      </c>
    </row>
    <row r="109" spans="1:4" ht="18" customHeight="1" x14ac:dyDescent="0.15">
      <c r="A109" s="16">
        <v>85</v>
      </c>
      <c r="B109" s="29">
        <v>22</v>
      </c>
      <c r="C109" s="10">
        <v>32</v>
      </c>
      <c r="D109" s="9">
        <v>54</v>
      </c>
    </row>
    <row r="110" spans="1:4" ht="18" customHeight="1" x14ac:dyDescent="0.15">
      <c r="A110" s="16">
        <v>86</v>
      </c>
      <c r="B110" s="29">
        <v>16</v>
      </c>
      <c r="C110" s="10">
        <v>34</v>
      </c>
      <c r="D110" s="9">
        <v>50</v>
      </c>
    </row>
    <row r="111" spans="1:4" ht="18" customHeight="1" x14ac:dyDescent="0.15">
      <c r="A111" s="16">
        <v>87</v>
      </c>
      <c r="B111" s="29">
        <v>12</v>
      </c>
      <c r="C111" s="10">
        <v>31</v>
      </c>
      <c r="D111" s="9">
        <v>43</v>
      </c>
    </row>
    <row r="112" spans="1:4" ht="18" customHeight="1" x14ac:dyDescent="0.15">
      <c r="A112" s="16">
        <v>88</v>
      </c>
      <c r="B112" s="29">
        <v>18</v>
      </c>
      <c r="C112" s="10">
        <v>20</v>
      </c>
      <c r="D112" s="9">
        <v>38</v>
      </c>
    </row>
    <row r="113" spans="1:4" ht="18" customHeight="1" x14ac:dyDescent="0.15">
      <c r="A113" s="16">
        <v>89</v>
      </c>
      <c r="B113" s="29">
        <v>5</v>
      </c>
      <c r="C113" s="10">
        <v>17</v>
      </c>
      <c r="D113" s="9">
        <v>22</v>
      </c>
    </row>
    <row r="114" spans="1:4" ht="18" customHeight="1" x14ac:dyDescent="0.15">
      <c r="A114" s="8" t="s">
        <v>38</v>
      </c>
      <c r="B114" s="29">
        <v>73</v>
      </c>
      <c r="C114" s="10">
        <v>134</v>
      </c>
      <c r="D114" s="9">
        <v>207</v>
      </c>
    </row>
    <row r="115" spans="1:4" ht="18" customHeight="1" x14ac:dyDescent="0.15">
      <c r="A115" s="16">
        <v>90</v>
      </c>
      <c r="B115" s="29">
        <v>10</v>
      </c>
      <c r="C115" s="10">
        <v>25</v>
      </c>
      <c r="D115" s="9">
        <v>35</v>
      </c>
    </row>
    <row r="116" spans="1:4" ht="18" customHeight="1" x14ac:dyDescent="0.15">
      <c r="A116" s="16">
        <v>91</v>
      </c>
      <c r="B116" s="29">
        <v>6</v>
      </c>
      <c r="C116" s="10">
        <v>12</v>
      </c>
      <c r="D116" s="9">
        <v>18</v>
      </c>
    </row>
    <row r="117" spans="1:4" ht="18" customHeight="1" x14ac:dyDescent="0.15">
      <c r="A117" s="16">
        <v>92</v>
      </c>
      <c r="B117" s="29">
        <v>7</v>
      </c>
      <c r="C117" s="10">
        <v>17</v>
      </c>
      <c r="D117" s="9">
        <v>24</v>
      </c>
    </row>
    <row r="118" spans="1:4" ht="18" customHeight="1" x14ac:dyDescent="0.15">
      <c r="A118" s="16">
        <v>93</v>
      </c>
      <c r="B118" s="29">
        <v>5</v>
      </c>
      <c r="C118" s="10">
        <v>16</v>
      </c>
      <c r="D118" s="9">
        <v>21</v>
      </c>
    </row>
    <row r="119" spans="1:4" ht="18" customHeight="1" x14ac:dyDescent="0.15">
      <c r="A119" s="16">
        <v>94</v>
      </c>
      <c r="B119" s="29">
        <v>6</v>
      </c>
      <c r="C119" s="10">
        <v>15</v>
      </c>
      <c r="D119" s="9">
        <v>21</v>
      </c>
    </row>
    <row r="120" spans="1:4" ht="18" customHeight="1" x14ac:dyDescent="0.15">
      <c r="A120" s="8" t="s">
        <v>69</v>
      </c>
      <c r="B120" s="29">
        <v>34</v>
      </c>
      <c r="C120" s="10">
        <v>85</v>
      </c>
      <c r="D120" s="9">
        <v>119</v>
      </c>
    </row>
    <row r="121" spans="1:4" ht="18" customHeight="1" x14ac:dyDescent="0.15">
      <c r="A121" s="16">
        <v>95</v>
      </c>
      <c r="B121" s="29">
        <v>2</v>
      </c>
      <c r="C121" s="10">
        <v>10</v>
      </c>
      <c r="D121" s="9">
        <v>12</v>
      </c>
    </row>
    <row r="122" spans="1:4" ht="18" customHeight="1" x14ac:dyDescent="0.15">
      <c r="A122" s="16">
        <v>96</v>
      </c>
      <c r="B122" s="29">
        <v>3</v>
      </c>
      <c r="C122" s="10">
        <v>9</v>
      </c>
      <c r="D122" s="9">
        <v>12</v>
      </c>
    </row>
    <row r="123" spans="1:4" ht="18" customHeight="1" x14ac:dyDescent="0.15">
      <c r="A123" s="16">
        <v>97</v>
      </c>
      <c r="B123" s="29">
        <v>2</v>
      </c>
      <c r="C123" s="10">
        <v>5</v>
      </c>
      <c r="D123" s="9">
        <v>7</v>
      </c>
    </row>
    <row r="124" spans="1:4" ht="18" customHeight="1" x14ac:dyDescent="0.15">
      <c r="A124" s="16">
        <v>98</v>
      </c>
      <c r="B124" s="29">
        <v>4</v>
      </c>
      <c r="C124" s="10">
        <v>10</v>
      </c>
      <c r="D124" s="9">
        <v>14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11</v>
      </c>
      <c r="C126" s="10">
        <v>36</v>
      </c>
      <c r="D126" s="9">
        <v>47</v>
      </c>
    </row>
    <row r="127" spans="1:4" ht="18" customHeight="1" x14ac:dyDescent="0.15">
      <c r="A127" s="16">
        <v>100</v>
      </c>
      <c r="B127" s="29">
        <v>0</v>
      </c>
      <c r="C127" s="10">
        <v>5</v>
      </c>
      <c r="D127" s="9">
        <v>5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7</v>
      </c>
      <c r="D129" s="9">
        <v>7</v>
      </c>
    </row>
    <row r="130" spans="1:4" ht="18" customHeight="1" x14ac:dyDescent="0.15">
      <c r="A130" s="8" t="s">
        <v>35</v>
      </c>
      <c r="B130" s="28">
        <v>1098</v>
      </c>
      <c r="C130" s="6">
        <v>1410</v>
      </c>
      <c r="D130" s="5">
        <v>2508</v>
      </c>
    </row>
    <row r="131" spans="1:4" ht="18" customHeight="1" x14ac:dyDescent="0.15">
      <c r="A131" s="4" t="s">
        <v>0</v>
      </c>
      <c r="B131" s="27">
        <v>2999</v>
      </c>
      <c r="C131" s="2">
        <v>3232</v>
      </c>
      <c r="D131" s="1">
        <v>623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6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7</v>
      </c>
      <c r="C5" s="18">
        <v>8</v>
      </c>
      <c r="D5" s="17">
        <v>15</v>
      </c>
    </row>
    <row r="6" spans="1:4" ht="18" customHeight="1" x14ac:dyDescent="0.15">
      <c r="A6" s="16">
        <v>1</v>
      </c>
      <c r="B6" s="29">
        <v>7</v>
      </c>
      <c r="C6" s="10">
        <v>9</v>
      </c>
      <c r="D6" s="9">
        <v>16</v>
      </c>
    </row>
    <row r="7" spans="1:4" ht="18" customHeight="1" x14ac:dyDescent="0.15">
      <c r="A7" s="16">
        <v>2</v>
      </c>
      <c r="B7" s="29">
        <v>6</v>
      </c>
      <c r="C7" s="10">
        <v>4</v>
      </c>
      <c r="D7" s="9">
        <v>10</v>
      </c>
    </row>
    <row r="8" spans="1:4" ht="18" customHeight="1" x14ac:dyDescent="0.15">
      <c r="A8" s="16">
        <v>3</v>
      </c>
      <c r="B8" s="29">
        <v>9</v>
      </c>
      <c r="C8" s="10">
        <v>11</v>
      </c>
      <c r="D8" s="9">
        <v>20</v>
      </c>
    </row>
    <row r="9" spans="1:4" ht="18" customHeight="1" x14ac:dyDescent="0.15">
      <c r="A9" s="16">
        <v>4</v>
      </c>
      <c r="B9" s="29">
        <v>7</v>
      </c>
      <c r="C9" s="10">
        <v>4</v>
      </c>
      <c r="D9" s="9">
        <v>11</v>
      </c>
    </row>
    <row r="10" spans="1:4" ht="18" customHeight="1" x14ac:dyDescent="0.15">
      <c r="A10" s="8" t="s">
        <v>76</v>
      </c>
      <c r="B10" s="29">
        <v>36</v>
      </c>
      <c r="C10" s="10">
        <v>36</v>
      </c>
      <c r="D10" s="9">
        <v>72</v>
      </c>
    </row>
    <row r="11" spans="1:4" ht="18" customHeight="1" x14ac:dyDescent="0.15">
      <c r="A11" s="16">
        <v>5</v>
      </c>
      <c r="B11" s="29">
        <v>6</v>
      </c>
      <c r="C11" s="10">
        <v>9</v>
      </c>
      <c r="D11" s="9">
        <v>15</v>
      </c>
    </row>
    <row r="12" spans="1:4" ht="18" customHeight="1" x14ac:dyDescent="0.15">
      <c r="A12" s="16">
        <v>6</v>
      </c>
      <c r="B12" s="29">
        <v>5</v>
      </c>
      <c r="C12" s="10">
        <v>1</v>
      </c>
      <c r="D12" s="9">
        <v>6</v>
      </c>
    </row>
    <row r="13" spans="1:4" ht="18" customHeight="1" x14ac:dyDescent="0.15">
      <c r="A13" s="16">
        <v>7</v>
      </c>
      <c r="B13" s="29">
        <v>8</v>
      </c>
      <c r="C13" s="10">
        <v>4</v>
      </c>
      <c r="D13" s="9">
        <v>12</v>
      </c>
    </row>
    <row r="14" spans="1:4" ht="18" customHeight="1" x14ac:dyDescent="0.15">
      <c r="A14" s="16">
        <v>8</v>
      </c>
      <c r="B14" s="29">
        <v>11</v>
      </c>
      <c r="C14" s="10">
        <v>7</v>
      </c>
      <c r="D14" s="9">
        <v>18</v>
      </c>
    </row>
    <row r="15" spans="1:4" ht="18" customHeight="1" x14ac:dyDescent="0.15">
      <c r="A15" s="16">
        <v>9</v>
      </c>
      <c r="B15" s="29">
        <v>15</v>
      </c>
      <c r="C15" s="10">
        <v>8</v>
      </c>
      <c r="D15" s="9">
        <v>23</v>
      </c>
    </row>
    <row r="16" spans="1:4" ht="18" customHeight="1" x14ac:dyDescent="0.15">
      <c r="A16" s="8" t="s">
        <v>50</v>
      </c>
      <c r="B16" s="29">
        <v>45</v>
      </c>
      <c r="C16" s="10">
        <v>29</v>
      </c>
      <c r="D16" s="9">
        <v>74</v>
      </c>
    </row>
    <row r="17" spans="1:4" ht="18" customHeight="1" x14ac:dyDescent="0.15">
      <c r="A17" s="16">
        <v>10</v>
      </c>
      <c r="B17" s="29">
        <v>13</v>
      </c>
      <c r="C17" s="10">
        <v>4</v>
      </c>
      <c r="D17" s="9">
        <v>17</v>
      </c>
    </row>
    <row r="18" spans="1:4" ht="18" customHeight="1" x14ac:dyDescent="0.15">
      <c r="A18" s="16">
        <v>11</v>
      </c>
      <c r="B18" s="29">
        <v>10</v>
      </c>
      <c r="C18" s="10">
        <v>12</v>
      </c>
      <c r="D18" s="9">
        <v>22</v>
      </c>
    </row>
    <row r="19" spans="1:4" ht="18" customHeight="1" x14ac:dyDescent="0.15">
      <c r="A19" s="16">
        <v>12</v>
      </c>
      <c r="B19" s="29">
        <v>13</v>
      </c>
      <c r="C19" s="10">
        <v>10</v>
      </c>
      <c r="D19" s="9">
        <v>23</v>
      </c>
    </row>
    <row r="20" spans="1:4" ht="18" customHeight="1" x14ac:dyDescent="0.15">
      <c r="A20" s="16">
        <v>13</v>
      </c>
      <c r="B20" s="29">
        <v>19</v>
      </c>
      <c r="C20" s="10">
        <v>14</v>
      </c>
      <c r="D20" s="9">
        <v>33</v>
      </c>
    </row>
    <row r="21" spans="1:4" ht="18" customHeight="1" x14ac:dyDescent="0.15">
      <c r="A21" s="16">
        <v>14</v>
      </c>
      <c r="B21" s="29">
        <v>13</v>
      </c>
      <c r="C21" s="10">
        <v>14</v>
      </c>
      <c r="D21" s="9">
        <v>27</v>
      </c>
    </row>
    <row r="22" spans="1:4" ht="18" customHeight="1" x14ac:dyDescent="0.15">
      <c r="A22" s="8" t="s">
        <v>49</v>
      </c>
      <c r="B22" s="29">
        <v>68</v>
      </c>
      <c r="C22" s="10">
        <v>54</v>
      </c>
      <c r="D22" s="9">
        <v>122</v>
      </c>
    </row>
    <row r="23" spans="1:4" ht="18" customHeight="1" x14ac:dyDescent="0.15">
      <c r="A23" s="8" t="s">
        <v>65</v>
      </c>
      <c r="B23" s="29">
        <v>149</v>
      </c>
      <c r="C23" s="10">
        <v>119</v>
      </c>
      <c r="D23" s="9">
        <v>268</v>
      </c>
    </row>
    <row r="24" spans="1:4" ht="18" customHeight="1" x14ac:dyDescent="0.15">
      <c r="A24" s="16">
        <v>15</v>
      </c>
      <c r="B24" s="29">
        <v>19</v>
      </c>
      <c r="C24" s="10">
        <v>20</v>
      </c>
      <c r="D24" s="9">
        <v>39</v>
      </c>
    </row>
    <row r="25" spans="1:4" ht="18" customHeight="1" x14ac:dyDescent="0.15">
      <c r="A25" s="16">
        <v>16</v>
      </c>
      <c r="B25" s="29">
        <v>15</v>
      </c>
      <c r="C25" s="10">
        <v>14</v>
      </c>
      <c r="D25" s="9">
        <v>29</v>
      </c>
    </row>
    <row r="26" spans="1:4" ht="18" customHeight="1" x14ac:dyDescent="0.15">
      <c r="A26" s="16">
        <v>17</v>
      </c>
      <c r="B26" s="29">
        <v>27</v>
      </c>
      <c r="C26" s="10">
        <v>7</v>
      </c>
      <c r="D26" s="9">
        <v>34</v>
      </c>
    </row>
    <row r="27" spans="1:4" ht="18" customHeight="1" x14ac:dyDescent="0.15">
      <c r="A27" s="16">
        <v>18</v>
      </c>
      <c r="B27" s="29">
        <v>16</v>
      </c>
      <c r="C27" s="10">
        <v>19</v>
      </c>
      <c r="D27" s="9">
        <v>35</v>
      </c>
    </row>
    <row r="28" spans="1:4" ht="18" customHeight="1" x14ac:dyDescent="0.15">
      <c r="A28" s="16">
        <v>19</v>
      </c>
      <c r="B28" s="29">
        <v>16</v>
      </c>
      <c r="C28" s="10">
        <v>17</v>
      </c>
      <c r="D28" s="9">
        <v>33</v>
      </c>
    </row>
    <row r="29" spans="1:4" ht="18" customHeight="1" x14ac:dyDescent="0.15">
      <c r="A29" s="8" t="s">
        <v>48</v>
      </c>
      <c r="B29" s="29">
        <v>93</v>
      </c>
      <c r="C29" s="10">
        <v>77</v>
      </c>
      <c r="D29" s="9">
        <v>170</v>
      </c>
    </row>
    <row r="30" spans="1:4" ht="18" customHeight="1" x14ac:dyDescent="0.15">
      <c r="A30" s="16">
        <v>20</v>
      </c>
      <c r="B30" s="29">
        <v>21</v>
      </c>
      <c r="C30" s="10">
        <v>13</v>
      </c>
      <c r="D30" s="9">
        <v>34</v>
      </c>
    </row>
    <row r="31" spans="1:4" ht="18" customHeight="1" x14ac:dyDescent="0.15">
      <c r="A31" s="16">
        <v>21</v>
      </c>
      <c r="B31" s="29">
        <v>18</v>
      </c>
      <c r="C31" s="10">
        <v>14</v>
      </c>
      <c r="D31" s="9">
        <v>32</v>
      </c>
    </row>
    <row r="32" spans="1:4" ht="18" customHeight="1" x14ac:dyDescent="0.15">
      <c r="A32" s="16">
        <v>22</v>
      </c>
      <c r="B32" s="29">
        <v>25</v>
      </c>
      <c r="C32" s="10">
        <v>25</v>
      </c>
      <c r="D32" s="9">
        <v>50</v>
      </c>
    </row>
    <row r="33" spans="1:4" ht="18" customHeight="1" x14ac:dyDescent="0.15">
      <c r="A33" s="16">
        <v>23</v>
      </c>
      <c r="B33" s="29">
        <v>10</v>
      </c>
      <c r="C33" s="10">
        <v>18</v>
      </c>
      <c r="D33" s="9">
        <v>28</v>
      </c>
    </row>
    <row r="34" spans="1:4" ht="18" customHeight="1" x14ac:dyDescent="0.15">
      <c r="A34" s="16">
        <v>24</v>
      </c>
      <c r="B34" s="29">
        <v>12</v>
      </c>
      <c r="C34" s="10">
        <v>20</v>
      </c>
      <c r="D34" s="9">
        <v>32</v>
      </c>
    </row>
    <row r="35" spans="1:4" ht="18" customHeight="1" x14ac:dyDescent="0.15">
      <c r="A35" s="8" t="s">
        <v>74</v>
      </c>
      <c r="B35" s="29">
        <v>86</v>
      </c>
      <c r="C35" s="10">
        <v>90</v>
      </c>
      <c r="D35" s="9">
        <v>176</v>
      </c>
    </row>
    <row r="36" spans="1:4" ht="18" customHeight="1" x14ac:dyDescent="0.15">
      <c r="A36" s="16">
        <v>25</v>
      </c>
      <c r="B36" s="29">
        <v>18</v>
      </c>
      <c r="C36" s="10">
        <v>14</v>
      </c>
      <c r="D36" s="9">
        <v>32</v>
      </c>
    </row>
    <row r="37" spans="1:4" ht="18" customHeight="1" x14ac:dyDescent="0.15">
      <c r="A37" s="16">
        <v>26</v>
      </c>
      <c r="B37" s="29">
        <v>18</v>
      </c>
      <c r="C37" s="10">
        <v>17</v>
      </c>
      <c r="D37" s="9">
        <v>35</v>
      </c>
    </row>
    <row r="38" spans="1:4" ht="18" customHeight="1" x14ac:dyDescent="0.15">
      <c r="A38" s="16">
        <v>27</v>
      </c>
      <c r="B38" s="29">
        <v>22</v>
      </c>
      <c r="C38" s="10">
        <v>14</v>
      </c>
      <c r="D38" s="9">
        <v>36</v>
      </c>
    </row>
    <row r="39" spans="1:4" ht="18" customHeight="1" x14ac:dyDescent="0.15">
      <c r="A39" s="16">
        <v>28</v>
      </c>
      <c r="B39" s="29">
        <v>15</v>
      </c>
      <c r="C39" s="10">
        <v>14</v>
      </c>
      <c r="D39" s="9">
        <v>29</v>
      </c>
    </row>
    <row r="40" spans="1:4" ht="18" customHeight="1" x14ac:dyDescent="0.15">
      <c r="A40" s="16">
        <v>29</v>
      </c>
      <c r="B40" s="29">
        <v>15</v>
      </c>
      <c r="C40" s="10">
        <v>16</v>
      </c>
      <c r="D40" s="9">
        <v>31</v>
      </c>
    </row>
    <row r="41" spans="1:4" ht="18" customHeight="1" x14ac:dyDescent="0.15">
      <c r="A41" s="8" t="s">
        <v>73</v>
      </c>
      <c r="B41" s="29">
        <v>88</v>
      </c>
      <c r="C41" s="10">
        <v>75</v>
      </c>
      <c r="D41" s="9">
        <v>163</v>
      </c>
    </row>
    <row r="42" spans="1:4" ht="18" customHeight="1" x14ac:dyDescent="0.15">
      <c r="A42" s="16">
        <v>30</v>
      </c>
      <c r="B42" s="29">
        <v>20</v>
      </c>
      <c r="C42" s="10">
        <v>9</v>
      </c>
      <c r="D42" s="9">
        <v>29</v>
      </c>
    </row>
    <row r="43" spans="1:4" ht="18" customHeight="1" x14ac:dyDescent="0.15">
      <c r="A43" s="16">
        <v>31</v>
      </c>
      <c r="B43" s="29">
        <v>15</v>
      </c>
      <c r="C43" s="10">
        <v>10</v>
      </c>
      <c r="D43" s="9">
        <v>25</v>
      </c>
    </row>
    <row r="44" spans="1:4" ht="18" customHeight="1" x14ac:dyDescent="0.15">
      <c r="A44" s="16">
        <v>32</v>
      </c>
      <c r="B44" s="29">
        <v>20</v>
      </c>
      <c r="C44" s="10">
        <v>10</v>
      </c>
      <c r="D44" s="9">
        <v>30</v>
      </c>
    </row>
    <row r="45" spans="1:4" ht="18" customHeight="1" x14ac:dyDescent="0.15">
      <c r="A45" s="16">
        <v>33</v>
      </c>
      <c r="B45" s="29">
        <v>13</v>
      </c>
      <c r="C45" s="10">
        <v>6</v>
      </c>
      <c r="D45" s="9">
        <v>19</v>
      </c>
    </row>
    <row r="46" spans="1:4" ht="18" customHeight="1" x14ac:dyDescent="0.15">
      <c r="A46" s="16">
        <v>34</v>
      </c>
      <c r="B46" s="29">
        <v>9</v>
      </c>
      <c r="C46" s="10">
        <v>12</v>
      </c>
      <c r="D46" s="9">
        <v>21</v>
      </c>
    </row>
    <row r="47" spans="1:4" ht="18" customHeight="1" x14ac:dyDescent="0.15">
      <c r="A47" s="8" t="s">
        <v>61</v>
      </c>
      <c r="B47" s="29">
        <v>77</v>
      </c>
      <c r="C47" s="10">
        <v>47</v>
      </c>
      <c r="D47" s="9">
        <v>124</v>
      </c>
    </row>
    <row r="48" spans="1:4" ht="18" customHeight="1" x14ac:dyDescent="0.15">
      <c r="A48" s="16">
        <v>35</v>
      </c>
      <c r="B48" s="29">
        <v>10</v>
      </c>
      <c r="C48" s="10">
        <v>14</v>
      </c>
      <c r="D48" s="9">
        <v>24</v>
      </c>
    </row>
    <row r="49" spans="1:4" ht="18" customHeight="1" x14ac:dyDescent="0.15">
      <c r="A49" s="16">
        <v>36</v>
      </c>
      <c r="B49" s="29">
        <v>16</v>
      </c>
      <c r="C49" s="10">
        <v>16</v>
      </c>
      <c r="D49" s="9">
        <v>32</v>
      </c>
    </row>
    <row r="50" spans="1:4" ht="18" customHeight="1" x14ac:dyDescent="0.15">
      <c r="A50" s="16">
        <v>37</v>
      </c>
      <c r="B50" s="29">
        <v>9</v>
      </c>
      <c r="C50" s="10">
        <v>9</v>
      </c>
      <c r="D50" s="9">
        <v>18</v>
      </c>
    </row>
    <row r="51" spans="1:4" ht="18" customHeight="1" x14ac:dyDescent="0.15">
      <c r="A51" s="16">
        <v>38</v>
      </c>
      <c r="B51" s="29">
        <v>15</v>
      </c>
      <c r="C51" s="10">
        <v>15</v>
      </c>
      <c r="D51" s="9">
        <v>30</v>
      </c>
    </row>
    <row r="52" spans="1:4" ht="18" customHeight="1" x14ac:dyDescent="0.15">
      <c r="A52" s="16">
        <v>39</v>
      </c>
      <c r="B52" s="29">
        <v>13</v>
      </c>
      <c r="C52" s="10">
        <v>8</v>
      </c>
      <c r="D52" s="9">
        <v>21</v>
      </c>
    </row>
    <row r="53" spans="1:4" ht="18" customHeight="1" x14ac:dyDescent="0.15">
      <c r="A53" s="8" t="s">
        <v>32</v>
      </c>
      <c r="B53" s="29">
        <v>63</v>
      </c>
      <c r="C53" s="10">
        <v>62</v>
      </c>
      <c r="D53" s="9">
        <v>125</v>
      </c>
    </row>
    <row r="54" spans="1:4" ht="18" customHeight="1" x14ac:dyDescent="0.15">
      <c r="A54" s="16">
        <v>40</v>
      </c>
      <c r="B54" s="29">
        <v>12</v>
      </c>
      <c r="C54" s="10">
        <v>19</v>
      </c>
      <c r="D54" s="9">
        <v>31</v>
      </c>
    </row>
    <row r="55" spans="1:4" ht="18" customHeight="1" x14ac:dyDescent="0.15">
      <c r="A55" s="16">
        <v>41</v>
      </c>
      <c r="B55" s="29">
        <v>15</v>
      </c>
      <c r="C55" s="10">
        <v>14</v>
      </c>
      <c r="D55" s="9">
        <v>29</v>
      </c>
    </row>
    <row r="56" spans="1:4" ht="18" customHeight="1" x14ac:dyDescent="0.15">
      <c r="A56" s="16">
        <v>42</v>
      </c>
      <c r="B56" s="29">
        <v>16</v>
      </c>
      <c r="C56" s="10">
        <v>13</v>
      </c>
      <c r="D56" s="9">
        <v>29</v>
      </c>
    </row>
    <row r="57" spans="1:4" ht="18" customHeight="1" x14ac:dyDescent="0.15">
      <c r="A57" s="16">
        <v>43</v>
      </c>
      <c r="B57" s="29">
        <v>21</v>
      </c>
      <c r="C57" s="10">
        <v>12</v>
      </c>
      <c r="D57" s="9">
        <v>33</v>
      </c>
    </row>
    <row r="58" spans="1:4" ht="18" customHeight="1" x14ac:dyDescent="0.15">
      <c r="A58" s="16">
        <v>44</v>
      </c>
      <c r="B58" s="29">
        <v>21</v>
      </c>
      <c r="C58" s="10">
        <v>15</v>
      </c>
      <c r="D58" s="9">
        <v>36</v>
      </c>
    </row>
    <row r="59" spans="1:4" ht="18" customHeight="1" x14ac:dyDescent="0.15">
      <c r="A59" s="8" t="s">
        <v>46</v>
      </c>
      <c r="B59" s="29">
        <v>85</v>
      </c>
      <c r="C59" s="10">
        <v>73</v>
      </c>
      <c r="D59" s="9">
        <v>158</v>
      </c>
    </row>
    <row r="60" spans="1:4" ht="18" customHeight="1" x14ac:dyDescent="0.15">
      <c r="A60" s="16">
        <v>45</v>
      </c>
      <c r="B60" s="29">
        <v>22</v>
      </c>
      <c r="C60" s="10">
        <v>25</v>
      </c>
      <c r="D60" s="9">
        <v>47</v>
      </c>
    </row>
    <row r="61" spans="1:4" ht="18" customHeight="1" x14ac:dyDescent="0.15">
      <c r="A61" s="16">
        <v>46</v>
      </c>
      <c r="B61" s="29">
        <v>20</v>
      </c>
      <c r="C61" s="10">
        <v>21</v>
      </c>
      <c r="D61" s="9">
        <v>41</v>
      </c>
    </row>
    <row r="62" spans="1:4" ht="18" customHeight="1" x14ac:dyDescent="0.15">
      <c r="A62" s="16">
        <v>47</v>
      </c>
      <c r="B62" s="29">
        <v>27</v>
      </c>
      <c r="C62" s="10">
        <v>22</v>
      </c>
      <c r="D62" s="9">
        <v>49</v>
      </c>
    </row>
    <row r="63" spans="1:4" ht="18" customHeight="1" x14ac:dyDescent="0.15">
      <c r="A63" s="16">
        <v>48</v>
      </c>
      <c r="B63" s="29">
        <v>31</v>
      </c>
      <c r="C63" s="10">
        <v>31</v>
      </c>
      <c r="D63" s="9">
        <v>62</v>
      </c>
    </row>
    <row r="64" spans="1:4" ht="18" customHeight="1" x14ac:dyDescent="0.15">
      <c r="A64" s="16">
        <v>49</v>
      </c>
      <c r="B64" s="29">
        <v>27</v>
      </c>
      <c r="C64" s="10">
        <v>29</v>
      </c>
      <c r="D64" s="9">
        <v>56</v>
      </c>
    </row>
    <row r="65" spans="1:4" ht="18" customHeight="1" x14ac:dyDescent="0.15">
      <c r="A65" s="8" t="s">
        <v>103</v>
      </c>
      <c r="B65" s="29">
        <v>127</v>
      </c>
      <c r="C65" s="10">
        <v>128</v>
      </c>
      <c r="D65" s="9">
        <v>255</v>
      </c>
    </row>
    <row r="66" spans="1:4" ht="18" customHeight="1" x14ac:dyDescent="0.15">
      <c r="A66" s="16">
        <v>50</v>
      </c>
      <c r="B66" s="29">
        <v>21</v>
      </c>
      <c r="C66" s="10">
        <v>37</v>
      </c>
      <c r="D66" s="9">
        <v>58</v>
      </c>
    </row>
    <row r="67" spans="1:4" ht="18" customHeight="1" x14ac:dyDescent="0.15">
      <c r="A67" s="16">
        <v>51</v>
      </c>
      <c r="B67" s="29">
        <v>32</v>
      </c>
      <c r="C67" s="10">
        <v>34</v>
      </c>
      <c r="D67" s="9">
        <v>66</v>
      </c>
    </row>
    <row r="68" spans="1:4" ht="18" customHeight="1" x14ac:dyDescent="0.15">
      <c r="A68" s="16">
        <v>52</v>
      </c>
      <c r="B68" s="29">
        <v>37</v>
      </c>
      <c r="C68" s="10">
        <v>23</v>
      </c>
      <c r="D68" s="9">
        <v>60</v>
      </c>
    </row>
    <row r="69" spans="1:4" ht="18" customHeight="1" x14ac:dyDescent="0.15">
      <c r="A69" s="16">
        <v>53</v>
      </c>
      <c r="B69" s="29">
        <v>38</v>
      </c>
      <c r="C69" s="10">
        <v>37</v>
      </c>
      <c r="D69" s="9">
        <v>75</v>
      </c>
    </row>
    <row r="70" spans="1:4" ht="18" customHeight="1" x14ac:dyDescent="0.15">
      <c r="A70" s="16">
        <v>54</v>
      </c>
      <c r="B70" s="29">
        <v>27</v>
      </c>
      <c r="C70" s="10">
        <v>24</v>
      </c>
      <c r="D70" s="9">
        <v>51</v>
      </c>
    </row>
    <row r="71" spans="1:4" ht="18" customHeight="1" x14ac:dyDescent="0.15">
      <c r="A71" s="8" t="s">
        <v>162</v>
      </c>
      <c r="B71" s="29">
        <v>155</v>
      </c>
      <c r="C71" s="10">
        <v>155</v>
      </c>
      <c r="D71" s="9">
        <v>310</v>
      </c>
    </row>
    <row r="72" spans="1:4" ht="18" customHeight="1" x14ac:dyDescent="0.15">
      <c r="A72" s="16">
        <v>55</v>
      </c>
      <c r="B72" s="29">
        <v>32</v>
      </c>
      <c r="C72" s="10">
        <v>32</v>
      </c>
      <c r="D72" s="9">
        <v>64</v>
      </c>
    </row>
    <row r="73" spans="1:4" ht="18" customHeight="1" x14ac:dyDescent="0.15">
      <c r="A73" s="16">
        <v>56</v>
      </c>
      <c r="B73" s="29">
        <v>24</v>
      </c>
      <c r="C73" s="10">
        <v>27</v>
      </c>
      <c r="D73" s="9">
        <v>51</v>
      </c>
    </row>
    <row r="74" spans="1:4" ht="18" customHeight="1" x14ac:dyDescent="0.15">
      <c r="A74" s="16">
        <v>57</v>
      </c>
      <c r="B74" s="29">
        <v>23</v>
      </c>
      <c r="C74" s="10">
        <v>21</v>
      </c>
      <c r="D74" s="9">
        <v>44</v>
      </c>
    </row>
    <row r="75" spans="1:4" ht="18" customHeight="1" x14ac:dyDescent="0.15">
      <c r="A75" s="16">
        <v>58</v>
      </c>
      <c r="B75" s="29">
        <v>26</v>
      </c>
      <c r="C75" s="10">
        <v>22</v>
      </c>
      <c r="D75" s="9">
        <v>48</v>
      </c>
    </row>
    <row r="76" spans="1:4" ht="18" customHeight="1" x14ac:dyDescent="0.15">
      <c r="A76" s="16">
        <v>59</v>
      </c>
      <c r="B76" s="29">
        <v>23</v>
      </c>
      <c r="C76" s="10">
        <v>25</v>
      </c>
      <c r="D76" s="9">
        <v>48</v>
      </c>
    </row>
    <row r="77" spans="1:4" ht="18" customHeight="1" x14ac:dyDescent="0.15">
      <c r="A77" s="8" t="s">
        <v>71</v>
      </c>
      <c r="B77" s="29">
        <v>128</v>
      </c>
      <c r="C77" s="10">
        <v>127</v>
      </c>
      <c r="D77" s="9">
        <v>255</v>
      </c>
    </row>
    <row r="78" spans="1:4" ht="18" customHeight="1" x14ac:dyDescent="0.15">
      <c r="A78" s="16">
        <v>60</v>
      </c>
      <c r="B78" s="29">
        <v>27</v>
      </c>
      <c r="C78" s="10">
        <v>25</v>
      </c>
      <c r="D78" s="9">
        <v>52</v>
      </c>
    </row>
    <row r="79" spans="1:4" ht="18" customHeight="1" x14ac:dyDescent="0.15">
      <c r="A79" s="16">
        <v>61</v>
      </c>
      <c r="B79" s="29">
        <v>26</v>
      </c>
      <c r="C79" s="10">
        <v>19</v>
      </c>
      <c r="D79" s="9">
        <v>45</v>
      </c>
    </row>
    <row r="80" spans="1:4" ht="18" customHeight="1" x14ac:dyDescent="0.15">
      <c r="A80" s="16">
        <v>62</v>
      </c>
      <c r="B80" s="29">
        <v>11</v>
      </c>
      <c r="C80" s="10">
        <v>26</v>
      </c>
      <c r="D80" s="9">
        <v>37</v>
      </c>
    </row>
    <row r="81" spans="1:4" ht="18" customHeight="1" x14ac:dyDescent="0.15">
      <c r="A81" s="16">
        <v>63</v>
      </c>
      <c r="B81" s="29">
        <v>21</v>
      </c>
      <c r="C81" s="10">
        <v>14</v>
      </c>
      <c r="D81" s="9">
        <v>35</v>
      </c>
    </row>
    <row r="82" spans="1:4" ht="18" customHeight="1" x14ac:dyDescent="0.15">
      <c r="A82" s="16">
        <v>64</v>
      </c>
      <c r="B82" s="29">
        <v>23</v>
      </c>
      <c r="C82" s="10">
        <v>26</v>
      </c>
      <c r="D82" s="9">
        <v>49</v>
      </c>
    </row>
    <row r="83" spans="1:4" ht="18" customHeight="1" x14ac:dyDescent="0.15">
      <c r="A83" s="8" t="s">
        <v>44</v>
      </c>
      <c r="B83" s="29">
        <v>108</v>
      </c>
      <c r="C83" s="10">
        <v>110</v>
      </c>
      <c r="D83" s="9">
        <v>218</v>
      </c>
    </row>
    <row r="84" spans="1:4" ht="18" customHeight="1" x14ac:dyDescent="0.15">
      <c r="A84" s="8" t="s">
        <v>100</v>
      </c>
      <c r="B84" s="29">
        <v>1010</v>
      </c>
      <c r="C84" s="10">
        <v>944</v>
      </c>
      <c r="D84" s="9">
        <v>1954</v>
      </c>
    </row>
    <row r="85" spans="1:4" ht="18" customHeight="1" x14ac:dyDescent="0.15">
      <c r="A85" s="16">
        <v>65</v>
      </c>
      <c r="B85" s="29">
        <v>23</v>
      </c>
      <c r="C85" s="10">
        <v>22</v>
      </c>
      <c r="D85" s="9">
        <v>45</v>
      </c>
    </row>
    <row r="86" spans="1:4" ht="18" customHeight="1" x14ac:dyDescent="0.15">
      <c r="A86" s="16">
        <v>66</v>
      </c>
      <c r="B86" s="29">
        <v>18</v>
      </c>
      <c r="C86" s="10">
        <v>22</v>
      </c>
      <c r="D86" s="9">
        <v>40</v>
      </c>
    </row>
    <row r="87" spans="1:4" ht="18" customHeight="1" x14ac:dyDescent="0.15">
      <c r="A87" s="16">
        <v>67</v>
      </c>
      <c r="B87" s="29">
        <v>31</v>
      </c>
      <c r="C87" s="10">
        <v>22</v>
      </c>
      <c r="D87" s="9">
        <v>53</v>
      </c>
    </row>
    <row r="88" spans="1:4" ht="18" customHeight="1" x14ac:dyDescent="0.15">
      <c r="A88" s="16">
        <v>68</v>
      </c>
      <c r="B88" s="29">
        <v>15</v>
      </c>
      <c r="C88" s="10">
        <v>11</v>
      </c>
      <c r="D88" s="9">
        <v>26</v>
      </c>
    </row>
    <row r="89" spans="1:4" ht="18" customHeight="1" x14ac:dyDescent="0.15">
      <c r="A89" s="16">
        <v>69</v>
      </c>
      <c r="B89" s="29">
        <v>19</v>
      </c>
      <c r="C89" s="10">
        <v>24</v>
      </c>
      <c r="D89" s="9">
        <v>43</v>
      </c>
    </row>
    <row r="90" spans="1:4" ht="18" customHeight="1" x14ac:dyDescent="0.15">
      <c r="A90" s="8" t="s">
        <v>99</v>
      </c>
      <c r="B90" s="29">
        <v>106</v>
      </c>
      <c r="C90" s="10">
        <v>101</v>
      </c>
      <c r="D90" s="9">
        <v>207</v>
      </c>
    </row>
    <row r="91" spans="1:4" ht="18" customHeight="1" x14ac:dyDescent="0.15">
      <c r="A91" s="16">
        <v>70</v>
      </c>
      <c r="B91" s="29">
        <v>24</v>
      </c>
      <c r="C91" s="10">
        <v>17</v>
      </c>
      <c r="D91" s="9">
        <v>41</v>
      </c>
    </row>
    <row r="92" spans="1:4" ht="18" customHeight="1" x14ac:dyDescent="0.15">
      <c r="A92" s="16">
        <v>71</v>
      </c>
      <c r="B92" s="29">
        <v>22</v>
      </c>
      <c r="C92" s="10">
        <v>16</v>
      </c>
      <c r="D92" s="9">
        <v>38</v>
      </c>
    </row>
    <row r="93" spans="1:4" ht="18" customHeight="1" x14ac:dyDescent="0.15">
      <c r="A93" s="16">
        <v>72</v>
      </c>
      <c r="B93" s="29">
        <v>19</v>
      </c>
      <c r="C93" s="10">
        <v>16</v>
      </c>
      <c r="D93" s="9">
        <v>35</v>
      </c>
    </row>
    <row r="94" spans="1:4" ht="18" customHeight="1" x14ac:dyDescent="0.15">
      <c r="A94" s="16">
        <v>73</v>
      </c>
      <c r="B94" s="29">
        <v>23</v>
      </c>
      <c r="C94" s="10">
        <v>36</v>
      </c>
      <c r="D94" s="9">
        <v>59</v>
      </c>
    </row>
    <row r="95" spans="1:4" ht="18" customHeight="1" x14ac:dyDescent="0.15">
      <c r="A95" s="16">
        <v>74</v>
      </c>
      <c r="B95" s="29">
        <v>25</v>
      </c>
      <c r="C95" s="10">
        <v>30</v>
      </c>
      <c r="D95" s="9">
        <v>55</v>
      </c>
    </row>
    <row r="96" spans="1:4" ht="18" customHeight="1" x14ac:dyDescent="0.15">
      <c r="A96" s="8" t="s">
        <v>41</v>
      </c>
      <c r="B96" s="29">
        <v>113</v>
      </c>
      <c r="C96" s="10">
        <v>115</v>
      </c>
      <c r="D96" s="9">
        <v>228</v>
      </c>
    </row>
    <row r="97" spans="1:4" ht="18" customHeight="1" x14ac:dyDescent="0.15">
      <c r="A97" s="16">
        <v>75</v>
      </c>
      <c r="B97" s="29">
        <v>34</v>
      </c>
      <c r="C97" s="10">
        <v>34</v>
      </c>
      <c r="D97" s="9">
        <v>68</v>
      </c>
    </row>
    <row r="98" spans="1:4" ht="18" customHeight="1" x14ac:dyDescent="0.15">
      <c r="A98" s="16">
        <v>76</v>
      </c>
      <c r="B98" s="29">
        <v>11</v>
      </c>
      <c r="C98" s="10">
        <v>26</v>
      </c>
      <c r="D98" s="9">
        <v>37</v>
      </c>
    </row>
    <row r="99" spans="1:4" ht="18" customHeight="1" x14ac:dyDescent="0.15">
      <c r="A99" s="16">
        <v>77</v>
      </c>
      <c r="B99" s="29">
        <v>17</v>
      </c>
      <c r="C99" s="10">
        <v>29</v>
      </c>
      <c r="D99" s="9">
        <v>46</v>
      </c>
    </row>
    <row r="100" spans="1:4" ht="18" customHeight="1" x14ac:dyDescent="0.15">
      <c r="A100" s="16">
        <v>78</v>
      </c>
      <c r="B100" s="29">
        <v>21</v>
      </c>
      <c r="C100" s="10">
        <v>27</v>
      </c>
      <c r="D100" s="9">
        <v>48</v>
      </c>
    </row>
    <row r="101" spans="1:4" ht="18" customHeight="1" x14ac:dyDescent="0.15">
      <c r="A101" s="16">
        <v>79</v>
      </c>
      <c r="B101" s="29">
        <v>16</v>
      </c>
      <c r="C101" s="10">
        <v>18</v>
      </c>
      <c r="D101" s="9">
        <v>34</v>
      </c>
    </row>
    <row r="102" spans="1:4" ht="18" customHeight="1" x14ac:dyDescent="0.15">
      <c r="A102" s="8" t="s">
        <v>40</v>
      </c>
      <c r="B102" s="29">
        <v>99</v>
      </c>
      <c r="C102" s="10">
        <v>134</v>
      </c>
      <c r="D102" s="9">
        <v>233</v>
      </c>
    </row>
    <row r="103" spans="1:4" ht="18" customHeight="1" x14ac:dyDescent="0.15">
      <c r="A103" s="16">
        <v>80</v>
      </c>
      <c r="B103" s="29">
        <v>18</v>
      </c>
      <c r="C103" s="10">
        <v>21</v>
      </c>
      <c r="D103" s="9">
        <v>39</v>
      </c>
    </row>
    <row r="104" spans="1:4" ht="18" customHeight="1" x14ac:dyDescent="0.15">
      <c r="A104" s="16">
        <v>81</v>
      </c>
      <c r="B104" s="29">
        <v>11</v>
      </c>
      <c r="C104" s="10">
        <v>24</v>
      </c>
      <c r="D104" s="9">
        <v>35</v>
      </c>
    </row>
    <row r="105" spans="1:4" ht="18" customHeight="1" x14ac:dyDescent="0.15">
      <c r="A105" s="16">
        <v>82</v>
      </c>
      <c r="B105" s="29">
        <v>14</v>
      </c>
      <c r="C105" s="10">
        <v>17</v>
      </c>
      <c r="D105" s="9">
        <v>31</v>
      </c>
    </row>
    <row r="106" spans="1:4" ht="18" customHeight="1" x14ac:dyDescent="0.15">
      <c r="A106" s="16">
        <v>83</v>
      </c>
      <c r="B106" s="29">
        <v>12</v>
      </c>
      <c r="C106" s="10">
        <v>14</v>
      </c>
      <c r="D106" s="9">
        <v>26</v>
      </c>
    </row>
    <row r="107" spans="1:4" ht="18" customHeight="1" x14ac:dyDescent="0.15">
      <c r="A107" s="16">
        <v>84</v>
      </c>
      <c r="B107" s="29">
        <v>4</v>
      </c>
      <c r="C107" s="10">
        <v>17</v>
      </c>
      <c r="D107" s="9">
        <v>21</v>
      </c>
    </row>
    <row r="108" spans="1:4" ht="18" customHeight="1" x14ac:dyDescent="0.15">
      <c r="A108" s="8" t="s">
        <v>39</v>
      </c>
      <c r="B108" s="29">
        <v>59</v>
      </c>
      <c r="C108" s="10">
        <v>93</v>
      </c>
      <c r="D108" s="9">
        <v>152</v>
      </c>
    </row>
    <row r="109" spans="1:4" ht="18" customHeight="1" x14ac:dyDescent="0.15">
      <c r="A109" s="16">
        <v>85</v>
      </c>
      <c r="B109" s="29">
        <v>8</v>
      </c>
      <c r="C109" s="10">
        <v>24</v>
      </c>
      <c r="D109" s="9">
        <v>32</v>
      </c>
    </row>
    <row r="110" spans="1:4" ht="18" customHeight="1" x14ac:dyDescent="0.15">
      <c r="A110" s="16">
        <v>86</v>
      </c>
      <c r="B110" s="29">
        <v>6</v>
      </c>
      <c r="C110" s="10">
        <v>15</v>
      </c>
      <c r="D110" s="9">
        <v>21</v>
      </c>
    </row>
    <row r="111" spans="1:4" ht="18" customHeight="1" x14ac:dyDescent="0.15">
      <c r="A111" s="16">
        <v>87</v>
      </c>
      <c r="B111" s="29">
        <v>6</v>
      </c>
      <c r="C111" s="10">
        <v>10</v>
      </c>
      <c r="D111" s="9">
        <v>16</v>
      </c>
    </row>
    <row r="112" spans="1:4" ht="18" customHeight="1" x14ac:dyDescent="0.15">
      <c r="A112" s="16">
        <v>88</v>
      </c>
      <c r="B112" s="29">
        <v>3</v>
      </c>
      <c r="C112" s="10">
        <v>14</v>
      </c>
      <c r="D112" s="9">
        <v>17</v>
      </c>
    </row>
    <row r="113" spans="1:4" ht="18" customHeight="1" x14ac:dyDescent="0.15">
      <c r="A113" s="16">
        <v>89</v>
      </c>
      <c r="B113" s="29">
        <v>5</v>
      </c>
      <c r="C113" s="10">
        <v>16</v>
      </c>
      <c r="D113" s="9">
        <v>21</v>
      </c>
    </row>
    <row r="114" spans="1:4" ht="18" customHeight="1" x14ac:dyDescent="0.15">
      <c r="A114" s="8" t="s">
        <v>97</v>
      </c>
      <c r="B114" s="29">
        <v>28</v>
      </c>
      <c r="C114" s="10">
        <v>79</v>
      </c>
      <c r="D114" s="9">
        <v>107</v>
      </c>
    </row>
    <row r="115" spans="1:4" ht="18" customHeight="1" x14ac:dyDescent="0.15">
      <c r="A115" s="16">
        <v>90</v>
      </c>
      <c r="B115" s="29">
        <v>5</v>
      </c>
      <c r="C115" s="10">
        <v>17</v>
      </c>
      <c r="D115" s="9">
        <v>22</v>
      </c>
    </row>
    <row r="116" spans="1:4" ht="18" customHeight="1" x14ac:dyDescent="0.15">
      <c r="A116" s="16">
        <v>91</v>
      </c>
      <c r="B116" s="29">
        <v>5</v>
      </c>
      <c r="C116" s="10">
        <v>10</v>
      </c>
      <c r="D116" s="9">
        <v>15</v>
      </c>
    </row>
    <row r="117" spans="1:4" ht="18" customHeight="1" x14ac:dyDescent="0.15">
      <c r="A117" s="16">
        <v>92</v>
      </c>
      <c r="B117" s="29">
        <v>1</v>
      </c>
      <c r="C117" s="10">
        <v>16</v>
      </c>
      <c r="D117" s="9">
        <v>17</v>
      </c>
    </row>
    <row r="118" spans="1:4" ht="18" customHeight="1" x14ac:dyDescent="0.15">
      <c r="A118" s="16">
        <v>93</v>
      </c>
      <c r="B118" s="29">
        <v>3</v>
      </c>
      <c r="C118" s="10">
        <v>5</v>
      </c>
      <c r="D118" s="9">
        <v>8</v>
      </c>
    </row>
    <row r="119" spans="1:4" ht="18" customHeight="1" x14ac:dyDescent="0.15">
      <c r="A119" s="16">
        <v>94</v>
      </c>
      <c r="B119" s="29">
        <v>0</v>
      </c>
      <c r="C119" s="10">
        <v>5</v>
      </c>
      <c r="D119" s="9">
        <v>5</v>
      </c>
    </row>
    <row r="120" spans="1:4" ht="18" customHeight="1" x14ac:dyDescent="0.15">
      <c r="A120" s="8" t="s">
        <v>69</v>
      </c>
      <c r="B120" s="29">
        <v>14</v>
      </c>
      <c r="C120" s="10">
        <v>53</v>
      </c>
      <c r="D120" s="9">
        <v>67</v>
      </c>
    </row>
    <row r="121" spans="1:4" ht="18" customHeight="1" x14ac:dyDescent="0.15">
      <c r="A121" s="16">
        <v>95</v>
      </c>
      <c r="B121" s="29">
        <v>1</v>
      </c>
      <c r="C121" s="10">
        <v>5</v>
      </c>
      <c r="D121" s="9">
        <v>6</v>
      </c>
    </row>
    <row r="122" spans="1:4" ht="18" customHeight="1" x14ac:dyDescent="0.15">
      <c r="A122" s="16">
        <v>96</v>
      </c>
      <c r="B122" s="29">
        <v>2</v>
      </c>
      <c r="C122" s="10">
        <v>5</v>
      </c>
      <c r="D122" s="9">
        <v>7</v>
      </c>
    </row>
    <row r="123" spans="1:4" ht="18" customHeight="1" x14ac:dyDescent="0.15">
      <c r="A123" s="16">
        <v>97</v>
      </c>
      <c r="B123" s="29">
        <v>1</v>
      </c>
      <c r="C123" s="10">
        <v>3</v>
      </c>
      <c r="D123" s="9">
        <v>4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4</v>
      </c>
      <c r="C126" s="10">
        <v>19</v>
      </c>
      <c r="D126" s="9">
        <v>23</v>
      </c>
    </row>
    <row r="127" spans="1:4" ht="18" customHeight="1" x14ac:dyDescent="0.15">
      <c r="A127" s="16">
        <v>100</v>
      </c>
      <c r="B127" s="29">
        <v>1</v>
      </c>
      <c r="C127" s="10">
        <v>0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1</v>
      </c>
      <c r="D128" s="9">
        <v>1</v>
      </c>
    </row>
    <row r="129" spans="1:4" ht="18" customHeight="1" x14ac:dyDescent="0.15">
      <c r="A129" s="8" t="s">
        <v>36</v>
      </c>
      <c r="B129" s="29">
        <v>1</v>
      </c>
      <c r="C129" s="10">
        <v>1</v>
      </c>
      <c r="D129" s="9">
        <v>2</v>
      </c>
    </row>
    <row r="130" spans="1:4" ht="18" customHeight="1" x14ac:dyDescent="0.15">
      <c r="A130" s="8" t="s">
        <v>35</v>
      </c>
      <c r="B130" s="28">
        <v>424</v>
      </c>
      <c r="C130" s="6">
        <v>595</v>
      </c>
      <c r="D130" s="5">
        <v>1019</v>
      </c>
    </row>
    <row r="131" spans="1:4" ht="18" customHeight="1" x14ac:dyDescent="0.15">
      <c r="A131" s="4" t="s">
        <v>0</v>
      </c>
      <c r="B131" s="27">
        <v>1583</v>
      </c>
      <c r="C131" s="2">
        <v>1658</v>
      </c>
      <c r="D131" s="1">
        <v>324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6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</v>
      </c>
      <c r="C5" s="18">
        <v>3</v>
      </c>
      <c r="D5" s="17">
        <v>5</v>
      </c>
    </row>
    <row r="6" spans="1:4" ht="18" customHeight="1" x14ac:dyDescent="0.15">
      <c r="A6" s="16">
        <v>1</v>
      </c>
      <c r="B6" s="29">
        <v>8</v>
      </c>
      <c r="C6" s="10">
        <v>3</v>
      </c>
      <c r="D6" s="9">
        <v>11</v>
      </c>
    </row>
    <row r="7" spans="1:4" ht="18" customHeight="1" x14ac:dyDescent="0.15">
      <c r="A7" s="16">
        <v>2</v>
      </c>
      <c r="B7" s="29">
        <v>5</v>
      </c>
      <c r="C7" s="10">
        <v>6</v>
      </c>
      <c r="D7" s="9">
        <v>11</v>
      </c>
    </row>
    <row r="8" spans="1:4" ht="18" customHeight="1" x14ac:dyDescent="0.15">
      <c r="A8" s="16">
        <v>3</v>
      </c>
      <c r="B8" s="29">
        <v>5</v>
      </c>
      <c r="C8" s="10">
        <v>2</v>
      </c>
      <c r="D8" s="9">
        <v>7</v>
      </c>
    </row>
    <row r="9" spans="1:4" ht="18" customHeight="1" x14ac:dyDescent="0.15">
      <c r="A9" s="16">
        <v>4</v>
      </c>
      <c r="B9" s="29">
        <v>7</v>
      </c>
      <c r="C9" s="10">
        <v>8</v>
      </c>
      <c r="D9" s="9">
        <v>15</v>
      </c>
    </row>
    <row r="10" spans="1:4" ht="18" customHeight="1" x14ac:dyDescent="0.15">
      <c r="A10" s="8" t="s">
        <v>25</v>
      </c>
      <c r="B10" s="29">
        <v>27</v>
      </c>
      <c r="C10" s="10">
        <v>22</v>
      </c>
      <c r="D10" s="9">
        <v>49</v>
      </c>
    </row>
    <row r="11" spans="1:4" ht="18" customHeight="1" x14ac:dyDescent="0.15">
      <c r="A11" s="16">
        <v>5</v>
      </c>
      <c r="B11" s="29">
        <v>9</v>
      </c>
      <c r="C11" s="10">
        <v>6</v>
      </c>
      <c r="D11" s="9">
        <v>15</v>
      </c>
    </row>
    <row r="12" spans="1:4" ht="18" customHeight="1" x14ac:dyDescent="0.15">
      <c r="A12" s="16">
        <v>6</v>
      </c>
      <c r="B12" s="29">
        <v>3</v>
      </c>
      <c r="C12" s="10">
        <v>6</v>
      </c>
      <c r="D12" s="9">
        <v>9</v>
      </c>
    </row>
    <row r="13" spans="1:4" ht="18" customHeight="1" x14ac:dyDescent="0.15">
      <c r="A13" s="16">
        <v>7</v>
      </c>
      <c r="B13" s="29">
        <v>8</v>
      </c>
      <c r="C13" s="10">
        <v>11</v>
      </c>
      <c r="D13" s="9">
        <v>19</v>
      </c>
    </row>
    <row r="14" spans="1:4" ht="18" customHeight="1" x14ac:dyDescent="0.15">
      <c r="A14" s="16">
        <v>8</v>
      </c>
      <c r="B14" s="29">
        <v>11</v>
      </c>
      <c r="C14" s="10">
        <v>4</v>
      </c>
      <c r="D14" s="9">
        <v>15</v>
      </c>
    </row>
    <row r="15" spans="1:4" ht="18" customHeight="1" x14ac:dyDescent="0.15">
      <c r="A15" s="16">
        <v>9</v>
      </c>
      <c r="B15" s="29">
        <v>5</v>
      </c>
      <c r="C15" s="10">
        <v>2</v>
      </c>
      <c r="D15" s="9">
        <v>7</v>
      </c>
    </row>
    <row r="16" spans="1:4" ht="18" customHeight="1" x14ac:dyDescent="0.15">
      <c r="A16" s="8" t="s">
        <v>24</v>
      </c>
      <c r="B16" s="29">
        <v>36</v>
      </c>
      <c r="C16" s="10">
        <v>29</v>
      </c>
      <c r="D16" s="9">
        <v>65</v>
      </c>
    </row>
    <row r="17" spans="1:4" ht="18" customHeight="1" x14ac:dyDescent="0.15">
      <c r="A17" s="16">
        <v>10</v>
      </c>
      <c r="B17" s="29">
        <v>15</v>
      </c>
      <c r="C17" s="10">
        <v>6</v>
      </c>
      <c r="D17" s="9">
        <v>21</v>
      </c>
    </row>
    <row r="18" spans="1:4" ht="18" customHeight="1" x14ac:dyDescent="0.15">
      <c r="A18" s="16">
        <v>11</v>
      </c>
      <c r="B18" s="29">
        <v>6</v>
      </c>
      <c r="C18" s="10">
        <v>5</v>
      </c>
      <c r="D18" s="9">
        <v>11</v>
      </c>
    </row>
    <row r="19" spans="1:4" ht="18" customHeight="1" x14ac:dyDescent="0.15">
      <c r="A19" s="16">
        <v>12</v>
      </c>
      <c r="B19" s="29">
        <v>8</v>
      </c>
      <c r="C19" s="10">
        <v>8</v>
      </c>
      <c r="D19" s="9">
        <v>16</v>
      </c>
    </row>
    <row r="20" spans="1:4" ht="18" customHeight="1" x14ac:dyDescent="0.15">
      <c r="A20" s="16">
        <v>13</v>
      </c>
      <c r="B20" s="29">
        <v>7</v>
      </c>
      <c r="C20" s="10">
        <v>5</v>
      </c>
      <c r="D20" s="9">
        <v>12</v>
      </c>
    </row>
    <row r="21" spans="1:4" ht="18" customHeight="1" x14ac:dyDescent="0.15">
      <c r="A21" s="16">
        <v>14</v>
      </c>
      <c r="B21" s="29">
        <v>9</v>
      </c>
      <c r="C21" s="10">
        <v>12</v>
      </c>
      <c r="D21" s="9">
        <v>21</v>
      </c>
    </row>
    <row r="22" spans="1:4" ht="18" customHeight="1" x14ac:dyDescent="0.15">
      <c r="A22" s="8" t="s">
        <v>23</v>
      </c>
      <c r="B22" s="29">
        <v>45</v>
      </c>
      <c r="C22" s="10">
        <v>36</v>
      </c>
      <c r="D22" s="9">
        <v>81</v>
      </c>
    </row>
    <row r="23" spans="1:4" ht="18" customHeight="1" x14ac:dyDescent="0.15">
      <c r="A23" s="8" t="s">
        <v>22</v>
      </c>
      <c r="B23" s="29">
        <v>108</v>
      </c>
      <c r="C23" s="10">
        <v>87</v>
      </c>
      <c r="D23" s="9">
        <v>195</v>
      </c>
    </row>
    <row r="24" spans="1:4" ht="18" customHeight="1" x14ac:dyDescent="0.15">
      <c r="A24" s="16">
        <v>15</v>
      </c>
      <c r="B24" s="29">
        <v>9</v>
      </c>
      <c r="C24" s="10">
        <v>8</v>
      </c>
      <c r="D24" s="9">
        <v>17</v>
      </c>
    </row>
    <row r="25" spans="1:4" ht="18" customHeight="1" x14ac:dyDescent="0.15">
      <c r="A25" s="16">
        <v>16</v>
      </c>
      <c r="B25" s="29">
        <v>9</v>
      </c>
      <c r="C25" s="10">
        <v>9</v>
      </c>
      <c r="D25" s="9">
        <v>18</v>
      </c>
    </row>
    <row r="26" spans="1:4" ht="18" customHeight="1" x14ac:dyDescent="0.15">
      <c r="A26" s="16">
        <v>17</v>
      </c>
      <c r="B26" s="29">
        <v>7</v>
      </c>
      <c r="C26" s="10">
        <v>8</v>
      </c>
      <c r="D26" s="9">
        <v>15</v>
      </c>
    </row>
    <row r="27" spans="1:4" ht="18" customHeight="1" x14ac:dyDescent="0.15">
      <c r="A27" s="16">
        <v>18</v>
      </c>
      <c r="B27" s="29">
        <v>9</v>
      </c>
      <c r="C27" s="10">
        <v>6</v>
      </c>
      <c r="D27" s="9">
        <v>15</v>
      </c>
    </row>
    <row r="28" spans="1:4" ht="18" customHeight="1" x14ac:dyDescent="0.15">
      <c r="A28" s="16">
        <v>19</v>
      </c>
      <c r="B28" s="29">
        <v>8</v>
      </c>
      <c r="C28" s="10">
        <v>3</v>
      </c>
      <c r="D28" s="9">
        <v>11</v>
      </c>
    </row>
    <row r="29" spans="1:4" ht="18" customHeight="1" x14ac:dyDescent="0.15">
      <c r="A29" s="8" t="s">
        <v>64</v>
      </c>
      <c r="B29" s="29">
        <v>42</v>
      </c>
      <c r="C29" s="10">
        <v>34</v>
      </c>
      <c r="D29" s="9">
        <v>76</v>
      </c>
    </row>
    <row r="30" spans="1:4" ht="18" customHeight="1" x14ac:dyDescent="0.15">
      <c r="A30" s="16">
        <v>20</v>
      </c>
      <c r="B30" s="29">
        <v>5</v>
      </c>
      <c r="C30" s="10">
        <v>7</v>
      </c>
      <c r="D30" s="9">
        <v>12</v>
      </c>
    </row>
    <row r="31" spans="1:4" ht="18" customHeight="1" x14ac:dyDescent="0.15">
      <c r="A31" s="16">
        <v>21</v>
      </c>
      <c r="B31" s="29">
        <v>16</v>
      </c>
      <c r="C31" s="10">
        <v>7</v>
      </c>
      <c r="D31" s="9">
        <v>23</v>
      </c>
    </row>
    <row r="32" spans="1:4" ht="18" customHeight="1" x14ac:dyDescent="0.15">
      <c r="A32" s="16">
        <v>22</v>
      </c>
      <c r="B32" s="29">
        <v>7</v>
      </c>
      <c r="C32" s="10">
        <v>13</v>
      </c>
      <c r="D32" s="9">
        <v>20</v>
      </c>
    </row>
    <row r="33" spans="1:4" ht="18" customHeight="1" x14ac:dyDescent="0.15">
      <c r="A33" s="16">
        <v>23</v>
      </c>
      <c r="B33" s="29">
        <v>7</v>
      </c>
      <c r="C33" s="10">
        <v>7</v>
      </c>
      <c r="D33" s="9">
        <v>14</v>
      </c>
    </row>
    <row r="34" spans="1:4" ht="18" customHeight="1" x14ac:dyDescent="0.15">
      <c r="A34" s="16">
        <v>24</v>
      </c>
      <c r="B34" s="29">
        <v>6</v>
      </c>
      <c r="C34" s="10">
        <v>11</v>
      </c>
      <c r="D34" s="9">
        <v>17</v>
      </c>
    </row>
    <row r="35" spans="1:4" ht="18" customHeight="1" x14ac:dyDescent="0.15">
      <c r="A35" s="8" t="s">
        <v>74</v>
      </c>
      <c r="B35" s="29">
        <v>41</v>
      </c>
      <c r="C35" s="10">
        <v>45</v>
      </c>
      <c r="D35" s="9">
        <v>86</v>
      </c>
    </row>
    <row r="36" spans="1:4" ht="18" customHeight="1" x14ac:dyDescent="0.15">
      <c r="A36" s="16">
        <v>25</v>
      </c>
      <c r="B36" s="29">
        <v>9</v>
      </c>
      <c r="C36" s="10">
        <v>9</v>
      </c>
      <c r="D36" s="9">
        <v>18</v>
      </c>
    </row>
    <row r="37" spans="1:4" ht="18" customHeight="1" x14ac:dyDescent="0.15">
      <c r="A37" s="16">
        <v>26</v>
      </c>
      <c r="B37" s="29">
        <v>15</v>
      </c>
      <c r="C37" s="10">
        <v>11</v>
      </c>
      <c r="D37" s="9">
        <v>26</v>
      </c>
    </row>
    <row r="38" spans="1:4" ht="18" customHeight="1" x14ac:dyDescent="0.15">
      <c r="A38" s="16">
        <v>27</v>
      </c>
      <c r="B38" s="29">
        <v>9</v>
      </c>
      <c r="C38" s="10">
        <v>4</v>
      </c>
      <c r="D38" s="9">
        <v>13</v>
      </c>
    </row>
    <row r="39" spans="1:4" ht="18" customHeight="1" x14ac:dyDescent="0.15">
      <c r="A39" s="16">
        <v>28</v>
      </c>
      <c r="B39" s="29">
        <v>8</v>
      </c>
      <c r="C39" s="10">
        <v>3</v>
      </c>
      <c r="D39" s="9">
        <v>11</v>
      </c>
    </row>
    <row r="40" spans="1:4" ht="18" customHeight="1" x14ac:dyDescent="0.15">
      <c r="A40" s="16">
        <v>29</v>
      </c>
      <c r="B40" s="29">
        <v>14</v>
      </c>
      <c r="C40" s="10">
        <v>5</v>
      </c>
      <c r="D40" s="9">
        <v>19</v>
      </c>
    </row>
    <row r="41" spans="1:4" ht="18" customHeight="1" x14ac:dyDescent="0.15">
      <c r="A41" s="8" t="s">
        <v>73</v>
      </c>
      <c r="B41" s="29">
        <v>55</v>
      </c>
      <c r="C41" s="10">
        <v>32</v>
      </c>
      <c r="D41" s="9">
        <v>87</v>
      </c>
    </row>
    <row r="42" spans="1:4" ht="18" customHeight="1" x14ac:dyDescent="0.15">
      <c r="A42" s="16">
        <v>30</v>
      </c>
      <c r="B42" s="29">
        <v>10</v>
      </c>
      <c r="C42" s="10">
        <v>3</v>
      </c>
      <c r="D42" s="9">
        <v>13</v>
      </c>
    </row>
    <row r="43" spans="1:4" ht="18" customHeight="1" x14ac:dyDescent="0.15">
      <c r="A43" s="16">
        <v>31</v>
      </c>
      <c r="B43" s="29">
        <v>6</v>
      </c>
      <c r="C43" s="10">
        <v>4</v>
      </c>
      <c r="D43" s="9">
        <v>10</v>
      </c>
    </row>
    <row r="44" spans="1:4" ht="18" customHeight="1" x14ac:dyDescent="0.15">
      <c r="A44" s="16">
        <v>32</v>
      </c>
      <c r="B44" s="29">
        <v>8</v>
      </c>
      <c r="C44" s="10">
        <v>8</v>
      </c>
      <c r="D44" s="9">
        <v>16</v>
      </c>
    </row>
    <row r="45" spans="1:4" ht="18" customHeight="1" x14ac:dyDescent="0.15">
      <c r="A45" s="16">
        <v>33</v>
      </c>
      <c r="B45" s="29">
        <v>5</v>
      </c>
      <c r="C45" s="10">
        <v>5</v>
      </c>
      <c r="D45" s="9">
        <v>10</v>
      </c>
    </row>
    <row r="46" spans="1:4" ht="18" customHeight="1" x14ac:dyDescent="0.15">
      <c r="A46" s="16">
        <v>34</v>
      </c>
      <c r="B46" s="29">
        <v>9</v>
      </c>
      <c r="C46" s="10">
        <v>9</v>
      </c>
      <c r="D46" s="9">
        <v>18</v>
      </c>
    </row>
    <row r="47" spans="1:4" ht="18" customHeight="1" x14ac:dyDescent="0.15">
      <c r="A47" s="8" t="s">
        <v>164</v>
      </c>
      <c r="B47" s="29">
        <v>38</v>
      </c>
      <c r="C47" s="10">
        <v>29</v>
      </c>
      <c r="D47" s="9">
        <v>67</v>
      </c>
    </row>
    <row r="48" spans="1:4" ht="18" customHeight="1" x14ac:dyDescent="0.15">
      <c r="A48" s="16">
        <v>35</v>
      </c>
      <c r="B48" s="29">
        <v>11</v>
      </c>
      <c r="C48" s="10">
        <v>6</v>
      </c>
      <c r="D48" s="9">
        <v>17</v>
      </c>
    </row>
    <row r="49" spans="1:4" ht="18" customHeight="1" x14ac:dyDescent="0.15">
      <c r="A49" s="16">
        <v>36</v>
      </c>
      <c r="B49" s="29">
        <v>6</v>
      </c>
      <c r="C49" s="10">
        <v>7</v>
      </c>
      <c r="D49" s="9">
        <v>13</v>
      </c>
    </row>
    <row r="50" spans="1:4" ht="18" customHeight="1" x14ac:dyDescent="0.15">
      <c r="A50" s="16">
        <v>37</v>
      </c>
      <c r="B50" s="29">
        <v>11</v>
      </c>
      <c r="C50" s="10">
        <v>7</v>
      </c>
      <c r="D50" s="9">
        <v>18</v>
      </c>
    </row>
    <row r="51" spans="1:4" ht="18" customHeight="1" x14ac:dyDescent="0.15">
      <c r="A51" s="16">
        <v>38</v>
      </c>
      <c r="B51" s="29">
        <v>11</v>
      </c>
      <c r="C51" s="10">
        <v>5</v>
      </c>
      <c r="D51" s="9">
        <v>16</v>
      </c>
    </row>
    <row r="52" spans="1:4" ht="18" customHeight="1" x14ac:dyDescent="0.15">
      <c r="A52" s="16">
        <v>39</v>
      </c>
      <c r="B52" s="29">
        <v>11</v>
      </c>
      <c r="C52" s="10">
        <v>15</v>
      </c>
      <c r="D52" s="9">
        <v>26</v>
      </c>
    </row>
    <row r="53" spans="1:4" ht="18" customHeight="1" x14ac:dyDescent="0.15">
      <c r="A53" s="8" t="s">
        <v>32</v>
      </c>
      <c r="B53" s="29">
        <v>50</v>
      </c>
      <c r="C53" s="10">
        <v>40</v>
      </c>
      <c r="D53" s="9">
        <v>90</v>
      </c>
    </row>
    <row r="54" spans="1:4" ht="18" customHeight="1" x14ac:dyDescent="0.15">
      <c r="A54" s="16">
        <v>40</v>
      </c>
      <c r="B54" s="29">
        <v>13</v>
      </c>
      <c r="C54" s="10">
        <v>8</v>
      </c>
      <c r="D54" s="9">
        <v>21</v>
      </c>
    </row>
    <row r="55" spans="1:4" ht="18" customHeight="1" x14ac:dyDescent="0.15">
      <c r="A55" s="16">
        <v>41</v>
      </c>
      <c r="B55" s="29">
        <v>12</v>
      </c>
      <c r="C55" s="10">
        <v>9</v>
      </c>
      <c r="D55" s="9">
        <v>21</v>
      </c>
    </row>
    <row r="56" spans="1:4" ht="18" customHeight="1" x14ac:dyDescent="0.15">
      <c r="A56" s="16">
        <v>42</v>
      </c>
      <c r="B56" s="29">
        <v>11</v>
      </c>
      <c r="C56" s="10">
        <v>18</v>
      </c>
      <c r="D56" s="9">
        <v>29</v>
      </c>
    </row>
    <row r="57" spans="1:4" ht="18" customHeight="1" x14ac:dyDescent="0.15">
      <c r="A57" s="16">
        <v>43</v>
      </c>
      <c r="B57" s="29">
        <v>13</v>
      </c>
      <c r="C57" s="10">
        <v>16</v>
      </c>
      <c r="D57" s="9">
        <v>29</v>
      </c>
    </row>
    <row r="58" spans="1:4" ht="18" customHeight="1" x14ac:dyDescent="0.15">
      <c r="A58" s="16">
        <v>44</v>
      </c>
      <c r="B58" s="29">
        <v>17</v>
      </c>
      <c r="C58" s="10">
        <v>15</v>
      </c>
      <c r="D58" s="9">
        <v>32</v>
      </c>
    </row>
    <row r="59" spans="1:4" ht="18" customHeight="1" x14ac:dyDescent="0.15">
      <c r="A59" s="8" t="s">
        <v>81</v>
      </c>
      <c r="B59" s="29">
        <v>66</v>
      </c>
      <c r="C59" s="10">
        <v>66</v>
      </c>
      <c r="D59" s="9">
        <v>132</v>
      </c>
    </row>
    <row r="60" spans="1:4" ht="18" customHeight="1" x14ac:dyDescent="0.15">
      <c r="A60" s="16">
        <v>45</v>
      </c>
      <c r="B60" s="29">
        <v>13</v>
      </c>
      <c r="C60" s="10">
        <v>12</v>
      </c>
      <c r="D60" s="9">
        <v>25</v>
      </c>
    </row>
    <row r="61" spans="1:4" ht="18" customHeight="1" x14ac:dyDescent="0.15">
      <c r="A61" s="16">
        <v>46</v>
      </c>
      <c r="B61" s="29">
        <v>18</v>
      </c>
      <c r="C61" s="10">
        <v>11</v>
      </c>
      <c r="D61" s="9">
        <v>29</v>
      </c>
    </row>
    <row r="62" spans="1:4" ht="18" customHeight="1" x14ac:dyDescent="0.15">
      <c r="A62" s="16">
        <v>47</v>
      </c>
      <c r="B62" s="29">
        <v>15</v>
      </c>
      <c r="C62" s="10">
        <v>20</v>
      </c>
      <c r="D62" s="9">
        <v>35</v>
      </c>
    </row>
    <row r="63" spans="1:4" ht="18" customHeight="1" x14ac:dyDescent="0.15">
      <c r="A63" s="16">
        <v>48</v>
      </c>
      <c r="B63" s="29">
        <v>23</v>
      </c>
      <c r="C63" s="10">
        <v>13</v>
      </c>
      <c r="D63" s="9">
        <v>36</v>
      </c>
    </row>
    <row r="64" spans="1:4" ht="18" customHeight="1" x14ac:dyDescent="0.15">
      <c r="A64" s="16">
        <v>49</v>
      </c>
      <c r="B64" s="29">
        <v>23</v>
      </c>
      <c r="C64" s="10">
        <v>17</v>
      </c>
      <c r="D64" s="9">
        <v>40</v>
      </c>
    </row>
    <row r="65" spans="1:4" ht="18" customHeight="1" x14ac:dyDescent="0.15">
      <c r="A65" s="8" t="s">
        <v>15</v>
      </c>
      <c r="B65" s="29">
        <v>92</v>
      </c>
      <c r="C65" s="10">
        <v>73</v>
      </c>
      <c r="D65" s="9">
        <v>165</v>
      </c>
    </row>
    <row r="66" spans="1:4" ht="18" customHeight="1" x14ac:dyDescent="0.15">
      <c r="A66" s="16">
        <v>50</v>
      </c>
      <c r="B66" s="29">
        <v>17</v>
      </c>
      <c r="C66" s="10">
        <v>17</v>
      </c>
      <c r="D66" s="9">
        <v>34</v>
      </c>
    </row>
    <row r="67" spans="1:4" ht="18" customHeight="1" x14ac:dyDescent="0.15">
      <c r="A67" s="16">
        <v>51</v>
      </c>
      <c r="B67" s="29">
        <v>15</v>
      </c>
      <c r="C67" s="10">
        <v>11</v>
      </c>
      <c r="D67" s="9">
        <v>26</v>
      </c>
    </row>
    <row r="68" spans="1:4" ht="18" customHeight="1" x14ac:dyDescent="0.15">
      <c r="A68" s="16">
        <v>52</v>
      </c>
      <c r="B68" s="29">
        <v>13</v>
      </c>
      <c r="C68" s="10">
        <v>21</v>
      </c>
      <c r="D68" s="9">
        <v>34</v>
      </c>
    </row>
    <row r="69" spans="1:4" ht="18" customHeight="1" x14ac:dyDescent="0.15">
      <c r="A69" s="16">
        <v>53</v>
      </c>
      <c r="B69" s="29">
        <v>16</v>
      </c>
      <c r="C69" s="10">
        <v>16</v>
      </c>
      <c r="D69" s="9">
        <v>32</v>
      </c>
    </row>
    <row r="70" spans="1:4" ht="18" customHeight="1" x14ac:dyDescent="0.15">
      <c r="A70" s="16">
        <v>54</v>
      </c>
      <c r="B70" s="29">
        <v>16</v>
      </c>
      <c r="C70" s="10">
        <v>14</v>
      </c>
      <c r="D70" s="9">
        <v>30</v>
      </c>
    </row>
    <row r="71" spans="1:4" ht="18" customHeight="1" x14ac:dyDescent="0.15">
      <c r="A71" s="8" t="s">
        <v>14</v>
      </c>
      <c r="B71" s="29">
        <v>77</v>
      </c>
      <c r="C71" s="10">
        <v>79</v>
      </c>
      <c r="D71" s="9">
        <v>156</v>
      </c>
    </row>
    <row r="72" spans="1:4" ht="18" customHeight="1" x14ac:dyDescent="0.15">
      <c r="A72" s="16">
        <v>55</v>
      </c>
      <c r="B72" s="29">
        <v>14</v>
      </c>
      <c r="C72" s="10">
        <v>15</v>
      </c>
      <c r="D72" s="9">
        <v>29</v>
      </c>
    </row>
    <row r="73" spans="1:4" ht="18" customHeight="1" x14ac:dyDescent="0.15">
      <c r="A73" s="16">
        <v>56</v>
      </c>
      <c r="B73" s="29">
        <v>13</v>
      </c>
      <c r="C73" s="10">
        <v>17</v>
      </c>
      <c r="D73" s="9">
        <v>30</v>
      </c>
    </row>
    <row r="74" spans="1:4" ht="18" customHeight="1" x14ac:dyDescent="0.15">
      <c r="A74" s="16">
        <v>57</v>
      </c>
      <c r="B74" s="29">
        <v>19</v>
      </c>
      <c r="C74" s="10">
        <v>15</v>
      </c>
      <c r="D74" s="9">
        <v>34</v>
      </c>
    </row>
    <row r="75" spans="1:4" ht="18" customHeight="1" x14ac:dyDescent="0.15">
      <c r="A75" s="16">
        <v>58</v>
      </c>
      <c r="B75" s="29">
        <v>12</v>
      </c>
      <c r="C75" s="10">
        <v>9</v>
      </c>
      <c r="D75" s="9">
        <v>21</v>
      </c>
    </row>
    <row r="76" spans="1:4" ht="18" customHeight="1" x14ac:dyDescent="0.15">
      <c r="A76" s="16">
        <v>59</v>
      </c>
      <c r="B76" s="29">
        <v>14</v>
      </c>
      <c r="C76" s="10">
        <v>12</v>
      </c>
      <c r="D76" s="9">
        <v>26</v>
      </c>
    </row>
    <row r="77" spans="1:4" ht="18" customHeight="1" x14ac:dyDescent="0.15">
      <c r="A77" s="8" t="s">
        <v>13</v>
      </c>
      <c r="B77" s="29">
        <v>72</v>
      </c>
      <c r="C77" s="10">
        <v>68</v>
      </c>
      <c r="D77" s="9">
        <v>140</v>
      </c>
    </row>
    <row r="78" spans="1:4" ht="18" customHeight="1" x14ac:dyDescent="0.15">
      <c r="A78" s="16">
        <v>60</v>
      </c>
      <c r="B78" s="29">
        <v>20</v>
      </c>
      <c r="C78" s="10">
        <v>19</v>
      </c>
      <c r="D78" s="9">
        <v>39</v>
      </c>
    </row>
    <row r="79" spans="1:4" ht="18" customHeight="1" x14ac:dyDescent="0.15">
      <c r="A79" s="16">
        <v>61</v>
      </c>
      <c r="B79" s="29">
        <v>16</v>
      </c>
      <c r="C79" s="10">
        <v>13</v>
      </c>
      <c r="D79" s="9">
        <v>29</v>
      </c>
    </row>
    <row r="80" spans="1:4" ht="18" customHeight="1" x14ac:dyDescent="0.15">
      <c r="A80" s="16">
        <v>62</v>
      </c>
      <c r="B80" s="29">
        <v>9</v>
      </c>
      <c r="C80" s="10">
        <v>16</v>
      </c>
      <c r="D80" s="9">
        <v>25</v>
      </c>
    </row>
    <row r="81" spans="1:4" ht="18" customHeight="1" x14ac:dyDescent="0.15">
      <c r="A81" s="16">
        <v>63</v>
      </c>
      <c r="B81" s="29">
        <v>12</v>
      </c>
      <c r="C81" s="10">
        <v>12</v>
      </c>
      <c r="D81" s="9">
        <v>24</v>
      </c>
    </row>
    <row r="82" spans="1:4" ht="18" customHeight="1" x14ac:dyDescent="0.15">
      <c r="A82" s="16">
        <v>64</v>
      </c>
      <c r="B82" s="29">
        <v>14</v>
      </c>
      <c r="C82" s="10">
        <v>13</v>
      </c>
      <c r="D82" s="9">
        <v>27</v>
      </c>
    </row>
    <row r="83" spans="1:4" ht="18" customHeight="1" x14ac:dyDescent="0.15">
      <c r="A83" s="8" t="s">
        <v>44</v>
      </c>
      <c r="B83" s="29">
        <v>71</v>
      </c>
      <c r="C83" s="10">
        <v>73</v>
      </c>
      <c r="D83" s="9">
        <v>144</v>
      </c>
    </row>
    <row r="84" spans="1:4" ht="18" customHeight="1" x14ac:dyDescent="0.15">
      <c r="A84" s="8" t="s">
        <v>11</v>
      </c>
      <c r="B84" s="29">
        <v>604</v>
      </c>
      <c r="C84" s="10">
        <v>539</v>
      </c>
      <c r="D84" s="9">
        <v>1143</v>
      </c>
    </row>
    <row r="85" spans="1:4" ht="18" customHeight="1" x14ac:dyDescent="0.15">
      <c r="A85" s="16">
        <v>65</v>
      </c>
      <c r="B85" s="29">
        <v>12</v>
      </c>
      <c r="C85" s="10">
        <v>15</v>
      </c>
      <c r="D85" s="9">
        <v>27</v>
      </c>
    </row>
    <row r="86" spans="1:4" ht="18" customHeight="1" x14ac:dyDescent="0.15">
      <c r="A86" s="16">
        <v>66</v>
      </c>
      <c r="B86" s="29">
        <v>13</v>
      </c>
      <c r="C86" s="10">
        <v>15</v>
      </c>
      <c r="D86" s="9">
        <v>28</v>
      </c>
    </row>
    <row r="87" spans="1:4" ht="18" customHeight="1" x14ac:dyDescent="0.15">
      <c r="A87" s="16">
        <v>67</v>
      </c>
      <c r="B87" s="29">
        <v>16</v>
      </c>
      <c r="C87" s="10">
        <v>16</v>
      </c>
      <c r="D87" s="9">
        <v>32</v>
      </c>
    </row>
    <row r="88" spans="1:4" ht="18" customHeight="1" x14ac:dyDescent="0.15">
      <c r="A88" s="16">
        <v>68</v>
      </c>
      <c r="B88" s="29">
        <v>19</v>
      </c>
      <c r="C88" s="10">
        <v>21</v>
      </c>
      <c r="D88" s="9">
        <v>40</v>
      </c>
    </row>
    <row r="89" spans="1:4" ht="18" customHeight="1" x14ac:dyDescent="0.15">
      <c r="A89" s="16">
        <v>69</v>
      </c>
      <c r="B89" s="29">
        <v>15</v>
      </c>
      <c r="C89" s="10">
        <v>21</v>
      </c>
      <c r="D89" s="9">
        <v>36</v>
      </c>
    </row>
    <row r="90" spans="1:4" ht="18" customHeight="1" x14ac:dyDescent="0.15">
      <c r="A90" s="8" t="s">
        <v>10</v>
      </c>
      <c r="B90" s="29">
        <v>75</v>
      </c>
      <c r="C90" s="10">
        <v>88</v>
      </c>
      <c r="D90" s="9">
        <v>163</v>
      </c>
    </row>
    <row r="91" spans="1:4" ht="18" customHeight="1" x14ac:dyDescent="0.15">
      <c r="A91" s="16">
        <v>70</v>
      </c>
      <c r="B91" s="29">
        <v>15</v>
      </c>
      <c r="C91" s="10">
        <v>26</v>
      </c>
      <c r="D91" s="9">
        <v>41</v>
      </c>
    </row>
    <row r="92" spans="1:4" ht="18" customHeight="1" x14ac:dyDescent="0.15">
      <c r="A92" s="16">
        <v>71</v>
      </c>
      <c r="B92" s="29">
        <v>21</v>
      </c>
      <c r="C92" s="10">
        <v>24</v>
      </c>
      <c r="D92" s="9">
        <v>45</v>
      </c>
    </row>
    <row r="93" spans="1:4" ht="18" customHeight="1" x14ac:dyDescent="0.15">
      <c r="A93" s="16">
        <v>72</v>
      </c>
      <c r="B93" s="29">
        <v>21</v>
      </c>
      <c r="C93" s="10">
        <v>21</v>
      </c>
      <c r="D93" s="9">
        <v>42</v>
      </c>
    </row>
    <row r="94" spans="1:4" ht="18" customHeight="1" x14ac:dyDescent="0.15">
      <c r="A94" s="16">
        <v>73</v>
      </c>
      <c r="B94" s="29">
        <v>12</v>
      </c>
      <c r="C94" s="10">
        <v>32</v>
      </c>
      <c r="D94" s="9">
        <v>44</v>
      </c>
    </row>
    <row r="95" spans="1:4" ht="18" customHeight="1" x14ac:dyDescent="0.15">
      <c r="A95" s="16">
        <v>74</v>
      </c>
      <c r="B95" s="29">
        <v>31</v>
      </c>
      <c r="C95" s="10">
        <v>39</v>
      </c>
      <c r="D95" s="9">
        <v>70</v>
      </c>
    </row>
    <row r="96" spans="1:4" ht="18" customHeight="1" x14ac:dyDescent="0.15">
      <c r="A96" s="8" t="s">
        <v>41</v>
      </c>
      <c r="B96" s="29">
        <v>100</v>
      </c>
      <c r="C96" s="10">
        <v>142</v>
      </c>
      <c r="D96" s="9">
        <v>242</v>
      </c>
    </row>
    <row r="97" spans="1:4" ht="18" customHeight="1" x14ac:dyDescent="0.15">
      <c r="A97" s="16">
        <v>75</v>
      </c>
      <c r="B97" s="29">
        <v>26</v>
      </c>
      <c r="C97" s="10">
        <v>28</v>
      </c>
      <c r="D97" s="9">
        <v>54</v>
      </c>
    </row>
    <row r="98" spans="1:4" ht="18" customHeight="1" x14ac:dyDescent="0.15">
      <c r="A98" s="16">
        <v>76</v>
      </c>
      <c r="B98" s="29">
        <v>17</v>
      </c>
      <c r="C98" s="10">
        <v>30</v>
      </c>
      <c r="D98" s="9">
        <v>47</v>
      </c>
    </row>
    <row r="99" spans="1:4" ht="18" customHeight="1" x14ac:dyDescent="0.15">
      <c r="A99" s="16">
        <v>77</v>
      </c>
      <c r="B99" s="29">
        <v>18</v>
      </c>
      <c r="C99" s="10">
        <v>17</v>
      </c>
      <c r="D99" s="9">
        <v>35</v>
      </c>
    </row>
    <row r="100" spans="1:4" ht="18" customHeight="1" x14ac:dyDescent="0.15">
      <c r="A100" s="16">
        <v>78</v>
      </c>
      <c r="B100" s="29">
        <v>15</v>
      </c>
      <c r="C100" s="10">
        <v>19</v>
      </c>
      <c r="D100" s="9">
        <v>34</v>
      </c>
    </row>
    <row r="101" spans="1:4" ht="18" customHeight="1" x14ac:dyDescent="0.15">
      <c r="A101" s="16">
        <v>79</v>
      </c>
      <c r="B101" s="29">
        <v>18</v>
      </c>
      <c r="C101" s="10">
        <v>20</v>
      </c>
      <c r="D101" s="9">
        <v>38</v>
      </c>
    </row>
    <row r="102" spans="1:4" ht="18" customHeight="1" x14ac:dyDescent="0.15">
      <c r="A102" s="8" t="s">
        <v>70</v>
      </c>
      <c r="B102" s="29">
        <v>94</v>
      </c>
      <c r="C102" s="10">
        <v>114</v>
      </c>
      <c r="D102" s="9">
        <v>208</v>
      </c>
    </row>
    <row r="103" spans="1:4" ht="18" customHeight="1" x14ac:dyDescent="0.15">
      <c r="A103" s="16">
        <v>80</v>
      </c>
      <c r="B103" s="29">
        <v>13</v>
      </c>
      <c r="C103" s="10">
        <v>20</v>
      </c>
      <c r="D103" s="9">
        <v>33</v>
      </c>
    </row>
    <row r="104" spans="1:4" ht="18" customHeight="1" x14ac:dyDescent="0.15">
      <c r="A104" s="16">
        <v>81</v>
      </c>
      <c r="B104" s="29">
        <v>16</v>
      </c>
      <c r="C104" s="10">
        <v>22</v>
      </c>
      <c r="D104" s="9">
        <v>38</v>
      </c>
    </row>
    <row r="105" spans="1:4" ht="18" customHeight="1" x14ac:dyDescent="0.15">
      <c r="A105" s="16">
        <v>82</v>
      </c>
      <c r="B105" s="29">
        <v>10</v>
      </c>
      <c r="C105" s="10">
        <v>10</v>
      </c>
      <c r="D105" s="9">
        <v>20</v>
      </c>
    </row>
    <row r="106" spans="1:4" ht="18" customHeight="1" x14ac:dyDescent="0.15">
      <c r="A106" s="16">
        <v>83</v>
      </c>
      <c r="B106" s="29">
        <v>6</v>
      </c>
      <c r="C106" s="10">
        <v>17</v>
      </c>
      <c r="D106" s="9">
        <v>23</v>
      </c>
    </row>
    <row r="107" spans="1:4" ht="18" customHeight="1" x14ac:dyDescent="0.15">
      <c r="A107" s="16">
        <v>84</v>
      </c>
      <c r="B107" s="29">
        <v>8</v>
      </c>
      <c r="C107" s="10">
        <v>10</v>
      </c>
      <c r="D107" s="9">
        <v>18</v>
      </c>
    </row>
    <row r="108" spans="1:4" ht="18" customHeight="1" x14ac:dyDescent="0.15">
      <c r="A108" s="8" t="s">
        <v>98</v>
      </c>
      <c r="B108" s="29">
        <v>53</v>
      </c>
      <c r="C108" s="10">
        <v>79</v>
      </c>
      <c r="D108" s="9">
        <v>132</v>
      </c>
    </row>
    <row r="109" spans="1:4" ht="18" customHeight="1" x14ac:dyDescent="0.15">
      <c r="A109" s="16">
        <v>85</v>
      </c>
      <c r="B109" s="29">
        <v>8</v>
      </c>
      <c r="C109" s="10">
        <v>14</v>
      </c>
      <c r="D109" s="9">
        <v>22</v>
      </c>
    </row>
    <row r="110" spans="1:4" ht="18" customHeight="1" x14ac:dyDescent="0.15">
      <c r="A110" s="16">
        <v>86</v>
      </c>
      <c r="B110" s="29">
        <v>8</v>
      </c>
      <c r="C110" s="10">
        <v>17</v>
      </c>
      <c r="D110" s="9">
        <v>25</v>
      </c>
    </row>
    <row r="111" spans="1:4" ht="18" customHeight="1" x14ac:dyDescent="0.15">
      <c r="A111" s="16">
        <v>87</v>
      </c>
      <c r="B111" s="29">
        <v>6</v>
      </c>
      <c r="C111" s="10">
        <v>13</v>
      </c>
      <c r="D111" s="9">
        <v>19</v>
      </c>
    </row>
    <row r="112" spans="1:4" ht="18" customHeight="1" x14ac:dyDescent="0.15">
      <c r="A112" s="16">
        <v>88</v>
      </c>
      <c r="B112" s="29">
        <v>7</v>
      </c>
      <c r="C112" s="10">
        <v>9</v>
      </c>
      <c r="D112" s="9">
        <v>16</v>
      </c>
    </row>
    <row r="113" spans="1:4" ht="18" customHeight="1" x14ac:dyDescent="0.15">
      <c r="A113" s="16">
        <v>89</v>
      </c>
      <c r="B113" s="29">
        <v>8</v>
      </c>
      <c r="C113" s="10">
        <v>14</v>
      </c>
      <c r="D113" s="9">
        <v>22</v>
      </c>
    </row>
    <row r="114" spans="1:4" ht="18" customHeight="1" x14ac:dyDescent="0.15">
      <c r="A114" s="8" t="s">
        <v>38</v>
      </c>
      <c r="B114" s="29">
        <v>37</v>
      </c>
      <c r="C114" s="10">
        <v>67</v>
      </c>
      <c r="D114" s="9">
        <v>104</v>
      </c>
    </row>
    <row r="115" spans="1:4" ht="18" customHeight="1" x14ac:dyDescent="0.15">
      <c r="A115" s="16">
        <v>90</v>
      </c>
      <c r="B115" s="29">
        <v>4</v>
      </c>
      <c r="C115" s="10">
        <v>14</v>
      </c>
      <c r="D115" s="9">
        <v>18</v>
      </c>
    </row>
    <row r="116" spans="1:4" ht="18" customHeight="1" x14ac:dyDescent="0.15">
      <c r="A116" s="16">
        <v>91</v>
      </c>
      <c r="B116" s="29">
        <v>5</v>
      </c>
      <c r="C116" s="10">
        <v>9</v>
      </c>
      <c r="D116" s="9">
        <v>14</v>
      </c>
    </row>
    <row r="117" spans="1:4" ht="18" customHeight="1" x14ac:dyDescent="0.15">
      <c r="A117" s="16">
        <v>92</v>
      </c>
      <c r="B117" s="29">
        <v>3</v>
      </c>
      <c r="C117" s="10">
        <v>5</v>
      </c>
      <c r="D117" s="9">
        <v>8</v>
      </c>
    </row>
    <row r="118" spans="1:4" ht="18" customHeight="1" x14ac:dyDescent="0.15">
      <c r="A118" s="16">
        <v>93</v>
      </c>
      <c r="B118" s="29">
        <v>0</v>
      </c>
      <c r="C118" s="10">
        <v>7</v>
      </c>
      <c r="D118" s="9">
        <v>7</v>
      </c>
    </row>
    <row r="119" spans="1:4" ht="18" customHeight="1" x14ac:dyDescent="0.15">
      <c r="A119" s="16">
        <v>94</v>
      </c>
      <c r="B119" s="29">
        <v>4</v>
      </c>
      <c r="C119" s="10">
        <v>7</v>
      </c>
      <c r="D119" s="9">
        <v>11</v>
      </c>
    </row>
    <row r="120" spans="1:4" ht="18" customHeight="1" x14ac:dyDescent="0.15">
      <c r="A120" s="8" t="s">
        <v>5</v>
      </c>
      <c r="B120" s="29">
        <v>16</v>
      </c>
      <c r="C120" s="10">
        <v>42</v>
      </c>
      <c r="D120" s="9">
        <v>58</v>
      </c>
    </row>
    <row r="121" spans="1:4" ht="18" customHeight="1" x14ac:dyDescent="0.15">
      <c r="A121" s="16">
        <v>95</v>
      </c>
      <c r="B121" s="29">
        <v>0</v>
      </c>
      <c r="C121" s="10">
        <v>4</v>
      </c>
      <c r="D121" s="9">
        <v>4</v>
      </c>
    </row>
    <row r="122" spans="1:4" ht="18" customHeight="1" x14ac:dyDescent="0.15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15">
      <c r="A123" s="16">
        <v>97</v>
      </c>
      <c r="B123" s="29">
        <v>1</v>
      </c>
      <c r="C123" s="10">
        <v>3</v>
      </c>
      <c r="D123" s="9">
        <v>4</v>
      </c>
    </row>
    <row r="124" spans="1:4" ht="18" customHeight="1" x14ac:dyDescent="0.15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2</v>
      </c>
      <c r="C126" s="10">
        <v>14</v>
      </c>
      <c r="D126" s="9">
        <v>16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</v>
      </c>
      <c r="B128" s="29">
        <v>0</v>
      </c>
      <c r="C128" s="10">
        <v>1</v>
      </c>
      <c r="D128" s="9">
        <v>1</v>
      </c>
    </row>
    <row r="129" spans="1:4" ht="18" customHeight="1" x14ac:dyDescent="0.15">
      <c r="A129" s="8" t="s">
        <v>36</v>
      </c>
      <c r="B129" s="29">
        <v>0</v>
      </c>
      <c r="C129" s="10">
        <v>2</v>
      </c>
      <c r="D129" s="9">
        <v>2</v>
      </c>
    </row>
    <row r="130" spans="1:4" ht="18" customHeight="1" x14ac:dyDescent="0.15">
      <c r="A130" s="8" t="s">
        <v>35</v>
      </c>
      <c r="B130" s="28">
        <v>377</v>
      </c>
      <c r="C130" s="6">
        <v>548</v>
      </c>
      <c r="D130" s="5">
        <v>925</v>
      </c>
    </row>
    <row r="131" spans="1:4" ht="18" customHeight="1" x14ac:dyDescent="0.15">
      <c r="A131" s="4" t="s">
        <v>0</v>
      </c>
      <c r="B131" s="27">
        <v>1089</v>
      </c>
      <c r="C131" s="2">
        <v>1174</v>
      </c>
      <c r="D131" s="1">
        <v>226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7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</v>
      </c>
      <c r="C5" s="18">
        <v>8</v>
      </c>
      <c r="D5" s="17">
        <v>14</v>
      </c>
    </row>
    <row r="6" spans="1:4" ht="18" customHeight="1" x14ac:dyDescent="0.15">
      <c r="A6" s="16">
        <v>1</v>
      </c>
      <c r="B6" s="29">
        <v>5</v>
      </c>
      <c r="C6" s="10">
        <v>4</v>
      </c>
      <c r="D6" s="9">
        <v>9</v>
      </c>
    </row>
    <row r="7" spans="1:4" ht="18" customHeight="1" x14ac:dyDescent="0.15">
      <c r="A7" s="16">
        <v>2</v>
      </c>
      <c r="B7" s="29">
        <v>4</v>
      </c>
      <c r="C7" s="10">
        <v>6</v>
      </c>
      <c r="D7" s="9">
        <v>10</v>
      </c>
    </row>
    <row r="8" spans="1:4" ht="18" customHeight="1" x14ac:dyDescent="0.15">
      <c r="A8" s="16">
        <v>3</v>
      </c>
      <c r="B8" s="29">
        <v>5</v>
      </c>
      <c r="C8" s="10">
        <v>10</v>
      </c>
      <c r="D8" s="9">
        <v>15</v>
      </c>
    </row>
    <row r="9" spans="1:4" ht="18" customHeight="1" x14ac:dyDescent="0.15">
      <c r="A9" s="16">
        <v>4</v>
      </c>
      <c r="B9" s="29">
        <v>7</v>
      </c>
      <c r="C9" s="10">
        <v>6</v>
      </c>
      <c r="D9" s="9">
        <v>13</v>
      </c>
    </row>
    <row r="10" spans="1:4" ht="18" customHeight="1" x14ac:dyDescent="0.15">
      <c r="A10" s="8" t="s">
        <v>172</v>
      </c>
      <c r="B10" s="29">
        <v>27</v>
      </c>
      <c r="C10" s="10">
        <v>34</v>
      </c>
      <c r="D10" s="9">
        <v>61</v>
      </c>
    </row>
    <row r="11" spans="1:4" ht="18" customHeight="1" x14ac:dyDescent="0.15">
      <c r="A11" s="16">
        <v>5</v>
      </c>
      <c r="B11" s="29">
        <v>11</v>
      </c>
      <c r="C11" s="10">
        <v>5</v>
      </c>
      <c r="D11" s="9">
        <v>16</v>
      </c>
    </row>
    <row r="12" spans="1:4" ht="18" customHeight="1" x14ac:dyDescent="0.15">
      <c r="A12" s="16">
        <v>6</v>
      </c>
      <c r="B12" s="29">
        <v>10</v>
      </c>
      <c r="C12" s="10">
        <v>7</v>
      </c>
      <c r="D12" s="9">
        <v>17</v>
      </c>
    </row>
    <row r="13" spans="1:4" ht="18" customHeight="1" x14ac:dyDescent="0.15">
      <c r="A13" s="16">
        <v>7</v>
      </c>
      <c r="B13" s="29">
        <v>8</v>
      </c>
      <c r="C13" s="10">
        <v>10</v>
      </c>
      <c r="D13" s="9">
        <v>18</v>
      </c>
    </row>
    <row r="14" spans="1:4" ht="18" customHeight="1" x14ac:dyDescent="0.15">
      <c r="A14" s="16">
        <v>8</v>
      </c>
      <c r="B14" s="29">
        <v>15</v>
      </c>
      <c r="C14" s="10">
        <v>7</v>
      </c>
      <c r="D14" s="9">
        <v>22</v>
      </c>
    </row>
    <row r="15" spans="1:4" ht="18" customHeight="1" x14ac:dyDescent="0.15">
      <c r="A15" s="16">
        <v>9</v>
      </c>
      <c r="B15" s="29">
        <v>9</v>
      </c>
      <c r="C15" s="10">
        <v>10</v>
      </c>
      <c r="D15" s="9">
        <v>19</v>
      </c>
    </row>
    <row r="16" spans="1:4" ht="18" customHeight="1" x14ac:dyDescent="0.15">
      <c r="A16" s="8" t="s">
        <v>50</v>
      </c>
      <c r="B16" s="29">
        <v>53</v>
      </c>
      <c r="C16" s="10">
        <v>39</v>
      </c>
      <c r="D16" s="9">
        <v>92</v>
      </c>
    </row>
    <row r="17" spans="1:4" ht="18" customHeight="1" x14ac:dyDescent="0.15">
      <c r="A17" s="16">
        <v>10</v>
      </c>
      <c r="B17" s="29">
        <v>10</v>
      </c>
      <c r="C17" s="10">
        <v>14</v>
      </c>
      <c r="D17" s="9">
        <v>24</v>
      </c>
    </row>
    <row r="18" spans="1:4" ht="18" customHeight="1" x14ac:dyDescent="0.15">
      <c r="A18" s="16">
        <v>11</v>
      </c>
      <c r="B18" s="29">
        <v>8</v>
      </c>
      <c r="C18" s="10">
        <v>10</v>
      </c>
      <c r="D18" s="9">
        <v>18</v>
      </c>
    </row>
    <row r="19" spans="1:4" ht="18" customHeight="1" x14ac:dyDescent="0.15">
      <c r="A19" s="16">
        <v>12</v>
      </c>
      <c r="B19" s="29">
        <v>11</v>
      </c>
      <c r="C19" s="10">
        <v>14</v>
      </c>
      <c r="D19" s="9">
        <v>25</v>
      </c>
    </row>
    <row r="20" spans="1:4" ht="18" customHeight="1" x14ac:dyDescent="0.15">
      <c r="A20" s="16">
        <v>13</v>
      </c>
      <c r="B20" s="29">
        <v>13</v>
      </c>
      <c r="C20" s="10">
        <v>8</v>
      </c>
      <c r="D20" s="9">
        <v>21</v>
      </c>
    </row>
    <row r="21" spans="1:4" ht="18" customHeight="1" x14ac:dyDescent="0.15">
      <c r="A21" s="16">
        <v>14</v>
      </c>
      <c r="B21" s="29">
        <v>10</v>
      </c>
      <c r="C21" s="10">
        <v>11</v>
      </c>
      <c r="D21" s="9">
        <v>21</v>
      </c>
    </row>
    <row r="22" spans="1:4" ht="18" customHeight="1" x14ac:dyDescent="0.15">
      <c r="A22" s="8" t="s">
        <v>75</v>
      </c>
      <c r="B22" s="29">
        <v>52</v>
      </c>
      <c r="C22" s="10">
        <v>57</v>
      </c>
      <c r="D22" s="9">
        <v>109</v>
      </c>
    </row>
    <row r="23" spans="1:4" ht="18" customHeight="1" x14ac:dyDescent="0.15">
      <c r="A23" s="8" t="s">
        <v>104</v>
      </c>
      <c r="B23" s="29">
        <v>132</v>
      </c>
      <c r="C23" s="10">
        <v>130</v>
      </c>
      <c r="D23" s="9">
        <v>262</v>
      </c>
    </row>
    <row r="24" spans="1:4" ht="18" customHeight="1" x14ac:dyDescent="0.15">
      <c r="A24" s="16">
        <v>15</v>
      </c>
      <c r="B24" s="29">
        <v>5</v>
      </c>
      <c r="C24" s="10">
        <v>15</v>
      </c>
      <c r="D24" s="9">
        <v>20</v>
      </c>
    </row>
    <row r="25" spans="1:4" ht="18" customHeight="1" x14ac:dyDescent="0.15">
      <c r="A25" s="16">
        <v>16</v>
      </c>
      <c r="B25" s="29">
        <v>14</v>
      </c>
      <c r="C25" s="10">
        <v>8</v>
      </c>
      <c r="D25" s="9">
        <v>22</v>
      </c>
    </row>
    <row r="26" spans="1:4" ht="18" customHeight="1" x14ac:dyDescent="0.15">
      <c r="A26" s="16">
        <v>17</v>
      </c>
      <c r="B26" s="29">
        <v>8</v>
      </c>
      <c r="C26" s="10">
        <v>17</v>
      </c>
      <c r="D26" s="9">
        <v>25</v>
      </c>
    </row>
    <row r="27" spans="1:4" ht="18" customHeight="1" x14ac:dyDescent="0.15">
      <c r="A27" s="16">
        <v>18</v>
      </c>
      <c r="B27" s="29">
        <v>17</v>
      </c>
      <c r="C27" s="10">
        <v>13</v>
      </c>
      <c r="D27" s="9">
        <v>30</v>
      </c>
    </row>
    <row r="28" spans="1:4" ht="18" customHeight="1" x14ac:dyDescent="0.15">
      <c r="A28" s="16">
        <v>19</v>
      </c>
      <c r="B28" s="29">
        <v>14</v>
      </c>
      <c r="C28" s="10">
        <v>6</v>
      </c>
      <c r="D28" s="9">
        <v>20</v>
      </c>
    </row>
    <row r="29" spans="1:4" ht="18" customHeight="1" x14ac:dyDescent="0.15">
      <c r="A29" s="8" t="s">
        <v>48</v>
      </c>
      <c r="B29" s="29">
        <v>58</v>
      </c>
      <c r="C29" s="10">
        <v>59</v>
      </c>
      <c r="D29" s="9">
        <v>117</v>
      </c>
    </row>
    <row r="30" spans="1:4" ht="18" customHeight="1" x14ac:dyDescent="0.15">
      <c r="A30" s="16">
        <v>20</v>
      </c>
      <c r="B30" s="29">
        <v>16</v>
      </c>
      <c r="C30" s="10">
        <v>19</v>
      </c>
      <c r="D30" s="9">
        <v>35</v>
      </c>
    </row>
    <row r="31" spans="1:4" ht="18" customHeight="1" x14ac:dyDescent="0.15">
      <c r="A31" s="16">
        <v>21</v>
      </c>
      <c r="B31" s="29">
        <v>9</v>
      </c>
      <c r="C31" s="10">
        <v>10</v>
      </c>
      <c r="D31" s="9">
        <v>19</v>
      </c>
    </row>
    <row r="32" spans="1:4" ht="18" customHeight="1" x14ac:dyDescent="0.15">
      <c r="A32" s="16">
        <v>22</v>
      </c>
      <c r="B32" s="29">
        <v>13</v>
      </c>
      <c r="C32" s="10">
        <v>10</v>
      </c>
      <c r="D32" s="9">
        <v>23</v>
      </c>
    </row>
    <row r="33" spans="1:4" ht="18" customHeight="1" x14ac:dyDescent="0.15">
      <c r="A33" s="16">
        <v>23</v>
      </c>
      <c r="B33" s="29">
        <v>23</v>
      </c>
      <c r="C33" s="10">
        <v>11</v>
      </c>
      <c r="D33" s="9">
        <v>34</v>
      </c>
    </row>
    <row r="34" spans="1:4" ht="18" customHeight="1" x14ac:dyDescent="0.15">
      <c r="A34" s="16">
        <v>24</v>
      </c>
      <c r="B34" s="29">
        <v>11</v>
      </c>
      <c r="C34" s="10">
        <v>5</v>
      </c>
      <c r="D34" s="9">
        <v>16</v>
      </c>
    </row>
    <row r="35" spans="1:4" ht="18" customHeight="1" x14ac:dyDescent="0.15">
      <c r="A35" s="8" t="s">
        <v>74</v>
      </c>
      <c r="B35" s="29">
        <v>72</v>
      </c>
      <c r="C35" s="10">
        <v>55</v>
      </c>
      <c r="D35" s="9">
        <v>127</v>
      </c>
    </row>
    <row r="36" spans="1:4" ht="18" customHeight="1" x14ac:dyDescent="0.15">
      <c r="A36" s="16">
        <v>25</v>
      </c>
      <c r="B36" s="29">
        <v>14</v>
      </c>
      <c r="C36" s="10">
        <v>9</v>
      </c>
      <c r="D36" s="9">
        <v>23</v>
      </c>
    </row>
    <row r="37" spans="1:4" ht="18" customHeight="1" x14ac:dyDescent="0.15">
      <c r="A37" s="16">
        <v>26</v>
      </c>
      <c r="B37" s="29">
        <v>14</v>
      </c>
      <c r="C37" s="10">
        <v>5</v>
      </c>
      <c r="D37" s="9">
        <v>19</v>
      </c>
    </row>
    <row r="38" spans="1:4" ht="18" customHeight="1" x14ac:dyDescent="0.15">
      <c r="A38" s="16">
        <v>27</v>
      </c>
      <c r="B38" s="29">
        <v>12</v>
      </c>
      <c r="C38" s="10">
        <v>5</v>
      </c>
      <c r="D38" s="9">
        <v>17</v>
      </c>
    </row>
    <row r="39" spans="1:4" ht="18" customHeight="1" x14ac:dyDescent="0.15">
      <c r="A39" s="16">
        <v>28</v>
      </c>
      <c r="B39" s="29">
        <v>15</v>
      </c>
      <c r="C39" s="10">
        <v>6</v>
      </c>
      <c r="D39" s="9">
        <v>21</v>
      </c>
    </row>
    <row r="40" spans="1:4" ht="18" customHeight="1" x14ac:dyDescent="0.15">
      <c r="A40" s="16">
        <v>29</v>
      </c>
      <c r="B40" s="29">
        <v>15</v>
      </c>
      <c r="C40" s="10">
        <v>8</v>
      </c>
      <c r="D40" s="9">
        <v>23</v>
      </c>
    </row>
    <row r="41" spans="1:4" ht="18" customHeight="1" x14ac:dyDescent="0.15">
      <c r="A41" s="8" t="s">
        <v>171</v>
      </c>
      <c r="B41" s="29">
        <v>70</v>
      </c>
      <c r="C41" s="10">
        <v>33</v>
      </c>
      <c r="D41" s="9">
        <v>103</v>
      </c>
    </row>
    <row r="42" spans="1:4" ht="18" customHeight="1" x14ac:dyDescent="0.15">
      <c r="A42" s="16">
        <v>30</v>
      </c>
      <c r="B42" s="29">
        <v>16</v>
      </c>
      <c r="C42" s="10">
        <v>9</v>
      </c>
      <c r="D42" s="9">
        <v>25</v>
      </c>
    </row>
    <row r="43" spans="1:4" ht="18" customHeight="1" x14ac:dyDescent="0.15">
      <c r="A43" s="16">
        <v>31</v>
      </c>
      <c r="B43" s="29">
        <v>6</v>
      </c>
      <c r="C43" s="10">
        <v>10</v>
      </c>
      <c r="D43" s="9">
        <v>16</v>
      </c>
    </row>
    <row r="44" spans="1:4" ht="18" customHeight="1" x14ac:dyDescent="0.15">
      <c r="A44" s="16">
        <v>32</v>
      </c>
      <c r="B44" s="29">
        <v>8</v>
      </c>
      <c r="C44" s="10">
        <v>9</v>
      </c>
      <c r="D44" s="9">
        <v>17</v>
      </c>
    </row>
    <row r="45" spans="1:4" ht="18" customHeight="1" x14ac:dyDescent="0.15">
      <c r="A45" s="16">
        <v>33</v>
      </c>
      <c r="B45" s="29">
        <v>12</v>
      </c>
      <c r="C45" s="10">
        <v>6</v>
      </c>
      <c r="D45" s="9">
        <v>18</v>
      </c>
    </row>
    <row r="46" spans="1:4" ht="18" customHeight="1" x14ac:dyDescent="0.15">
      <c r="A46" s="16">
        <v>34</v>
      </c>
      <c r="B46" s="29">
        <v>14</v>
      </c>
      <c r="C46" s="10">
        <v>12</v>
      </c>
      <c r="D46" s="9">
        <v>26</v>
      </c>
    </row>
    <row r="47" spans="1:4" ht="18" customHeight="1" x14ac:dyDescent="0.15">
      <c r="A47" s="8" t="s">
        <v>61</v>
      </c>
      <c r="B47" s="29">
        <v>56</v>
      </c>
      <c r="C47" s="10">
        <v>46</v>
      </c>
      <c r="D47" s="9">
        <v>102</v>
      </c>
    </row>
    <row r="48" spans="1:4" ht="18" customHeight="1" x14ac:dyDescent="0.15">
      <c r="A48" s="16">
        <v>35</v>
      </c>
      <c r="B48" s="29">
        <v>10</v>
      </c>
      <c r="C48" s="10">
        <v>8</v>
      </c>
      <c r="D48" s="9">
        <v>18</v>
      </c>
    </row>
    <row r="49" spans="1:4" ht="18" customHeight="1" x14ac:dyDescent="0.15">
      <c r="A49" s="16">
        <v>36</v>
      </c>
      <c r="B49" s="29">
        <v>13</v>
      </c>
      <c r="C49" s="10">
        <v>12</v>
      </c>
      <c r="D49" s="9">
        <v>25</v>
      </c>
    </row>
    <row r="50" spans="1:4" ht="18" customHeight="1" x14ac:dyDescent="0.15">
      <c r="A50" s="16">
        <v>37</v>
      </c>
      <c r="B50" s="29">
        <v>14</v>
      </c>
      <c r="C50" s="10">
        <v>9</v>
      </c>
      <c r="D50" s="9">
        <v>23</v>
      </c>
    </row>
    <row r="51" spans="1:4" ht="18" customHeight="1" x14ac:dyDescent="0.15">
      <c r="A51" s="16">
        <v>38</v>
      </c>
      <c r="B51" s="29">
        <v>16</v>
      </c>
      <c r="C51" s="10">
        <v>17</v>
      </c>
      <c r="D51" s="9">
        <v>33</v>
      </c>
    </row>
    <row r="52" spans="1:4" ht="18" customHeight="1" x14ac:dyDescent="0.15">
      <c r="A52" s="16">
        <v>39</v>
      </c>
      <c r="B52" s="29">
        <v>12</v>
      </c>
      <c r="C52" s="10">
        <v>11</v>
      </c>
      <c r="D52" s="9">
        <v>23</v>
      </c>
    </row>
    <row r="53" spans="1:4" ht="18" customHeight="1" x14ac:dyDescent="0.15">
      <c r="A53" s="8" t="s">
        <v>72</v>
      </c>
      <c r="B53" s="29">
        <v>65</v>
      </c>
      <c r="C53" s="10">
        <v>57</v>
      </c>
      <c r="D53" s="9">
        <v>122</v>
      </c>
    </row>
    <row r="54" spans="1:4" ht="18" customHeight="1" x14ac:dyDescent="0.15">
      <c r="A54" s="16">
        <v>40</v>
      </c>
      <c r="B54" s="29">
        <v>18</v>
      </c>
      <c r="C54" s="10">
        <v>9</v>
      </c>
      <c r="D54" s="9">
        <v>27</v>
      </c>
    </row>
    <row r="55" spans="1:4" ht="18" customHeight="1" x14ac:dyDescent="0.15">
      <c r="A55" s="16">
        <v>41</v>
      </c>
      <c r="B55" s="29">
        <v>16</v>
      </c>
      <c r="C55" s="10">
        <v>12</v>
      </c>
      <c r="D55" s="9">
        <v>28</v>
      </c>
    </row>
    <row r="56" spans="1:4" ht="18" customHeight="1" x14ac:dyDescent="0.15">
      <c r="A56" s="16">
        <v>42</v>
      </c>
      <c r="B56" s="29">
        <v>23</v>
      </c>
      <c r="C56" s="10">
        <v>12</v>
      </c>
      <c r="D56" s="9">
        <v>35</v>
      </c>
    </row>
    <row r="57" spans="1:4" ht="18" customHeight="1" x14ac:dyDescent="0.15">
      <c r="A57" s="16">
        <v>43</v>
      </c>
      <c r="B57" s="29">
        <v>11</v>
      </c>
      <c r="C57" s="10">
        <v>11</v>
      </c>
      <c r="D57" s="9">
        <v>22</v>
      </c>
    </row>
    <row r="58" spans="1:4" ht="18" customHeight="1" x14ac:dyDescent="0.15">
      <c r="A58" s="16">
        <v>44</v>
      </c>
      <c r="B58" s="29">
        <v>20</v>
      </c>
      <c r="C58" s="10">
        <v>20</v>
      </c>
      <c r="D58" s="9">
        <v>40</v>
      </c>
    </row>
    <row r="59" spans="1:4" ht="18" customHeight="1" x14ac:dyDescent="0.15">
      <c r="A59" s="8" t="s">
        <v>46</v>
      </c>
      <c r="B59" s="29">
        <v>88</v>
      </c>
      <c r="C59" s="10">
        <v>64</v>
      </c>
      <c r="D59" s="9">
        <v>152</v>
      </c>
    </row>
    <row r="60" spans="1:4" ht="18" customHeight="1" x14ac:dyDescent="0.15">
      <c r="A60" s="16">
        <v>45</v>
      </c>
      <c r="B60" s="29">
        <v>19</v>
      </c>
      <c r="C60" s="10">
        <v>24</v>
      </c>
      <c r="D60" s="9">
        <v>43</v>
      </c>
    </row>
    <row r="61" spans="1:4" ht="18" customHeight="1" x14ac:dyDescent="0.15">
      <c r="A61" s="16">
        <v>46</v>
      </c>
      <c r="B61" s="29">
        <v>23</v>
      </c>
      <c r="C61" s="10">
        <v>12</v>
      </c>
      <c r="D61" s="9">
        <v>35</v>
      </c>
    </row>
    <row r="62" spans="1:4" ht="18" customHeight="1" x14ac:dyDescent="0.15">
      <c r="A62" s="16">
        <v>47</v>
      </c>
      <c r="B62" s="29">
        <v>14</v>
      </c>
      <c r="C62" s="10">
        <v>20</v>
      </c>
      <c r="D62" s="9">
        <v>34</v>
      </c>
    </row>
    <row r="63" spans="1:4" ht="18" customHeight="1" x14ac:dyDescent="0.15">
      <c r="A63" s="16">
        <v>48</v>
      </c>
      <c r="B63" s="29">
        <v>25</v>
      </c>
      <c r="C63" s="10">
        <v>17</v>
      </c>
      <c r="D63" s="9">
        <v>42</v>
      </c>
    </row>
    <row r="64" spans="1:4" ht="18" customHeight="1" x14ac:dyDescent="0.15">
      <c r="A64" s="16">
        <v>49</v>
      </c>
      <c r="B64" s="29">
        <v>29</v>
      </c>
      <c r="C64" s="10">
        <v>15</v>
      </c>
      <c r="D64" s="9">
        <v>44</v>
      </c>
    </row>
    <row r="65" spans="1:4" ht="18" customHeight="1" x14ac:dyDescent="0.15">
      <c r="A65" s="8" t="s">
        <v>170</v>
      </c>
      <c r="B65" s="29">
        <v>110</v>
      </c>
      <c r="C65" s="10">
        <v>88</v>
      </c>
      <c r="D65" s="9">
        <v>198</v>
      </c>
    </row>
    <row r="66" spans="1:4" ht="18" customHeight="1" x14ac:dyDescent="0.15">
      <c r="A66" s="16">
        <v>50</v>
      </c>
      <c r="B66" s="29">
        <v>23</v>
      </c>
      <c r="C66" s="10">
        <v>28</v>
      </c>
      <c r="D66" s="9">
        <v>51</v>
      </c>
    </row>
    <row r="67" spans="1:4" ht="18" customHeight="1" x14ac:dyDescent="0.15">
      <c r="A67" s="16">
        <v>51</v>
      </c>
      <c r="B67" s="29">
        <v>14</v>
      </c>
      <c r="C67" s="10">
        <v>29</v>
      </c>
      <c r="D67" s="9">
        <v>43</v>
      </c>
    </row>
    <row r="68" spans="1:4" ht="18" customHeight="1" x14ac:dyDescent="0.15">
      <c r="A68" s="16">
        <v>52</v>
      </c>
      <c r="B68" s="29">
        <v>16</v>
      </c>
      <c r="C68" s="10">
        <v>15</v>
      </c>
      <c r="D68" s="9">
        <v>31</v>
      </c>
    </row>
    <row r="69" spans="1:4" ht="18" customHeight="1" x14ac:dyDescent="0.15">
      <c r="A69" s="16">
        <v>53</v>
      </c>
      <c r="B69" s="29">
        <v>24</v>
      </c>
      <c r="C69" s="10">
        <v>16</v>
      </c>
      <c r="D69" s="9">
        <v>40</v>
      </c>
    </row>
    <row r="70" spans="1:4" ht="18" customHeight="1" x14ac:dyDescent="0.15">
      <c r="A70" s="16">
        <v>54</v>
      </c>
      <c r="B70" s="29">
        <v>25</v>
      </c>
      <c r="C70" s="10">
        <v>16</v>
      </c>
      <c r="D70" s="9">
        <v>41</v>
      </c>
    </row>
    <row r="71" spans="1:4" ht="18" customHeight="1" x14ac:dyDescent="0.15">
      <c r="A71" s="8" t="s">
        <v>169</v>
      </c>
      <c r="B71" s="29">
        <v>102</v>
      </c>
      <c r="C71" s="10">
        <v>104</v>
      </c>
      <c r="D71" s="9">
        <v>206</v>
      </c>
    </row>
    <row r="72" spans="1:4" ht="18" customHeight="1" x14ac:dyDescent="0.15">
      <c r="A72" s="16">
        <v>55</v>
      </c>
      <c r="B72" s="29">
        <v>20</v>
      </c>
      <c r="C72" s="10">
        <v>19</v>
      </c>
      <c r="D72" s="9">
        <v>39</v>
      </c>
    </row>
    <row r="73" spans="1:4" ht="18" customHeight="1" x14ac:dyDescent="0.15">
      <c r="A73" s="16">
        <v>56</v>
      </c>
      <c r="B73" s="29">
        <v>25</v>
      </c>
      <c r="C73" s="10">
        <v>15</v>
      </c>
      <c r="D73" s="9">
        <v>40</v>
      </c>
    </row>
    <row r="74" spans="1:4" ht="18" customHeight="1" x14ac:dyDescent="0.15">
      <c r="A74" s="16">
        <v>57</v>
      </c>
      <c r="B74" s="29">
        <v>12</v>
      </c>
      <c r="C74" s="10">
        <v>16</v>
      </c>
      <c r="D74" s="9">
        <v>28</v>
      </c>
    </row>
    <row r="75" spans="1:4" ht="18" customHeight="1" x14ac:dyDescent="0.15">
      <c r="A75" s="16">
        <v>58</v>
      </c>
      <c r="B75" s="29">
        <v>23</v>
      </c>
      <c r="C75" s="10">
        <v>17</v>
      </c>
      <c r="D75" s="9">
        <v>40</v>
      </c>
    </row>
    <row r="76" spans="1:4" ht="18" customHeight="1" x14ac:dyDescent="0.15">
      <c r="A76" s="16">
        <v>59</v>
      </c>
      <c r="B76" s="29">
        <v>20</v>
      </c>
      <c r="C76" s="10">
        <v>29</v>
      </c>
      <c r="D76" s="9">
        <v>49</v>
      </c>
    </row>
    <row r="77" spans="1:4" ht="18" customHeight="1" x14ac:dyDescent="0.15">
      <c r="A77" s="8" t="s">
        <v>71</v>
      </c>
      <c r="B77" s="29">
        <v>100</v>
      </c>
      <c r="C77" s="10">
        <v>96</v>
      </c>
      <c r="D77" s="9">
        <v>196</v>
      </c>
    </row>
    <row r="78" spans="1:4" ht="18" customHeight="1" x14ac:dyDescent="0.15">
      <c r="A78" s="16">
        <v>60</v>
      </c>
      <c r="B78" s="29">
        <v>14</v>
      </c>
      <c r="C78" s="10">
        <v>23</v>
      </c>
      <c r="D78" s="9">
        <v>37</v>
      </c>
    </row>
    <row r="79" spans="1:4" ht="18" customHeight="1" x14ac:dyDescent="0.15">
      <c r="A79" s="16">
        <v>61</v>
      </c>
      <c r="B79" s="29">
        <v>19</v>
      </c>
      <c r="C79" s="10">
        <v>17</v>
      </c>
      <c r="D79" s="9">
        <v>36</v>
      </c>
    </row>
    <row r="80" spans="1:4" ht="18" customHeight="1" x14ac:dyDescent="0.15">
      <c r="A80" s="16">
        <v>62</v>
      </c>
      <c r="B80" s="29">
        <v>21</v>
      </c>
      <c r="C80" s="10">
        <v>24</v>
      </c>
      <c r="D80" s="9">
        <v>45</v>
      </c>
    </row>
    <row r="81" spans="1:4" ht="18" customHeight="1" x14ac:dyDescent="0.15">
      <c r="A81" s="16">
        <v>63</v>
      </c>
      <c r="B81" s="29">
        <v>17</v>
      </c>
      <c r="C81" s="10">
        <v>19</v>
      </c>
      <c r="D81" s="9">
        <v>36</v>
      </c>
    </row>
    <row r="82" spans="1:4" ht="18" customHeight="1" x14ac:dyDescent="0.15">
      <c r="A82" s="16">
        <v>64</v>
      </c>
      <c r="B82" s="29">
        <v>14</v>
      </c>
      <c r="C82" s="10">
        <v>19</v>
      </c>
      <c r="D82" s="9">
        <v>33</v>
      </c>
    </row>
    <row r="83" spans="1:4" ht="18" customHeight="1" x14ac:dyDescent="0.15">
      <c r="A83" s="8" t="s">
        <v>44</v>
      </c>
      <c r="B83" s="29">
        <v>85</v>
      </c>
      <c r="C83" s="10">
        <v>102</v>
      </c>
      <c r="D83" s="9">
        <v>187</v>
      </c>
    </row>
    <row r="84" spans="1:4" ht="18" customHeight="1" x14ac:dyDescent="0.15">
      <c r="A84" s="8" t="s">
        <v>168</v>
      </c>
      <c r="B84" s="29">
        <v>806</v>
      </c>
      <c r="C84" s="10">
        <v>704</v>
      </c>
      <c r="D84" s="9">
        <v>1510</v>
      </c>
    </row>
    <row r="85" spans="1:4" ht="18" customHeight="1" x14ac:dyDescent="0.15">
      <c r="A85" s="16">
        <v>65</v>
      </c>
      <c r="B85" s="29">
        <v>19</v>
      </c>
      <c r="C85" s="10">
        <v>25</v>
      </c>
      <c r="D85" s="9">
        <v>44</v>
      </c>
    </row>
    <row r="86" spans="1:4" ht="18" customHeight="1" x14ac:dyDescent="0.15">
      <c r="A86" s="16">
        <v>66</v>
      </c>
      <c r="B86" s="29">
        <v>24</v>
      </c>
      <c r="C86" s="10">
        <v>22</v>
      </c>
      <c r="D86" s="9">
        <v>46</v>
      </c>
    </row>
    <row r="87" spans="1:4" ht="18" customHeight="1" x14ac:dyDescent="0.15">
      <c r="A87" s="16">
        <v>67</v>
      </c>
      <c r="B87" s="29">
        <v>17</v>
      </c>
      <c r="C87" s="10">
        <v>28</v>
      </c>
      <c r="D87" s="9">
        <v>45</v>
      </c>
    </row>
    <row r="88" spans="1:4" ht="18" customHeight="1" x14ac:dyDescent="0.15">
      <c r="A88" s="16">
        <v>68</v>
      </c>
      <c r="B88" s="29">
        <v>24</v>
      </c>
      <c r="C88" s="10">
        <v>19</v>
      </c>
      <c r="D88" s="9">
        <v>43</v>
      </c>
    </row>
    <row r="89" spans="1:4" ht="18" customHeight="1" x14ac:dyDescent="0.15">
      <c r="A89" s="16">
        <v>69</v>
      </c>
      <c r="B89" s="29">
        <v>28</v>
      </c>
      <c r="C89" s="10">
        <v>26</v>
      </c>
      <c r="D89" s="9">
        <v>54</v>
      </c>
    </row>
    <row r="90" spans="1:4" ht="18" customHeight="1" x14ac:dyDescent="0.15">
      <c r="A90" s="8" t="s">
        <v>42</v>
      </c>
      <c r="B90" s="29">
        <v>112</v>
      </c>
      <c r="C90" s="10">
        <v>120</v>
      </c>
      <c r="D90" s="9">
        <v>232</v>
      </c>
    </row>
    <row r="91" spans="1:4" ht="18" customHeight="1" x14ac:dyDescent="0.15">
      <c r="A91" s="16">
        <v>70</v>
      </c>
      <c r="B91" s="29">
        <v>24</v>
      </c>
      <c r="C91" s="10">
        <v>29</v>
      </c>
      <c r="D91" s="9">
        <v>53</v>
      </c>
    </row>
    <row r="92" spans="1:4" ht="18" customHeight="1" x14ac:dyDescent="0.15">
      <c r="A92" s="16">
        <v>71</v>
      </c>
      <c r="B92" s="29">
        <v>32</v>
      </c>
      <c r="C92" s="10">
        <v>24</v>
      </c>
      <c r="D92" s="9">
        <v>56</v>
      </c>
    </row>
    <row r="93" spans="1:4" ht="18" customHeight="1" x14ac:dyDescent="0.15">
      <c r="A93" s="16">
        <v>72</v>
      </c>
      <c r="B93" s="29">
        <v>28</v>
      </c>
      <c r="C93" s="10">
        <v>19</v>
      </c>
      <c r="D93" s="9">
        <v>47</v>
      </c>
    </row>
    <row r="94" spans="1:4" ht="18" customHeight="1" x14ac:dyDescent="0.15">
      <c r="A94" s="16">
        <v>73</v>
      </c>
      <c r="B94" s="29">
        <v>20</v>
      </c>
      <c r="C94" s="10">
        <v>28</v>
      </c>
      <c r="D94" s="9">
        <v>48</v>
      </c>
    </row>
    <row r="95" spans="1:4" ht="18" customHeight="1" x14ac:dyDescent="0.15">
      <c r="A95" s="16">
        <v>74</v>
      </c>
      <c r="B95" s="29">
        <v>35</v>
      </c>
      <c r="C95" s="10">
        <v>34</v>
      </c>
      <c r="D95" s="9">
        <v>69</v>
      </c>
    </row>
    <row r="96" spans="1:4" ht="18" customHeight="1" x14ac:dyDescent="0.15">
      <c r="A96" s="8" t="s">
        <v>41</v>
      </c>
      <c r="B96" s="29">
        <v>139</v>
      </c>
      <c r="C96" s="10">
        <v>134</v>
      </c>
      <c r="D96" s="9">
        <v>273</v>
      </c>
    </row>
    <row r="97" spans="1:4" ht="18" customHeight="1" x14ac:dyDescent="0.15">
      <c r="A97" s="16">
        <v>75</v>
      </c>
      <c r="B97" s="29">
        <v>39</v>
      </c>
      <c r="C97" s="10">
        <v>26</v>
      </c>
      <c r="D97" s="9">
        <v>65</v>
      </c>
    </row>
    <row r="98" spans="1:4" ht="18" customHeight="1" x14ac:dyDescent="0.15">
      <c r="A98" s="16">
        <v>76</v>
      </c>
      <c r="B98" s="29">
        <v>20</v>
      </c>
      <c r="C98" s="10">
        <v>27</v>
      </c>
      <c r="D98" s="9">
        <v>47</v>
      </c>
    </row>
    <row r="99" spans="1:4" ht="18" customHeight="1" x14ac:dyDescent="0.15">
      <c r="A99" s="16">
        <v>77</v>
      </c>
      <c r="B99" s="29">
        <v>17</v>
      </c>
      <c r="C99" s="10">
        <v>15</v>
      </c>
      <c r="D99" s="9">
        <v>32</v>
      </c>
    </row>
    <row r="100" spans="1:4" ht="18" customHeight="1" x14ac:dyDescent="0.15">
      <c r="A100" s="16">
        <v>78</v>
      </c>
      <c r="B100" s="29">
        <v>18</v>
      </c>
      <c r="C100" s="10">
        <v>24</v>
      </c>
      <c r="D100" s="9">
        <v>42</v>
      </c>
    </row>
    <row r="101" spans="1:4" ht="18" customHeight="1" x14ac:dyDescent="0.15">
      <c r="A101" s="16">
        <v>79</v>
      </c>
      <c r="B101" s="29">
        <v>16</v>
      </c>
      <c r="C101" s="10">
        <v>22</v>
      </c>
      <c r="D101" s="9">
        <v>38</v>
      </c>
    </row>
    <row r="102" spans="1:4" ht="18" customHeight="1" x14ac:dyDescent="0.15">
      <c r="A102" s="8" t="s">
        <v>70</v>
      </c>
      <c r="B102" s="29">
        <v>110</v>
      </c>
      <c r="C102" s="10">
        <v>114</v>
      </c>
      <c r="D102" s="9">
        <v>224</v>
      </c>
    </row>
    <row r="103" spans="1:4" ht="18" customHeight="1" x14ac:dyDescent="0.15">
      <c r="A103" s="16">
        <v>80</v>
      </c>
      <c r="B103" s="29">
        <v>12</v>
      </c>
      <c r="C103" s="10">
        <v>16</v>
      </c>
      <c r="D103" s="9">
        <v>28</v>
      </c>
    </row>
    <row r="104" spans="1:4" ht="18" customHeight="1" x14ac:dyDescent="0.15">
      <c r="A104" s="16">
        <v>81</v>
      </c>
      <c r="B104" s="29">
        <v>18</v>
      </c>
      <c r="C104" s="10">
        <v>21</v>
      </c>
      <c r="D104" s="9">
        <v>39</v>
      </c>
    </row>
    <row r="105" spans="1:4" ht="18" customHeight="1" x14ac:dyDescent="0.15">
      <c r="A105" s="16">
        <v>82</v>
      </c>
      <c r="B105" s="29">
        <v>17</v>
      </c>
      <c r="C105" s="10">
        <v>12</v>
      </c>
      <c r="D105" s="9">
        <v>29</v>
      </c>
    </row>
    <row r="106" spans="1:4" ht="18" customHeight="1" x14ac:dyDescent="0.15">
      <c r="A106" s="16">
        <v>83</v>
      </c>
      <c r="B106" s="29">
        <v>13</v>
      </c>
      <c r="C106" s="10">
        <v>11</v>
      </c>
      <c r="D106" s="9">
        <v>24</v>
      </c>
    </row>
    <row r="107" spans="1:4" ht="18" customHeight="1" x14ac:dyDescent="0.15">
      <c r="A107" s="16">
        <v>84</v>
      </c>
      <c r="B107" s="29">
        <v>6</v>
      </c>
      <c r="C107" s="10">
        <v>20</v>
      </c>
      <c r="D107" s="9">
        <v>26</v>
      </c>
    </row>
    <row r="108" spans="1:4" ht="18" customHeight="1" x14ac:dyDescent="0.15">
      <c r="A108" s="8" t="s">
        <v>39</v>
      </c>
      <c r="B108" s="29">
        <v>66</v>
      </c>
      <c r="C108" s="10">
        <v>80</v>
      </c>
      <c r="D108" s="9">
        <v>146</v>
      </c>
    </row>
    <row r="109" spans="1:4" ht="18" customHeight="1" x14ac:dyDescent="0.15">
      <c r="A109" s="16">
        <v>85</v>
      </c>
      <c r="B109" s="29">
        <v>5</v>
      </c>
      <c r="C109" s="10">
        <v>10</v>
      </c>
      <c r="D109" s="9">
        <v>15</v>
      </c>
    </row>
    <row r="110" spans="1:4" ht="18" customHeight="1" x14ac:dyDescent="0.15">
      <c r="A110" s="16">
        <v>86</v>
      </c>
      <c r="B110" s="29">
        <v>12</v>
      </c>
      <c r="C110" s="10">
        <v>12</v>
      </c>
      <c r="D110" s="9">
        <v>24</v>
      </c>
    </row>
    <row r="111" spans="1:4" ht="18" customHeight="1" x14ac:dyDescent="0.15">
      <c r="A111" s="16">
        <v>87</v>
      </c>
      <c r="B111" s="29">
        <v>6</v>
      </c>
      <c r="C111" s="10">
        <v>10</v>
      </c>
      <c r="D111" s="9">
        <v>16</v>
      </c>
    </row>
    <row r="112" spans="1:4" ht="18" customHeight="1" x14ac:dyDescent="0.15">
      <c r="A112" s="16">
        <v>88</v>
      </c>
      <c r="B112" s="29">
        <v>5</v>
      </c>
      <c r="C112" s="10">
        <v>13</v>
      </c>
      <c r="D112" s="9">
        <v>18</v>
      </c>
    </row>
    <row r="113" spans="1:4" ht="18" customHeight="1" x14ac:dyDescent="0.15">
      <c r="A113" s="16">
        <v>89</v>
      </c>
      <c r="B113" s="29">
        <v>5</v>
      </c>
      <c r="C113" s="10">
        <v>5</v>
      </c>
      <c r="D113" s="9">
        <v>10</v>
      </c>
    </row>
    <row r="114" spans="1:4" ht="18" customHeight="1" x14ac:dyDescent="0.15">
      <c r="A114" s="8" t="s">
        <v>38</v>
      </c>
      <c r="B114" s="29">
        <v>33</v>
      </c>
      <c r="C114" s="10">
        <v>50</v>
      </c>
      <c r="D114" s="9">
        <v>83</v>
      </c>
    </row>
    <row r="115" spans="1:4" ht="18" customHeight="1" x14ac:dyDescent="0.15">
      <c r="A115" s="16">
        <v>90</v>
      </c>
      <c r="B115" s="29">
        <v>3</v>
      </c>
      <c r="C115" s="10">
        <v>14</v>
      </c>
      <c r="D115" s="9">
        <v>17</v>
      </c>
    </row>
    <row r="116" spans="1:4" ht="18" customHeight="1" x14ac:dyDescent="0.15">
      <c r="A116" s="16">
        <v>91</v>
      </c>
      <c r="B116" s="29">
        <v>0</v>
      </c>
      <c r="C116" s="10">
        <v>12</v>
      </c>
      <c r="D116" s="9">
        <v>12</v>
      </c>
    </row>
    <row r="117" spans="1:4" ht="18" customHeight="1" x14ac:dyDescent="0.15">
      <c r="A117" s="16">
        <v>92</v>
      </c>
      <c r="B117" s="29">
        <v>1</v>
      </c>
      <c r="C117" s="10">
        <v>5</v>
      </c>
      <c r="D117" s="9">
        <v>6</v>
      </c>
    </row>
    <row r="118" spans="1:4" ht="18" customHeight="1" x14ac:dyDescent="0.15">
      <c r="A118" s="16">
        <v>93</v>
      </c>
      <c r="B118" s="29">
        <v>1</v>
      </c>
      <c r="C118" s="10">
        <v>4</v>
      </c>
      <c r="D118" s="9">
        <v>5</v>
      </c>
    </row>
    <row r="119" spans="1:4" ht="18" customHeight="1" x14ac:dyDescent="0.15">
      <c r="A119" s="16">
        <v>94</v>
      </c>
      <c r="B119" s="29">
        <v>0</v>
      </c>
      <c r="C119" s="10">
        <v>3</v>
      </c>
      <c r="D119" s="9">
        <v>3</v>
      </c>
    </row>
    <row r="120" spans="1:4" ht="18" customHeight="1" x14ac:dyDescent="0.15">
      <c r="A120" s="8" t="s">
        <v>167</v>
      </c>
      <c r="B120" s="29">
        <v>5</v>
      </c>
      <c r="C120" s="10">
        <v>38</v>
      </c>
      <c r="D120" s="9">
        <v>43</v>
      </c>
    </row>
    <row r="121" spans="1:4" ht="18" customHeight="1" x14ac:dyDescent="0.15">
      <c r="A121" s="16">
        <v>95</v>
      </c>
      <c r="B121" s="29">
        <v>2</v>
      </c>
      <c r="C121" s="10">
        <v>5</v>
      </c>
      <c r="D121" s="9">
        <v>7</v>
      </c>
    </row>
    <row r="122" spans="1:4" ht="18" customHeight="1" x14ac:dyDescent="0.15">
      <c r="A122" s="16">
        <v>96</v>
      </c>
      <c r="B122" s="29">
        <v>1</v>
      </c>
      <c r="C122" s="10">
        <v>3</v>
      </c>
      <c r="D122" s="9">
        <v>4</v>
      </c>
    </row>
    <row r="123" spans="1:4" ht="18" customHeight="1" x14ac:dyDescent="0.15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15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3</v>
      </c>
      <c r="C126" s="10">
        <v>12</v>
      </c>
      <c r="D126" s="9">
        <v>15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1</v>
      </c>
      <c r="D128" s="9">
        <v>1</v>
      </c>
    </row>
    <row r="129" spans="1:4" ht="18" customHeight="1" x14ac:dyDescent="0.15">
      <c r="A129" s="8" t="s">
        <v>166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35</v>
      </c>
      <c r="B130" s="28">
        <v>468</v>
      </c>
      <c r="C130" s="6">
        <v>551</v>
      </c>
      <c r="D130" s="5">
        <v>1019</v>
      </c>
    </row>
    <row r="131" spans="1:4" ht="18" customHeight="1" x14ac:dyDescent="0.15">
      <c r="A131" s="4" t="s">
        <v>0</v>
      </c>
      <c r="B131" s="27">
        <v>1406</v>
      </c>
      <c r="C131" s="2">
        <v>1385</v>
      </c>
      <c r="D131" s="1">
        <v>279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7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</v>
      </c>
      <c r="C5" s="18">
        <v>12</v>
      </c>
      <c r="D5" s="17">
        <v>15</v>
      </c>
    </row>
    <row r="6" spans="1:4" ht="18" customHeight="1" x14ac:dyDescent="0.15">
      <c r="A6" s="16">
        <v>1</v>
      </c>
      <c r="B6" s="29">
        <v>4</v>
      </c>
      <c r="C6" s="10">
        <v>10</v>
      </c>
      <c r="D6" s="9">
        <v>14</v>
      </c>
    </row>
    <row r="7" spans="1:4" ht="18" customHeight="1" x14ac:dyDescent="0.15">
      <c r="A7" s="16">
        <v>2</v>
      </c>
      <c r="B7" s="29">
        <v>13</v>
      </c>
      <c r="C7" s="10">
        <v>9</v>
      </c>
      <c r="D7" s="9">
        <v>22</v>
      </c>
    </row>
    <row r="8" spans="1:4" ht="18" customHeight="1" x14ac:dyDescent="0.15">
      <c r="A8" s="16">
        <v>3</v>
      </c>
      <c r="B8" s="29">
        <v>9</v>
      </c>
      <c r="C8" s="10">
        <v>14</v>
      </c>
      <c r="D8" s="9">
        <v>23</v>
      </c>
    </row>
    <row r="9" spans="1:4" ht="18" customHeight="1" x14ac:dyDescent="0.15">
      <c r="A9" s="16">
        <v>4</v>
      </c>
      <c r="B9" s="29">
        <v>9</v>
      </c>
      <c r="C9" s="10">
        <v>16</v>
      </c>
      <c r="D9" s="9">
        <v>25</v>
      </c>
    </row>
    <row r="10" spans="1:4" ht="18" customHeight="1" x14ac:dyDescent="0.15">
      <c r="A10" s="8" t="s">
        <v>76</v>
      </c>
      <c r="B10" s="29">
        <v>38</v>
      </c>
      <c r="C10" s="10">
        <v>61</v>
      </c>
      <c r="D10" s="9">
        <v>99</v>
      </c>
    </row>
    <row r="11" spans="1:4" ht="18" customHeight="1" x14ac:dyDescent="0.15">
      <c r="A11" s="16">
        <v>5</v>
      </c>
      <c r="B11" s="29">
        <v>10</v>
      </c>
      <c r="C11" s="10">
        <v>7</v>
      </c>
      <c r="D11" s="9">
        <v>17</v>
      </c>
    </row>
    <row r="12" spans="1:4" ht="18" customHeight="1" x14ac:dyDescent="0.15">
      <c r="A12" s="16">
        <v>6</v>
      </c>
      <c r="B12" s="29">
        <v>15</v>
      </c>
      <c r="C12" s="10">
        <v>9</v>
      </c>
      <c r="D12" s="9">
        <v>24</v>
      </c>
    </row>
    <row r="13" spans="1:4" ht="18" customHeight="1" x14ac:dyDescent="0.15">
      <c r="A13" s="16">
        <v>7</v>
      </c>
      <c r="B13" s="29">
        <v>12</v>
      </c>
      <c r="C13" s="10">
        <v>4</v>
      </c>
      <c r="D13" s="9">
        <v>16</v>
      </c>
    </row>
    <row r="14" spans="1:4" ht="18" customHeight="1" x14ac:dyDescent="0.15">
      <c r="A14" s="16">
        <v>8</v>
      </c>
      <c r="B14" s="29">
        <v>16</v>
      </c>
      <c r="C14" s="10">
        <v>21</v>
      </c>
      <c r="D14" s="9">
        <v>37</v>
      </c>
    </row>
    <row r="15" spans="1:4" ht="18" customHeight="1" x14ac:dyDescent="0.15">
      <c r="A15" s="16">
        <v>9</v>
      </c>
      <c r="B15" s="29">
        <v>9</v>
      </c>
      <c r="C15" s="10">
        <v>17</v>
      </c>
      <c r="D15" s="9">
        <v>26</v>
      </c>
    </row>
    <row r="16" spans="1:4" ht="18" customHeight="1" x14ac:dyDescent="0.15">
      <c r="A16" s="8" t="s">
        <v>50</v>
      </c>
      <c r="B16" s="29">
        <v>62</v>
      </c>
      <c r="C16" s="10">
        <v>58</v>
      </c>
      <c r="D16" s="9">
        <v>120</v>
      </c>
    </row>
    <row r="17" spans="1:4" ht="18" customHeight="1" x14ac:dyDescent="0.15">
      <c r="A17" s="16">
        <v>10</v>
      </c>
      <c r="B17" s="29">
        <v>16</v>
      </c>
      <c r="C17" s="10">
        <v>12</v>
      </c>
      <c r="D17" s="9">
        <v>28</v>
      </c>
    </row>
    <row r="18" spans="1:4" ht="18" customHeight="1" x14ac:dyDescent="0.15">
      <c r="A18" s="16">
        <v>11</v>
      </c>
      <c r="B18" s="29">
        <v>20</v>
      </c>
      <c r="C18" s="10">
        <v>15</v>
      </c>
      <c r="D18" s="9">
        <v>35</v>
      </c>
    </row>
    <row r="19" spans="1:4" ht="18" customHeight="1" x14ac:dyDescent="0.15">
      <c r="A19" s="16">
        <v>12</v>
      </c>
      <c r="B19" s="29">
        <v>15</v>
      </c>
      <c r="C19" s="10">
        <v>15</v>
      </c>
      <c r="D19" s="9">
        <v>30</v>
      </c>
    </row>
    <row r="20" spans="1:4" ht="18" customHeight="1" x14ac:dyDescent="0.15">
      <c r="A20" s="16">
        <v>13</v>
      </c>
      <c r="B20" s="29">
        <v>19</v>
      </c>
      <c r="C20" s="10">
        <v>16</v>
      </c>
      <c r="D20" s="9">
        <v>35</v>
      </c>
    </row>
    <row r="21" spans="1:4" ht="18" customHeight="1" x14ac:dyDescent="0.15">
      <c r="A21" s="16">
        <v>14</v>
      </c>
      <c r="B21" s="29">
        <v>23</v>
      </c>
      <c r="C21" s="10">
        <v>24</v>
      </c>
      <c r="D21" s="9">
        <v>47</v>
      </c>
    </row>
    <row r="22" spans="1:4" ht="18" customHeight="1" x14ac:dyDescent="0.15">
      <c r="A22" s="8" t="s">
        <v>75</v>
      </c>
      <c r="B22" s="29">
        <v>93</v>
      </c>
      <c r="C22" s="10">
        <v>82</v>
      </c>
      <c r="D22" s="9">
        <v>175</v>
      </c>
    </row>
    <row r="23" spans="1:4" ht="18" customHeight="1" x14ac:dyDescent="0.15">
      <c r="A23" s="8" t="s">
        <v>65</v>
      </c>
      <c r="B23" s="29">
        <v>193</v>
      </c>
      <c r="C23" s="10">
        <v>201</v>
      </c>
      <c r="D23" s="9">
        <v>394</v>
      </c>
    </row>
    <row r="24" spans="1:4" ht="18" customHeight="1" x14ac:dyDescent="0.15">
      <c r="A24" s="16">
        <v>15</v>
      </c>
      <c r="B24" s="29">
        <v>15</v>
      </c>
      <c r="C24" s="10">
        <v>19</v>
      </c>
      <c r="D24" s="9">
        <v>34</v>
      </c>
    </row>
    <row r="25" spans="1:4" ht="18" customHeight="1" x14ac:dyDescent="0.15">
      <c r="A25" s="16">
        <v>16</v>
      </c>
      <c r="B25" s="29">
        <v>10</v>
      </c>
      <c r="C25" s="10">
        <v>13</v>
      </c>
      <c r="D25" s="9">
        <v>23</v>
      </c>
    </row>
    <row r="26" spans="1:4" ht="18" customHeight="1" x14ac:dyDescent="0.15">
      <c r="A26" s="16">
        <v>17</v>
      </c>
      <c r="B26" s="29">
        <v>12</v>
      </c>
      <c r="C26" s="10">
        <v>21</v>
      </c>
      <c r="D26" s="9">
        <v>33</v>
      </c>
    </row>
    <row r="27" spans="1:4" ht="18" customHeight="1" x14ac:dyDescent="0.15">
      <c r="A27" s="16">
        <v>18</v>
      </c>
      <c r="B27" s="29">
        <v>12</v>
      </c>
      <c r="C27" s="10">
        <v>10</v>
      </c>
      <c r="D27" s="9">
        <v>22</v>
      </c>
    </row>
    <row r="28" spans="1:4" ht="18" customHeight="1" x14ac:dyDescent="0.15">
      <c r="A28" s="16">
        <v>19</v>
      </c>
      <c r="B28" s="29">
        <v>17</v>
      </c>
      <c r="C28" s="10">
        <v>13</v>
      </c>
      <c r="D28" s="9">
        <v>30</v>
      </c>
    </row>
    <row r="29" spans="1:4" ht="18" customHeight="1" x14ac:dyDescent="0.15">
      <c r="A29" s="8" t="s">
        <v>48</v>
      </c>
      <c r="B29" s="29">
        <v>66</v>
      </c>
      <c r="C29" s="10">
        <v>76</v>
      </c>
      <c r="D29" s="9">
        <v>142</v>
      </c>
    </row>
    <row r="30" spans="1:4" ht="18" customHeight="1" x14ac:dyDescent="0.15">
      <c r="A30" s="16">
        <v>20</v>
      </c>
      <c r="B30" s="29">
        <v>20</v>
      </c>
      <c r="C30" s="10">
        <v>11</v>
      </c>
      <c r="D30" s="9">
        <v>31</v>
      </c>
    </row>
    <row r="31" spans="1:4" ht="18" customHeight="1" x14ac:dyDescent="0.15">
      <c r="A31" s="16">
        <v>21</v>
      </c>
      <c r="B31" s="29">
        <v>20</v>
      </c>
      <c r="C31" s="10">
        <v>19</v>
      </c>
      <c r="D31" s="9">
        <v>39</v>
      </c>
    </row>
    <row r="32" spans="1:4" ht="18" customHeight="1" x14ac:dyDescent="0.15">
      <c r="A32" s="16">
        <v>22</v>
      </c>
      <c r="B32" s="29">
        <v>13</v>
      </c>
      <c r="C32" s="10">
        <v>12</v>
      </c>
      <c r="D32" s="9">
        <v>25</v>
      </c>
    </row>
    <row r="33" spans="1:4" ht="18" customHeight="1" x14ac:dyDescent="0.15">
      <c r="A33" s="16">
        <v>23</v>
      </c>
      <c r="B33" s="29">
        <v>14</v>
      </c>
      <c r="C33" s="10">
        <v>5</v>
      </c>
      <c r="D33" s="9">
        <v>19</v>
      </c>
    </row>
    <row r="34" spans="1:4" ht="18" customHeight="1" x14ac:dyDescent="0.15">
      <c r="A34" s="16">
        <v>24</v>
      </c>
      <c r="B34" s="29">
        <v>13</v>
      </c>
      <c r="C34" s="10">
        <v>9</v>
      </c>
      <c r="D34" s="9">
        <v>22</v>
      </c>
    </row>
    <row r="35" spans="1:4" ht="18" customHeight="1" x14ac:dyDescent="0.15">
      <c r="A35" s="8" t="s">
        <v>74</v>
      </c>
      <c r="B35" s="29">
        <v>80</v>
      </c>
      <c r="C35" s="10">
        <v>56</v>
      </c>
      <c r="D35" s="9">
        <v>136</v>
      </c>
    </row>
    <row r="36" spans="1:4" ht="18" customHeight="1" x14ac:dyDescent="0.15">
      <c r="A36" s="16">
        <v>25</v>
      </c>
      <c r="B36" s="29">
        <v>12</v>
      </c>
      <c r="C36" s="10">
        <v>7</v>
      </c>
      <c r="D36" s="9">
        <v>19</v>
      </c>
    </row>
    <row r="37" spans="1:4" ht="18" customHeight="1" x14ac:dyDescent="0.15">
      <c r="A37" s="16">
        <v>26</v>
      </c>
      <c r="B37" s="29">
        <v>9</v>
      </c>
      <c r="C37" s="10">
        <v>11</v>
      </c>
      <c r="D37" s="9">
        <v>20</v>
      </c>
    </row>
    <row r="38" spans="1:4" ht="18" customHeight="1" x14ac:dyDescent="0.15">
      <c r="A38" s="16">
        <v>27</v>
      </c>
      <c r="B38" s="29">
        <v>8</v>
      </c>
      <c r="C38" s="10">
        <v>11</v>
      </c>
      <c r="D38" s="9">
        <v>19</v>
      </c>
    </row>
    <row r="39" spans="1:4" ht="18" customHeight="1" x14ac:dyDescent="0.15">
      <c r="A39" s="16">
        <v>28</v>
      </c>
      <c r="B39" s="29">
        <v>12</v>
      </c>
      <c r="C39" s="10">
        <v>8</v>
      </c>
      <c r="D39" s="9">
        <v>20</v>
      </c>
    </row>
    <row r="40" spans="1:4" ht="18" customHeight="1" x14ac:dyDescent="0.15">
      <c r="A40" s="16">
        <v>29</v>
      </c>
      <c r="B40" s="29">
        <v>11</v>
      </c>
      <c r="C40" s="10">
        <v>11</v>
      </c>
      <c r="D40" s="9">
        <v>22</v>
      </c>
    </row>
    <row r="41" spans="1:4" ht="18" customHeight="1" x14ac:dyDescent="0.15">
      <c r="A41" s="8" t="s">
        <v>73</v>
      </c>
      <c r="B41" s="29">
        <v>52</v>
      </c>
      <c r="C41" s="10">
        <v>48</v>
      </c>
      <c r="D41" s="9">
        <v>100</v>
      </c>
    </row>
    <row r="42" spans="1:4" ht="18" customHeight="1" x14ac:dyDescent="0.15">
      <c r="A42" s="16">
        <v>30</v>
      </c>
      <c r="B42" s="29">
        <v>4</v>
      </c>
      <c r="C42" s="10">
        <v>12</v>
      </c>
      <c r="D42" s="9">
        <v>16</v>
      </c>
    </row>
    <row r="43" spans="1:4" ht="18" customHeight="1" x14ac:dyDescent="0.15">
      <c r="A43" s="16">
        <v>31</v>
      </c>
      <c r="B43" s="29">
        <v>18</v>
      </c>
      <c r="C43" s="10">
        <v>12</v>
      </c>
      <c r="D43" s="9">
        <v>30</v>
      </c>
    </row>
    <row r="44" spans="1:4" ht="18" customHeight="1" x14ac:dyDescent="0.15">
      <c r="A44" s="16">
        <v>32</v>
      </c>
      <c r="B44" s="29">
        <v>14</v>
      </c>
      <c r="C44" s="10">
        <v>17</v>
      </c>
      <c r="D44" s="9">
        <v>31</v>
      </c>
    </row>
    <row r="45" spans="1:4" ht="18" customHeight="1" x14ac:dyDescent="0.15">
      <c r="A45" s="16">
        <v>33</v>
      </c>
      <c r="B45" s="29">
        <v>11</v>
      </c>
      <c r="C45" s="10">
        <v>11</v>
      </c>
      <c r="D45" s="9">
        <v>22</v>
      </c>
    </row>
    <row r="46" spans="1:4" ht="18" customHeight="1" x14ac:dyDescent="0.15">
      <c r="A46" s="16">
        <v>34</v>
      </c>
      <c r="B46" s="29">
        <v>10</v>
      </c>
      <c r="C46" s="10">
        <v>6</v>
      </c>
      <c r="D46" s="9">
        <v>16</v>
      </c>
    </row>
    <row r="47" spans="1:4" ht="18" customHeight="1" x14ac:dyDescent="0.15">
      <c r="A47" s="8" t="s">
        <v>61</v>
      </c>
      <c r="B47" s="29">
        <v>57</v>
      </c>
      <c r="C47" s="10">
        <v>58</v>
      </c>
      <c r="D47" s="9">
        <v>115</v>
      </c>
    </row>
    <row r="48" spans="1:4" ht="18" customHeight="1" x14ac:dyDescent="0.15">
      <c r="A48" s="16">
        <v>35</v>
      </c>
      <c r="B48" s="29">
        <v>11</v>
      </c>
      <c r="C48" s="10">
        <v>10</v>
      </c>
      <c r="D48" s="9">
        <v>21</v>
      </c>
    </row>
    <row r="49" spans="1:4" ht="18" customHeight="1" x14ac:dyDescent="0.15">
      <c r="A49" s="16">
        <v>36</v>
      </c>
      <c r="B49" s="29">
        <v>10</v>
      </c>
      <c r="C49" s="10">
        <v>10</v>
      </c>
      <c r="D49" s="9">
        <v>20</v>
      </c>
    </row>
    <row r="50" spans="1:4" ht="18" customHeight="1" x14ac:dyDescent="0.15">
      <c r="A50" s="16">
        <v>37</v>
      </c>
      <c r="B50" s="29">
        <v>16</v>
      </c>
      <c r="C50" s="10">
        <v>18</v>
      </c>
      <c r="D50" s="9">
        <v>34</v>
      </c>
    </row>
    <row r="51" spans="1:4" ht="18" customHeight="1" x14ac:dyDescent="0.15">
      <c r="A51" s="16">
        <v>38</v>
      </c>
      <c r="B51" s="29">
        <v>16</v>
      </c>
      <c r="C51" s="10">
        <v>13</v>
      </c>
      <c r="D51" s="9">
        <v>29</v>
      </c>
    </row>
    <row r="52" spans="1:4" ht="18" customHeight="1" x14ac:dyDescent="0.15">
      <c r="A52" s="16">
        <v>39</v>
      </c>
      <c r="B52" s="29">
        <v>16</v>
      </c>
      <c r="C52" s="10">
        <v>19</v>
      </c>
      <c r="D52" s="9">
        <v>35</v>
      </c>
    </row>
    <row r="53" spans="1:4" ht="18" customHeight="1" x14ac:dyDescent="0.15">
      <c r="A53" s="8" t="s">
        <v>72</v>
      </c>
      <c r="B53" s="29">
        <v>69</v>
      </c>
      <c r="C53" s="10">
        <v>70</v>
      </c>
      <c r="D53" s="9">
        <v>139</v>
      </c>
    </row>
    <row r="54" spans="1:4" ht="18" customHeight="1" x14ac:dyDescent="0.15">
      <c r="A54" s="16">
        <v>40</v>
      </c>
      <c r="B54" s="29">
        <v>16</v>
      </c>
      <c r="C54" s="10">
        <v>12</v>
      </c>
      <c r="D54" s="9">
        <v>28</v>
      </c>
    </row>
    <row r="55" spans="1:4" ht="18" customHeight="1" x14ac:dyDescent="0.15">
      <c r="A55" s="16">
        <v>41</v>
      </c>
      <c r="B55" s="29">
        <v>13</v>
      </c>
      <c r="C55" s="10">
        <v>16</v>
      </c>
      <c r="D55" s="9">
        <v>29</v>
      </c>
    </row>
    <row r="56" spans="1:4" ht="18" customHeight="1" x14ac:dyDescent="0.15">
      <c r="A56" s="16">
        <v>42</v>
      </c>
      <c r="B56" s="29">
        <v>18</v>
      </c>
      <c r="C56" s="10">
        <v>13</v>
      </c>
      <c r="D56" s="9">
        <v>31</v>
      </c>
    </row>
    <row r="57" spans="1:4" ht="18" customHeight="1" x14ac:dyDescent="0.15">
      <c r="A57" s="16">
        <v>43</v>
      </c>
      <c r="B57" s="29">
        <v>15</v>
      </c>
      <c r="C57" s="10">
        <v>20</v>
      </c>
      <c r="D57" s="9">
        <v>35</v>
      </c>
    </row>
    <row r="58" spans="1:4" ht="18" customHeight="1" x14ac:dyDescent="0.15">
      <c r="A58" s="16">
        <v>44</v>
      </c>
      <c r="B58" s="29">
        <v>21</v>
      </c>
      <c r="C58" s="10">
        <v>24</v>
      </c>
      <c r="D58" s="9">
        <v>45</v>
      </c>
    </row>
    <row r="59" spans="1:4" ht="18" customHeight="1" x14ac:dyDescent="0.15">
      <c r="A59" s="8" t="s">
        <v>46</v>
      </c>
      <c r="B59" s="29">
        <v>83</v>
      </c>
      <c r="C59" s="10">
        <v>85</v>
      </c>
      <c r="D59" s="9">
        <v>168</v>
      </c>
    </row>
    <row r="60" spans="1:4" ht="18" customHeight="1" x14ac:dyDescent="0.15">
      <c r="A60" s="16">
        <v>45</v>
      </c>
      <c r="B60" s="29">
        <v>23</v>
      </c>
      <c r="C60" s="10">
        <v>30</v>
      </c>
      <c r="D60" s="9">
        <v>53</v>
      </c>
    </row>
    <row r="61" spans="1:4" ht="18" customHeight="1" x14ac:dyDescent="0.15">
      <c r="A61" s="16">
        <v>46</v>
      </c>
      <c r="B61" s="29">
        <v>26</v>
      </c>
      <c r="C61" s="10">
        <v>25</v>
      </c>
      <c r="D61" s="9">
        <v>51</v>
      </c>
    </row>
    <row r="62" spans="1:4" ht="18" customHeight="1" x14ac:dyDescent="0.15">
      <c r="A62" s="16">
        <v>47</v>
      </c>
      <c r="B62" s="29">
        <v>28</v>
      </c>
      <c r="C62" s="10">
        <v>21</v>
      </c>
      <c r="D62" s="9">
        <v>49</v>
      </c>
    </row>
    <row r="63" spans="1:4" ht="18" customHeight="1" x14ac:dyDescent="0.15">
      <c r="A63" s="16">
        <v>48</v>
      </c>
      <c r="B63" s="29">
        <v>26</v>
      </c>
      <c r="C63" s="10">
        <v>23</v>
      </c>
      <c r="D63" s="9">
        <v>49</v>
      </c>
    </row>
    <row r="64" spans="1:4" ht="18" customHeight="1" x14ac:dyDescent="0.15">
      <c r="A64" s="16">
        <v>49</v>
      </c>
      <c r="B64" s="29">
        <v>31</v>
      </c>
      <c r="C64" s="10">
        <v>26</v>
      </c>
      <c r="D64" s="9">
        <v>57</v>
      </c>
    </row>
    <row r="65" spans="1:4" ht="18" customHeight="1" x14ac:dyDescent="0.15">
      <c r="A65" s="8" t="s">
        <v>45</v>
      </c>
      <c r="B65" s="29">
        <v>134</v>
      </c>
      <c r="C65" s="10">
        <v>125</v>
      </c>
      <c r="D65" s="9">
        <v>259</v>
      </c>
    </row>
    <row r="66" spans="1:4" ht="18" customHeight="1" x14ac:dyDescent="0.15">
      <c r="A66" s="16">
        <v>50</v>
      </c>
      <c r="B66" s="29">
        <v>28</v>
      </c>
      <c r="C66" s="10">
        <v>24</v>
      </c>
      <c r="D66" s="9">
        <v>52</v>
      </c>
    </row>
    <row r="67" spans="1:4" ht="18" customHeight="1" x14ac:dyDescent="0.15">
      <c r="A67" s="16">
        <v>51</v>
      </c>
      <c r="B67" s="29">
        <v>40</v>
      </c>
      <c r="C67" s="10">
        <v>26</v>
      </c>
      <c r="D67" s="9">
        <v>66</v>
      </c>
    </row>
    <row r="68" spans="1:4" ht="18" customHeight="1" x14ac:dyDescent="0.15">
      <c r="A68" s="16">
        <v>52</v>
      </c>
      <c r="B68" s="29">
        <v>34</v>
      </c>
      <c r="C68" s="10">
        <v>24</v>
      </c>
      <c r="D68" s="9">
        <v>58</v>
      </c>
    </row>
    <row r="69" spans="1:4" ht="18" customHeight="1" x14ac:dyDescent="0.15">
      <c r="A69" s="16">
        <v>53</v>
      </c>
      <c r="B69" s="29">
        <v>22</v>
      </c>
      <c r="C69" s="10">
        <v>29</v>
      </c>
      <c r="D69" s="9">
        <v>51</v>
      </c>
    </row>
    <row r="70" spans="1:4" ht="18" customHeight="1" x14ac:dyDescent="0.15">
      <c r="A70" s="16">
        <v>54</v>
      </c>
      <c r="B70" s="29">
        <v>31</v>
      </c>
      <c r="C70" s="10">
        <v>21</v>
      </c>
      <c r="D70" s="9">
        <v>52</v>
      </c>
    </row>
    <row r="71" spans="1:4" ht="18" customHeight="1" x14ac:dyDescent="0.15">
      <c r="A71" s="8" t="s">
        <v>58</v>
      </c>
      <c r="B71" s="29">
        <v>155</v>
      </c>
      <c r="C71" s="10">
        <v>124</v>
      </c>
      <c r="D71" s="9">
        <v>279</v>
      </c>
    </row>
    <row r="72" spans="1:4" ht="18" customHeight="1" x14ac:dyDescent="0.15">
      <c r="A72" s="16">
        <v>55</v>
      </c>
      <c r="B72" s="29">
        <v>29</v>
      </c>
      <c r="C72" s="10">
        <v>25</v>
      </c>
      <c r="D72" s="9">
        <v>54</v>
      </c>
    </row>
    <row r="73" spans="1:4" ht="18" customHeight="1" x14ac:dyDescent="0.15">
      <c r="A73" s="16">
        <v>56</v>
      </c>
      <c r="B73" s="29">
        <v>13</v>
      </c>
      <c r="C73" s="10">
        <v>17</v>
      </c>
      <c r="D73" s="9">
        <v>30</v>
      </c>
    </row>
    <row r="74" spans="1:4" ht="18" customHeight="1" x14ac:dyDescent="0.15">
      <c r="A74" s="16">
        <v>57</v>
      </c>
      <c r="B74" s="29">
        <v>19</v>
      </c>
      <c r="C74" s="10">
        <v>18</v>
      </c>
      <c r="D74" s="9">
        <v>37</v>
      </c>
    </row>
    <row r="75" spans="1:4" ht="18" customHeight="1" x14ac:dyDescent="0.15">
      <c r="A75" s="16">
        <v>58</v>
      </c>
      <c r="B75" s="29">
        <v>14</v>
      </c>
      <c r="C75" s="10">
        <v>15</v>
      </c>
      <c r="D75" s="9">
        <v>29</v>
      </c>
    </row>
    <row r="76" spans="1:4" ht="18" customHeight="1" x14ac:dyDescent="0.15">
      <c r="A76" s="16">
        <v>59</v>
      </c>
      <c r="B76" s="29">
        <v>12</v>
      </c>
      <c r="C76" s="10">
        <v>14</v>
      </c>
      <c r="D76" s="9">
        <v>26</v>
      </c>
    </row>
    <row r="77" spans="1:4" ht="18" customHeight="1" x14ac:dyDescent="0.15">
      <c r="A77" s="8" t="s">
        <v>71</v>
      </c>
      <c r="B77" s="29">
        <v>87</v>
      </c>
      <c r="C77" s="10">
        <v>89</v>
      </c>
      <c r="D77" s="9">
        <v>176</v>
      </c>
    </row>
    <row r="78" spans="1:4" ht="18" customHeight="1" x14ac:dyDescent="0.15">
      <c r="A78" s="16">
        <v>60</v>
      </c>
      <c r="B78" s="29">
        <v>15</v>
      </c>
      <c r="C78" s="10">
        <v>10</v>
      </c>
      <c r="D78" s="9">
        <v>25</v>
      </c>
    </row>
    <row r="79" spans="1:4" ht="18" customHeight="1" x14ac:dyDescent="0.15">
      <c r="A79" s="16">
        <v>61</v>
      </c>
      <c r="B79" s="29">
        <v>14</v>
      </c>
      <c r="C79" s="10">
        <v>12</v>
      </c>
      <c r="D79" s="9">
        <v>26</v>
      </c>
    </row>
    <row r="80" spans="1:4" ht="18" customHeight="1" x14ac:dyDescent="0.15">
      <c r="A80" s="16">
        <v>62</v>
      </c>
      <c r="B80" s="29">
        <v>11</v>
      </c>
      <c r="C80" s="10">
        <v>11</v>
      </c>
      <c r="D80" s="9">
        <v>22</v>
      </c>
    </row>
    <row r="81" spans="1:4" ht="18" customHeight="1" x14ac:dyDescent="0.15">
      <c r="A81" s="16">
        <v>63</v>
      </c>
      <c r="B81" s="29">
        <v>11</v>
      </c>
      <c r="C81" s="10">
        <v>12</v>
      </c>
      <c r="D81" s="9">
        <v>23</v>
      </c>
    </row>
    <row r="82" spans="1:4" ht="18" customHeight="1" x14ac:dyDescent="0.15">
      <c r="A82" s="16">
        <v>64</v>
      </c>
      <c r="B82" s="29">
        <v>11</v>
      </c>
      <c r="C82" s="10">
        <v>16</v>
      </c>
      <c r="D82" s="9">
        <v>27</v>
      </c>
    </row>
    <row r="83" spans="1:4" ht="18" customHeight="1" x14ac:dyDescent="0.15">
      <c r="A83" s="8" t="s">
        <v>44</v>
      </c>
      <c r="B83" s="29">
        <v>62</v>
      </c>
      <c r="C83" s="10">
        <v>61</v>
      </c>
      <c r="D83" s="9">
        <v>123</v>
      </c>
    </row>
    <row r="84" spans="1:4" ht="18" customHeight="1" x14ac:dyDescent="0.15">
      <c r="A84" s="8" t="s">
        <v>43</v>
      </c>
      <c r="B84" s="29">
        <v>845</v>
      </c>
      <c r="C84" s="10">
        <v>792</v>
      </c>
      <c r="D84" s="9">
        <v>1637</v>
      </c>
    </row>
    <row r="85" spans="1:4" ht="18" customHeight="1" x14ac:dyDescent="0.15">
      <c r="A85" s="16">
        <v>65</v>
      </c>
      <c r="B85" s="29">
        <v>9</v>
      </c>
      <c r="C85" s="10">
        <v>14</v>
      </c>
      <c r="D85" s="9">
        <v>23</v>
      </c>
    </row>
    <row r="86" spans="1:4" ht="18" customHeight="1" x14ac:dyDescent="0.15">
      <c r="A86" s="16">
        <v>66</v>
      </c>
      <c r="B86" s="29">
        <v>11</v>
      </c>
      <c r="C86" s="10">
        <v>12</v>
      </c>
      <c r="D86" s="9">
        <v>23</v>
      </c>
    </row>
    <row r="87" spans="1:4" ht="18" customHeight="1" x14ac:dyDescent="0.15">
      <c r="A87" s="16">
        <v>67</v>
      </c>
      <c r="B87" s="29">
        <v>7</v>
      </c>
      <c r="C87" s="10">
        <v>18</v>
      </c>
      <c r="D87" s="9">
        <v>25</v>
      </c>
    </row>
    <row r="88" spans="1:4" ht="18" customHeight="1" x14ac:dyDescent="0.15">
      <c r="A88" s="16">
        <v>68</v>
      </c>
      <c r="B88" s="29">
        <v>18</v>
      </c>
      <c r="C88" s="10">
        <v>21</v>
      </c>
      <c r="D88" s="9">
        <v>39</v>
      </c>
    </row>
    <row r="89" spans="1:4" ht="18" customHeight="1" x14ac:dyDescent="0.15">
      <c r="A89" s="16">
        <v>69</v>
      </c>
      <c r="B89" s="29">
        <v>14</v>
      </c>
      <c r="C89" s="10">
        <v>25</v>
      </c>
      <c r="D89" s="9">
        <v>39</v>
      </c>
    </row>
    <row r="90" spans="1:4" ht="18" customHeight="1" x14ac:dyDescent="0.15">
      <c r="A90" s="8" t="s">
        <v>42</v>
      </c>
      <c r="B90" s="29">
        <v>59</v>
      </c>
      <c r="C90" s="10">
        <v>90</v>
      </c>
      <c r="D90" s="9">
        <v>149</v>
      </c>
    </row>
    <row r="91" spans="1:4" ht="18" customHeight="1" x14ac:dyDescent="0.15">
      <c r="A91" s="16">
        <v>70</v>
      </c>
      <c r="B91" s="29">
        <v>26</v>
      </c>
      <c r="C91" s="10">
        <v>19</v>
      </c>
      <c r="D91" s="9">
        <v>45</v>
      </c>
    </row>
    <row r="92" spans="1:4" ht="18" customHeight="1" x14ac:dyDescent="0.15">
      <c r="A92" s="16">
        <v>71</v>
      </c>
      <c r="B92" s="29">
        <v>20</v>
      </c>
      <c r="C92" s="10">
        <v>15</v>
      </c>
      <c r="D92" s="9">
        <v>35</v>
      </c>
    </row>
    <row r="93" spans="1:4" ht="18" customHeight="1" x14ac:dyDescent="0.15">
      <c r="A93" s="16">
        <v>72</v>
      </c>
      <c r="B93" s="29">
        <v>17</v>
      </c>
      <c r="C93" s="10">
        <v>20</v>
      </c>
      <c r="D93" s="9">
        <v>37</v>
      </c>
    </row>
    <row r="94" spans="1:4" ht="18" customHeight="1" x14ac:dyDescent="0.15">
      <c r="A94" s="16">
        <v>73</v>
      </c>
      <c r="B94" s="29">
        <v>17</v>
      </c>
      <c r="C94" s="10">
        <v>26</v>
      </c>
      <c r="D94" s="9">
        <v>43</v>
      </c>
    </row>
    <row r="95" spans="1:4" ht="18" customHeight="1" x14ac:dyDescent="0.15">
      <c r="A95" s="16">
        <v>74</v>
      </c>
      <c r="B95" s="29">
        <v>15</v>
      </c>
      <c r="C95" s="10">
        <v>38</v>
      </c>
      <c r="D95" s="9">
        <v>53</v>
      </c>
    </row>
    <row r="96" spans="1:4" ht="18" customHeight="1" x14ac:dyDescent="0.15">
      <c r="A96" s="8" t="s">
        <v>41</v>
      </c>
      <c r="B96" s="29">
        <v>95</v>
      </c>
      <c r="C96" s="10">
        <v>118</v>
      </c>
      <c r="D96" s="9">
        <v>213</v>
      </c>
    </row>
    <row r="97" spans="1:4" ht="18" customHeight="1" x14ac:dyDescent="0.15">
      <c r="A97" s="16">
        <v>75</v>
      </c>
      <c r="B97" s="29">
        <v>19</v>
      </c>
      <c r="C97" s="10">
        <v>45</v>
      </c>
      <c r="D97" s="9">
        <v>64</v>
      </c>
    </row>
    <row r="98" spans="1:4" ht="18" customHeight="1" x14ac:dyDescent="0.15">
      <c r="A98" s="16">
        <v>76</v>
      </c>
      <c r="B98" s="29">
        <v>19</v>
      </c>
      <c r="C98" s="10">
        <v>27</v>
      </c>
      <c r="D98" s="9">
        <v>46</v>
      </c>
    </row>
    <row r="99" spans="1:4" ht="18" customHeight="1" x14ac:dyDescent="0.15">
      <c r="A99" s="16">
        <v>77</v>
      </c>
      <c r="B99" s="29">
        <v>10</v>
      </c>
      <c r="C99" s="10">
        <v>17</v>
      </c>
      <c r="D99" s="9">
        <v>27</v>
      </c>
    </row>
    <row r="100" spans="1:4" ht="18" customHeight="1" x14ac:dyDescent="0.15">
      <c r="A100" s="16">
        <v>78</v>
      </c>
      <c r="B100" s="29">
        <v>19</v>
      </c>
      <c r="C100" s="10">
        <v>26</v>
      </c>
      <c r="D100" s="9">
        <v>45</v>
      </c>
    </row>
    <row r="101" spans="1:4" ht="18" customHeight="1" x14ac:dyDescent="0.15">
      <c r="A101" s="16">
        <v>79</v>
      </c>
      <c r="B101" s="29">
        <v>20</v>
      </c>
      <c r="C101" s="10">
        <v>35</v>
      </c>
      <c r="D101" s="9">
        <v>55</v>
      </c>
    </row>
    <row r="102" spans="1:4" ht="18" customHeight="1" x14ac:dyDescent="0.15">
      <c r="A102" s="8" t="s">
        <v>70</v>
      </c>
      <c r="B102" s="29">
        <v>87</v>
      </c>
      <c r="C102" s="10">
        <v>150</v>
      </c>
      <c r="D102" s="9">
        <v>237</v>
      </c>
    </row>
    <row r="103" spans="1:4" ht="18" customHeight="1" x14ac:dyDescent="0.15">
      <c r="A103" s="16">
        <v>80</v>
      </c>
      <c r="B103" s="29">
        <v>20</v>
      </c>
      <c r="C103" s="10">
        <v>36</v>
      </c>
      <c r="D103" s="9">
        <v>56</v>
      </c>
    </row>
    <row r="104" spans="1:4" ht="18" customHeight="1" x14ac:dyDescent="0.15">
      <c r="A104" s="16">
        <v>81</v>
      </c>
      <c r="B104" s="29">
        <v>21</v>
      </c>
      <c r="C104" s="10">
        <v>29</v>
      </c>
      <c r="D104" s="9">
        <v>50</v>
      </c>
    </row>
    <row r="105" spans="1:4" ht="18" customHeight="1" x14ac:dyDescent="0.15">
      <c r="A105" s="16">
        <v>82</v>
      </c>
      <c r="B105" s="29">
        <v>14</v>
      </c>
      <c r="C105" s="10">
        <v>21</v>
      </c>
      <c r="D105" s="9">
        <v>35</v>
      </c>
    </row>
    <row r="106" spans="1:4" ht="18" customHeight="1" x14ac:dyDescent="0.15">
      <c r="A106" s="16">
        <v>83</v>
      </c>
      <c r="B106" s="29">
        <v>24</v>
      </c>
      <c r="C106" s="10">
        <v>11</v>
      </c>
      <c r="D106" s="9">
        <v>35</v>
      </c>
    </row>
    <row r="107" spans="1:4" ht="18" customHeight="1" x14ac:dyDescent="0.15">
      <c r="A107" s="16">
        <v>84</v>
      </c>
      <c r="B107" s="29">
        <v>9</v>
      </c>
      <c r="C107" s="10">
        <v>15</v>
      </c>
      <c r="D107" s="9">
        <v>24</v>
      </c>
    </row>
    <row r="108" spans="1:4" ht="18" customHeight="1" x14ac:dyDescent="0.15">
      <c r="A108" s="8" t="s">
        <v>39</v>
      </c>
      <c r="B108" s="29">
        <v>88</v>
      </c>
      <c r="C108" s="10">
        <v>112</v>
      </c>
      <c r="D108" s="9">
        <v>200</v>
      </c>
    </row>
    <row r="109" spans="1:4" ht="18" customHeight="1" x14ac:dyDescent="0.15">
      <c r="A109" s="16">
        <v>85</v>
      </c>
      <c r="B109" s="29">
        <v>8</v>
      </c>
      <c r="C109" s="10">
        <v>18</v>
      </c>
      <c r="D109" s="9">
        <v>26</v>
      </c>
    </row>
    <row r="110" spans="1:4" ht="18" customHeight="1" x14ac:dyDescent="0.15">
      <c r="A110" s="16">
        <v>86</v>
      </c>
      <c r="B110" s="29">
        <v>10</v>
      </c>
      <c r="C110" s="10">
        <v>16</v>
      </c>
      <c r="D110" s="9">
        <v>26</v>
      </c>
    </row>
    <row r="111" spans="1:4" ht="18" customHeight="1" x14ac:dyDescent="0.15">
      <c r="A111" s="16">
        <v>87</v>
      </c>
      <c r="B111" s="29">
        <v>7</v>
      </c>
      <c r="C111" s="10">
        <v>12</v>
      </c>
      <c r="D111" s="9">
        <v>19</v>
      </c>
    </row>
    <row r="112" spans="1:4" ht="18" customHeight="1" x14ac:dyDescent="0.15">
      <c r="A112" s="16">
        <v>88</v>
      </c>
      <c r="B112" s="29">
        <v>3</v>
      </c>
      <c r="C112" s="10">
        <v>18</v>
      </c>
      <c r="D112" s="9">
        <v>21</v>
      </c>
    </row>
    <row r="113" spans="1:4" ht="18" customHeight="1" x14ac:dyDescent="0.15">
      <c r="A113" s="16">
        <v>89</v>
      </c>
      <c r="B113" s="29">
        <v>6</v>
      </c>
      <c r="C113" s="10">
        <v>18</v>
      </c>
      <c r="D113" s="9">
        <v>24</v>
      </c>
    </row>
    <row r="114" spans="1:4" ht="18" customHeight="1" x14ac:dyDescent="0.15">
      <c r="A114" s="8" t="s">
        <v>38</v>
      </c>
      <c r="B114" s="29">
        <v>34</v>
      </c>
      <c r="C114" s="10">
        <v>82</v>
      </c>
      <c r="D114" s="9">
        <v>116</v>
      </c>
    </row>
    <row r="115" spans="1:4" ht="18" customHeight="1" x14ac:dyDescent="0.15">
      <c r="A115" s="16">
        <v>90</v>
      </c>
      <c r="B115" s="29">
        <v>4</v>
      </c>
      <c r="C115" s="10">
        <v>8</v>
      </c>
      <c r="D115" s="9">
        <v>12</v>
      </c>
    </row>
    <row r="116" spans="1:4" ht="18" customHeight="1" x14ac:dyDescent="0.15">
      <c r="A116" s="16">
        <v>91</v>
      </c>
      <c r="B116" s="29">
        <v>1</v>
      </c>
      <c r="C116" s="10">
        <v>4</v>
      </c>
      <c r="D116" s="9">
        <v>5</v>
      </c>
    </row>
    <row r="117" spans="1:4" ht="18" customHeight="1" x14ac:dyDescent="0.15">
      <c r="A117" s="16">
        <v>92</v>
      </c>
      <c r="B117" s="29">
        <v>1</v>
      </c>
      <c r="C117" s="10">
        <v>7</v>
      </c>
      <c r="D117" s="9">
        <v>8</v>
      </c>
    </row>
    <row r="118" spans="1:4" ht="18" customHeight="1" x14ac:dyDescent="0.15">
      <c r="A118" s="16">
        <v>93</v>
      </c>
      <c r="B118" s="29">
        <v>4</v>
      </c>
      <c r="C118" s="10">
        <v>5</v>
      </c>
      <c r="D118" s="9">
        <v>9</v>
      </c>
    </row>
    <row r="119" spans="1:4" ht="18" customHeight="1" x14ac:dyDescent="0.15">
      <c r="A119" s="16">
        <v>94</v>
      </c>
      <c r="B119" s="29">
        <v>3</v>
      </c>
      <c r="C119" s="10">
        <v>7</v>
      </c>
      <c r="D119" s="9">
        <v>10</v>
      </c>
    </row>
    <row r="120" spans="1:4" ht="18" customHeight="1" x14ac:dyDescent="0.15">
      <c r="A120" s="8" t="s">
        <v>69</v>
      </c>
      <c r="B120" s="29">
        <v>13</v>
      </c>
      <c r="C120" s="10">
        <v>31</v>
      </c>
      <c r="D120" s="9">
        <v>44</v>
      </c>
    </row>
    <row r="121" spans="1:4" ht="18" customHeight="1" x14ac:dyDescent="0.15">
      <c r="A121" s="16">
        <v>95</v>
      </c>
      <c r="B121" s="29">
        <v>2</v>
      </c>
      <c r="C121" s="10">
        <v>3</v>
      </c>
      <c r="D121" s="9">
        <v>5</v>
      </c>
    </row>
    <row r="122" spans="1:4" ht="18" customHeight="1" x14ac:dyDescent="0.15">
      <c r="A122" s="16">
        <v>96</v>
      </c>
      <c r="B122" s="29">
        <v>1</v>
      </c>
      <c r="C122" s="10">
        <v>5</v>
      </c>
      <c r="D122" s="9">
        <v>6</v>
      </c>
    </row>
    <row r="123" spans="1:4" ht="18" customHeight="1" x14ac:dyDescent="0.15">
      <c r="A123" s="16">
        <v>97</v>
      </c>
      <c r="B123" s="29">
        <v>0</v>
      </c>
      <c r="C123" s="10">
        <v>5</v>
      </c>
      <c r="D123" s="9">
        <v>5</v>
      </c>
    </row>
    <row r="124" spans="1:4" ht="18" customHeight="1" x14ac:dyDescent="0.15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3</v>
      </c>
      <c r="C126" s="10">
        <v>15</v>
      </c>
      <c r="D126" s="9">
        <v>18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35</v>
      </c>
      <c r="B130" s="28">
        <v>379</v>
      </c>
      <c r="C130" s="6">
        <v>601</v>
      </c>
      <c r="D130" s="5">
        <v>980</v>
      </c>
    </row>
    <row r="131" spans="1:4" ht="18" customHeight="1" x14ac:dyDescent="0.15">
      <c r="A131" s="4" t="s">
        <v>0</v>
      </c>
      <c r="B131" s="27">
        <v>1417</v>
      </c>
      <c r="C131" s="2">
        <v>1594</v>
      </c>
      <c r="D131" s="1">
        <v>301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7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7</v>
      </c>
      <c r="C5" s="18">
        <v>31</v>
      </c>
      <c r="D5" s="17">
        <v>68</v>
      </c>
    </row>
    <row r="6" spans="1:4" ht="18" customHeight="1" x14ac:dyDescent="0.15">
      <c r="A6" s="16">
        <v>1</v>
      </c>
      <c r="B6" s="29">
        <v>36</v>
      </c>
      <c r="C6" s="10">
        <v>31</v>
      </c>
      <c r="D6" s="9">
        <v>67</v>
      </c>
    </row>
    <row r="7" spans="1:4" ht="18" customHeight="1" x14ac:dyDescent="0.15">
      <c r="A7" s="16">
        <v>2</v>
      </c>
      <c r="B7" s="29">
        <v>37</v>
      </c>
      <c r="C7" s="10">
        <v>38</v>
      </c>
      <c r="D7" s="9">
        <v>75</v>
      </c>
    </row>
    <row r="8" spans="1:4" ht="18" customHeight="1" x14ac:dyDescent="0.15">
      <c r="A8" s="16">
        <v>3</v>
      </c>
      <c r="B8" s="29">
        <v>40</v>
      </c>
      <c r="C8" s="10">
        <v>40</v>
      </c>
      <c r="D8" s="9">
        <v>80</v>
      </c>
    </row>
    <row r="9" spans="1:4" ht="18" customHeight="1" x14ac:dyDescent="0.15">
      <c r="A9" s="16">
        <v>4</v>
      </c>
      <c r="B9" s="29">
        <v>55</v>
      </c>
      <c r="C9" s="10">
        <v>39</v>
      </c>
      <c r="D9" s="9">
        <v>94</v>
      </c>
    </row>
    <row r="10" spans="1:4" ht="18" customHeight="1" x14ac:dyDescent="0.15">
      <c r="A10" s="8" t="s">
        <v>76</v>
      </c>
      <c r="B10" s="29">
        <v>205</v>
      </c>
      <c r="C10" s="10">
        <v>179</v>
      </c>
      <c r="D10" s="9">
        <v>384</v>
      </c>
    </row>
    <row r="11" spans="1:4" ht="18" customHeight="1" x14ac:dyDescent="0.15">
      <c r="A11" s="16">
        <v>5</v>
      </c>
      <c r="B11" s="29">
        <v>46</v>
      </c>
      <c r="C11" s="10">
        <v>42</v>
      </c>
      <c r="D11" s="9">
        <v>88</v>
      </c>
    </row>
    <row r="12" spans="1:4" ht="18" customHeight="1" x14ac:dyDescent="0.15">
      <c r="A12" s="16">
        <v>6</v>
      </c>
      <c r="B12" s="29">
        <v>48</v>
      </c>
      <c r="C12" s="10">
        <v>46</v>
      </c>
      <c r="D12" s="9">
        <v>94</v>
      </c>
    </row>
    <row r="13" spans="1:4" ht="18" customHeight="1" x14ac:dyDescent="0.15">
      <c r="A13" s="16">
        <v>7</v>
      </c>
      <c r="B13" s="29">
        <v>47</v>
      </c>
      <c r="C13" s="10">
        <v>52</v>
      </c>
      <c r="D13" s="9">
        <v>99</v>
      </c>
    </row>
    <row r="14" spans="1:4" ht="18" customHeight="1" x14ac:dyDescent="0.15">
      <c r="A14" s="16">
        <v>8</v>
      </c>
      <c r="B14" s="29">
        <v>53</v>
      </c>
      <c r="C14" s="10">
        <v>39</v>
      </c>
      <c r="D14" s="9">
        <v>92</v>
      </c>
    </row>
    <row r="15" spans="1:4" ht="18" customHeight="1" x14ac:dyDescent="0.15">
      <c r="A15" s="16">
        <v>9</v>
      </c>
      <c r="B15" s="29">
        <v>45</v>
      </c>
      <c r="C15" s="10">
        <v>42</v>
      </c>
      <c r="D15" s="9">
        <v>87</v>
      </c>
    </row>
    <row r="16" spans="1:4" ht="18" customHeight="1" x14ac:dyDescent="0.15">
      <c r="A16" s="8" t="s">
        <v>50</v>
      </c>
      <c r="B16" s="29">
        <v>239</v>
      </c>
      <c r="C16" s="10">
        <v>221</v>
      </c>
      <c r="D16" s="9">
        <v>460</v>
      </c>
    </row>
    <row r="17" spans="1:4" ht="18" customHeight="1" x14ac:dyDescent="0.15">
      <c r="A17" s="16">
        <v>10</v>
      </c>
      <c r="B17" s="29">
        <v>48</v>
      </c>
      <c r="C17" s="10">
        <v>46</v>
      </c>
      <c r="D17" s="9">
        <v>94</v>
      </c>
    </row>
    <row r="18" spans="1:4" ht="18" customHeight="1" x14ac:dyDescent="0.15">
      <c r="A18" s="16">
        <v>11</v>
      </c>
      <c r="B18" s="29">
        <v>51</v>
      </c>
      <c r="C18" s="10">
        <v>49</v>
      </c>
      <c r="D18" s="9">
        <v>100</v>
      </c>
    </row>
    <row r="19" spans="1:4" ht="18" customHeight="1" x14ac:dyDescent="0.15">
      <c r="A19" s="16">
        <v>12</v>
      </c>
      <c r="B19" s="29">
        <v>52</v>
      </c>
      <c r="C19" s="10">
        <v>53</v>
      </c>
      <c r="D19" s="9">
        <v>105</v>
      </c>
    </row>
    <row r="20" spans="1:4" ht="18" customHeight="1" x14ac:dyDescent="0.15">
      <c r="A20" s="16">
        <v>13</v>
      </c>
      <c r="B20" s="29">
        <v>49</v>
      </c>
      <c r="C20" s="10">
        <v>57</v>
      </c>
      <c r="D20" s="9">
        <v>106</v>
      </c>
    </row>
    <row r="21" spans="1:4" ht="18" customHeight="1" x14ac:dyDescent="0.15">
      <c r="A21" s="16">
        <v>14</v>
      </c>
      <c r="B21" s="29">
        <v>60</v>
      </c>
      <c r="C21" s="10">
        <v>56</v>
      </c>
      <c r="D21" s="9">
        <v>116</v>
      </c>
    </row>
    <row r="22" spans="1:4" ht="18" customHeight="1" x14ac:dyDescent="0.15">
      <c r="A22" s="8" t="s">
        <v>75</v>
      </c>
      <c r="B22" s="29">
        <v>260</v>
      </c>
      <c r="C22" s="10">
        <v>261</v>
      </c>
      <c r="D22" s="9">
        <v>521</v>
      </c>
    </row>
    <row r="23" spans="1:4" ht="18" customHeight="1" x14ac:dyDescent="0.15">
      <c r="A23" s="8" t="s">
        <v>65</v>
      </c>
      <c r="B23" s="29">
        <v>704</v>
      </c>
      <c r="C23" s="10">
        <v>661</v>
      </c>
      <c r="D23" s="9">
        <v>1365</v>
      </c>
    </row>
    <row r="24" spans="1:4" ht="18" customHeight="1" x14ac:dyDescent="0.15">
      <c r="A24" s="16">
        <v>15</v>
      </c>
      <c r="B24" s="29">
        <v>43</v>
      </c>
      <c r="C24" s="10">
        <v>47</v>
      </c>
      <c r="D24" s="9">
        <v>90</v>
      </c>
    </row>
    <row r="25" spans="1:4" ht="18" customHeight="1" x14ac:dyDescent="0.15">
      <c r="A25" s="16">
        <v>16</v>
      </c>
      <c r="B25" s="29">
        <v>52</v>
      </c>
      <c r="C25" s="10">
        <v>60</v>
      </c>
      <c r="D25" s="9">
        <v>112</v>
      </c>
    </row>
    <row r="26" spans="1:4" ht="18" customHeight="1" x14ac:dyDescent="0.15">
      <c r="A26" s="16">
        <v>17</v>
      </c>
      <c r="B26" s="29">
        <v>53</v>
      </c>
      <c r="C26" s="10">
        <v>45</v>
      </c>
      <c r="D26" s="9">
        <v>98</v>
      </c>
    </row>
    <row r="27" spans="1:4" ht="18" customHeight="1" x14ac:dyDescent="0.15">
      <c r="A27" s="16">
        <v>18</v>
      </c>
      <c r="B27" s="29">
        <v>53</v>
      </c>
      <c r="C27" s="10">
        <v>37</v>
      </c>
      <c r="D27" s="9">
        <v>90</v>
      </c>
    </row>
    <row r="28" spans="1:4" ht="18" customHeight="1" x14ac:dyDescent="0.15">
      <c r="A28" s="16">
        <v>19</v>
      </c>
      <c r="B28" s="29">
        <v>66</v>
      </c>
      <c r="C28" s="10">
        <v>48</v>
      </c>
      <c r="D28" s="9">
        <v>114</v>
      </c>
    </row>
    <row r="29" spans="1:4" ht="18" customHeight="1" x14ac:dyDescent="0.15">
      <c r="A29" s="8" t="s">
        <v>48</v>
      </c>
      <c r="B29" s="29">
        <v>267</v>
      </c>
      <c r="C29" s="10">
        <v>237</v>
      </c>
      <c r="D29" s="9">
        <v>504</v>
      </c>
    </row>
    <row r="30" spans="1:4" ht="18" customHeight="1" x14ac:dyDescent="0.15">
      <c r="A30" s="16">
        <v>20</v>
      </c>
      <c r="B30" s="29">
        <v>59</v>
      </c>
      <c r="C30" s="10">
        <v>60</v>
      </c>
      <c r="D30" s="9">
        <v>119</v>
      </c>
    </row>
    <row r="31" spans="1:4" ht="18" customHeight="1" x14ac:dyDescent="0.15">
      <c r="A31" s="16">
        <v>21</v>
      </c>
      <c r="B31" s="29">
        <v>53</v>
      </c>
      <c r="C31" s="10">
        <v>48</v>
      </c>
      <c r="D31" s="9">
        <v>101</v>
      </c>
    </row>
    <row r="32" spans="1:4" ht="18" customHeight="1" x14ac:dyDescent="0.15">
      <c r="A32" s="16">
        <v>22</v>
      </c>
      <c r="B32" s="29">
        <v>81</v>
      </c>
      <c r="C32" s="10">
        <v>46</v>
      </c>
      <c r="D32" s="9">
        <v>127</v>
      </c>
    </row>
    <row r="33" spans="1:4" ht="18" customHeight="1" x14ac:dyDescent="0.15">
      <c r="A33" s="16">
        <v>23</v>
      </c>
      <c r="B33" s="29">
        <v>62</v>
      </c>
      <c r="C33" s="10">
        <v>48</v>
      </c>
      <c r="D33" s="9">
        <v>110</v>
      </c>
    </row>
    <row r="34" spans="1:4" ht="18" customHeight="1" x14ac:dyDescent="0.15">
      <c r="A34" s="16">
        <v>24</v>
      </c>
      <c r="B34" s="29">
        <v>57</v>
      </c>
      <c r="C34" s="10">
        <v>57</v>
      </c>
      <c r="D34" s="9">
        <v>114</v>
      </c>
    </row>
    <row r="35" spans="1:4" ht="18" customHeight="1" x14ac:dyDescent="0.15">
      <c r="A35" s="8" t="s">
        <v>74</v>
      </c>
      <c r="B35" s="29">
        <v>312</v>
      </c>
      <c r="C35" s="10">
        <v>259</v>
      </c>
      <c r="D35" s="9">
        <v>571</v>
      </c>
    </row>
    <row r="36" spans="1:4" ht="18" customHeight="1" x14ac:dyDescent="0.15">
      <c r="A36" s="16">
        <v>25</v>
      </c>
      <c r="B36" s="29">
        <v>61</v>
      </c>
      <c r="C36" s="10">
        <v>45</v>
      </c>
      <c r="D36" s="9">
        <v>106</v>
      </c>
    </row>
    <row r="37" spans="1:4" ht="18" customHeight="1" x14ac:dyDescent="0.15">
      <c r="A37" s="16">
        <v>26</v>
      </c>
      <c r="B37" s="29">
        <v>60</v>
      </c>
      <c r="C37" s="10">
        <v>45</v>
      </c>
      <c r="D37" s="9">
        <v>105</v>
      </c>
    </row>
    <row r="38" spans="1:4" ht="18" customHeight="1" x14ac:dyDescent="0.15">
      <c r="A38" s="16">
        <v>27</v>
      </c>
      <c r="B38" s="29">
        <v>48</v>
      </c>
      <c r="C38" s="10">
        <v>40</v>
      </c>
      <c r="D38" s="9">
        <v>88</v>
      </c>
    </row>
    <row r="39" spans="1:4" ht="18" customHeight="1" x14ac:dyDescent="0.15">
      <c r="A39" s="16">
        <v>28</v>
      </c>
      <c r="B39" s="29">
        <v>60</v>
      </c>
      <c r="C39" s="10">
        <v>52</v>
      </c>
      <c r="D39" s="9">
        <v>112</v>
      </c>
    </row>
    <row r="40" spans="1:4" ht="18" customHeight="1" x14ac:dyDescent="0.15">
      <c r="A40" s="16">
        <v>29</v>
      </c>
      <c r="B40" s="29">
        <v>55</v>
      </c>
      <c r="C40" s="10">
        <v>47</v>
      </c>
      <c r="D40" s="9">
        <v>102</v>
      </c>
    </row>
    <row r="41" spans="1:4" ht="18" customHeight="1" x14ac:dyDescent="0.15">
      <c r="A41" s="8" t="s">
        <v>73</v>
      </c>
      <c r="B41" s="29">
        <v>284</v>
      </c>
      <c r="C41" s="10">
        <v>229</v>
      </c>
      <c r="D41" s="9">
        <v>513</v>
      </c>
    </row>
    <row r="42" spans="1:4" ht="18" customHeight="1" x14ac:dyDescent="0.15">
      <c r="A42" s="16">
        <v>30</v>
      </c>
      <c r="B42" s="29">
        <v>58</v>
      </c>
      <c r="C42" s="10">
        <v>50</v>
      </c>
      <c r="D42" s="9">
        <v>108</v>
      </c>
    </row>
    <row r="43" spans="1:4" ht="18" customHeight="1" x14ac:dyDescent="0.15">
      <c r="A43" s="16">
        <v>31</v>
      </c>
      <c r="B43" s="29">
        <v>57</v>
      </c>
      <c r="C43" s="10">
        <v>64</v>
      </c>
      <c r="D43" s="9">
        <v>121</v>
      </c>
    </row>
    <row r="44" spans="1:4" ht="18" customHeight="1" x14ac:dyDescent="0.15">
      <c r="A44" s="16">
        <v>32</v>
      </c>
      <c r="B44" s="29">
        <v>60</v>
      </c>
      <c r="C44" s="10">
        <v>48</v>
      </c>
      <c r="D44" s="9">
        <v>108</v>
      </c>
    </row>
    <row r="45" spans="1:4" ht="18" customHeight="1" x14ac:dyDescent="0.15">
      <c r="A45" s="16">
        <v>33</v>
      </c>
      <c r="B45" s="29">
        <v>58</v>
      </c>
      <c r="C45" s="10">
        <v>55</v>
      </c>
      <c r="D45" s="9">
        <v>113</v>
      </c>
    </row>
    <row r="46" spans="1:4" ht="18" customHeight="1" x14ac:dyDescent="0.15">
      <c r="A46" s="16">
        <v>34</v>
      </c>
      <c r="B46" s="29">
        <v>62</v>
      </c>
      <c r="C46" s="10">
        <v>56</v>
      </c>
      <c r="D46" s="9">
        <v>118</v>
      </c>
    </row>
    <row r="47" spans="1:4" ht="18" customHeight="1" x14ac:dyDescent="0.15">
      <c r="A47" s="8" t="s">
        <v>61</v>
      </c>
      <c r="B47" s="29">
        <v>295</v>
      </c>
      <c r="C47" s="10">
        <v>273</v>
      </c>
      <c r="D47" s="9">
        <v>568</v>
      </c>
    </row>
    <row r="48" spans="1:4" ht="18" customHeight="1" x14ac:dyDescent="0.15">
      <c r="A48" s="16">
        <v>35</v>
      </c>
      <c r="B48" s="29">
        <v>75</v>
      </c>
      <c r="C48" s="10">
        <v>64</v>
      </c>
      <c r="D48" s="9">
        <v>139</v>
      </c>
    </row>
    <row r="49" spans="1:4" ht="18" customHeight="1" x14ac:dyDescent="0.15">
      <c r="A49" s="16">
        <v>36</v>
      </c>
      <c r="B49" s="29">
        <v>58</v>
      </c>
      <c r="C49" s="10">
        <v>53</v>
      </c>
      <c r="D49" s="9">
        <v>111</v>
      </c>
    </row>
    <row r="50" spans="1:4" ht="18" customHeight="1" x14ac:dyDescent="0.15">
      <c r="A50" s="16">
        <v>37</v>
      </c>
      <c r="B50" s="29">
        <v>72</v>
      </c>
      <c r="C50" s="10">
        <v>58</v>
      </c>
      <c r="D50" s="9">
        <v>130</v>
      </c>
    </row>
    <row r="51" spans="1:4" ht="18" customHeight="1" x14ac:dyDescent="0.15">
      <c r="A51" s="16">
        <v>38</v>
      </c>
      <c r="B51" s="29">
        <v>72</v>
      </c>
      <c r="C51" s="10">
        <v>41</v>
      </c>
      <c r="D51" s="9">
        <v>113</v>
      </c>
    </row>
    <row r="52" spans="1:4" ht="18" customHeight="1" x14ac:dyDescent="0.15">
      <c r="A52" s="16">
        <v>39</v>
      </c>
      <c r="B52" s="29">
        <v>73</v>
      </c>
      <c r="C52" s="10">
        <v>65</v>
      </c>
      <c r="D52" s="9">
        <v>138</v>
      </c>
    </row>
    <row r="53" spans="1:4" ht="18" customHeight="1" x14ac:dyDescent="0.15">
      <c r="A53" s="8" t="s">
        <v>72</v>
      </c>
      <c r="B53" s="29">
        <v>350</v>
      </c>
      <c r="C53" s="10">
        <v>281</v>
      </c>
      <c r="D53" s="9">
        <v>631</v>
      </c>
    </row>
    <row r="54" spans="1:4" ht="18" customHeight="1" x14ac:dyDescent="0.15">
      <c r="A54" s="16">
        <v>40</v>
      </c>
      <c r="B54" s="29">
        <v>72</v>
      </c>
      <c r="C54" s="10">
        <v>67</v>
      </c>
      <c r="D54" s="9">
        <v>139</v>
      </c>
    </row>
    <row r="55" spans="1:4" ht="18" customHeight="1" x14ac:dyDescent="0.15">
      <c r="A55" s="16">
        <v>41</v>
      </c>
      <c r="B55" s="29">
        <v>82</v>
      </c>
      <c r="C55" s="10">
        <v>66</v>
      </c>
      <c r="D55" s="9">
        <v>148</v>
      </c>
    </row>
    <row r="56" spans="1:4" ht="18" customHeight="1" x14ac:dyDescent="0.15">
      <c r="A56" s="16">
        <v>42</v>
      </c>
      <c r="B56" s="29">
        <v>87</v>
      </c>
      <c r="C56" s="10">
        <v>66</v>
      </c>
      <c r="D56" s="9">
        <v>153</v>
      </c>
    </row>
    <row r="57" spans="1:4" ht="18" customHeight="1" x14ac:dyDescent="0.15">
      <c r="A57" s="16">
        <v>43</v>
      </c>
      <c r="B57" s="29">
        <v>70</v>
      </c>
      <c r="C57" s="10">
        <v>82</v>
      </c>
      <c r="D57" s="9">
        <v>152</v>
      </c>
    </row>
    <row r="58" spans="1:4" ht="18" customHeight="1" x14ac:dyDescent="0.15">
      <c r="A58" s="16">
        <v>44</v>
      </c>
      <c r="B58" s="29">
        <v>74</v>
      </c>
      <c r="C58" s="10">
        <v>86</v>
      </c>
      <c r="D58" s="9">
        <v>160</v>
      </c>
    </row>
    <row r="59" spans="1:4" ht="18" customHeight="1" x14ac:dyDescent="0.15">
      <c r="A59" s="8" t="s">
        <v>46</v>
      </c>
      <c r="B59" s="29">
        <v>385</v>
      </c>
      <c r="C59" s="10">
        <v>367</v>
      </c>
      <c r="D59" s="9">
        <v>752</v>
      </c>
    </row>
    <row r="60" spans="1:4" ht="18" customHeight="1" x14ac:dyDescent="0.15">
      <c r="A60" s="16">
        <v>45</v>
      </c>
      <c r="B60" s="29">
        <v>104</v>
      </c>
      <c r="C60" s="10">
        <v>79</v>
      </c>
      <c r="D60" s="9">
        <v>183</v>
      </c>
    </row>
    <row r="61" spans="1:4" ht="18" customHeight="1" x14ac:dyDescent="0.15">
      <c r="A61" s="16">
        <v>46</v>
      </c>
      <c r="B61" s="29">
        <v>83</v>
      </c>
      <c r="C61" s="10">
        <v>102</v>
      </c>
      <c r="D61" s="9">
        <v>185</v>
      </c>
    </row>
    <row r="62" spans="1:4" ht="18" customHeight="1" x14ac:dyDescent="0.15">
      <c r="A62" s="16">
        <v>47</v>
      </c>
      <c r="B62" s="29">
        <v>84</v>
      </c>
      <c r="C62" s="10">
        <v>87</v>
      </c>
      <c r="D62" s="9">
        <v>171</v>
      </c>
    </row>
    <row r="63" spans="1:4" ht="18" customHeight="1" x14ac:dyDescent="0.15">
      <c r="A63" s="16">
        <v>48</v>
      </c>
      <c r="B63" s="29">
        <v>84</v>
      </c>
      <c r="C63" s="10">
        <v>77</v>
      </c>
      <c r="D63" s="9">
        <v>161</v>
      </c>
    </row>
    <row r="64" spans="1:4" ht="18" customHeight="1" x14ac:dyDescent="0.15">
      <c r="A64" s="16">
        <v>49</v>
      </c>
      <c r="B64" s="29">
        <v>94</v>
      </c>
      <c r="C64" s="10">
        <v>89</v>
      </c>
      <c r="D64" s="9">
        <v>183</v>
      </c>
    </row>
    <row r="65" spans="1:4" ht="18" customHeight="1" x14ac:dyDescent="0.15">
      <c r="A65" s="8" t="s">
        <v>45</v>
      </c>
      <c r="B65" s="29">
        <v>449</v>
      </c>
      <c r="C65" s="10">
        <v>434</v>
      </c>
      <c r="D65" s="9">
        <v>883</v>
      </c>
    </row>
    <row r="66" spans="1:4" ht="18" customHeight="1" x14ac:dyDescent="0.15">
      <c r="A66" s="16">
        <v>50</v>
      </c>
      <c r="B66" s="29">
        <v>110</v>
      </c>
      <c r="C66" s="10">
        <v>95</v>
      </c>
      <c r="D66" s="9">
        <v>205</v>
      </c>
    </row>
    <row r="67" spans="1:4" ht="18" customHeight="1" x14ac:dyDescent="0.15">
      <c r="A67" s="16">
        <v>51</v>
      </c>
      <c r="B67" s="29">
        <v>91</v>
      </c>
      <c r="C67" s="10">
        <v>84</v>
      </c>
      <c r="D67" s="9">
        <v>175</v>
      </c>
    </row>
    <row r="68" spans="1:4" ht="18" customHeight="1" x14ac:dyDescent="0.15">
      <c r="A68" s="16">
        <v>52</v>
      </c>
      <c r="B68" s="29">
        <v>103</v>
      </c>
      <c r="C68" s="10">
        <v>87</v>
      </c>
      <c r="D68" s="9">
        <v>190</v>
      </c>
    </row>
    <row r="69" spans="1:4" ht="18" customHeight="1" x14ac:dyDescent="0.15">
      <c r="A69" s="16">
        <v>53</v>
      </c>
      <c r="B69" s="29">
        <v>80</v>
      </c>
      <c r="C69" s="10">
        <v>86</v>
      </c>
      <c r="D69" s="9">
        <v>166</v>
      </c>
    </row>
    <row r="70" spans="1:4" ht="18" customHeight="1" x14ac:dyDescent="0.15">
      <c r="A70" s="16">
        <v>54</v>
      </c>
      <c r="B70" s="29">
        <v>79</v>
      </c>
      <c r="C70" s="10">
        <v>85</v>
      </c>
      <c r="D70" s="9">
        <v>164</v>
      </c>
    </row>
    <row r="71" spans="1:4" ht="18" customHeight="1" x14ac:dyDescent="0.15">
      <c r="A71" s="8" t="s">
        <v>58</v>
      </c>
      <c r="B71" s="29">
        <v>463</v>
      </c>
      <c r="C71" s="10">
        <v>437</v>
      </c>
      <c r="D71" s="9">
        <v>900</v>
      </c>
    </row>
    <row r="72" spans="1:4" ht="18" customHeight="1" x14ac:dyDescent="0.15">
      <c r="A72" s="16">
        <v>55</v>
      </c>
      <c r="B72" s="29">
        <v>91</v>
      </c>
      <c r="C72" s="10">
        <v>72</v>
      </c>
      <c r="D72" s="9">
        <v>163</v>
      </c>
    </row>
    <row r="73" spans="1:4" ht="18" customHeight="1" x14ac:dyDescent="0.15">
      <c r="A73" s="16">
        <v>56</v>
      </c>
      <c r="B73" s="29">
        <v>70</v>
      </c>
      <c r="C73" s="10">
        <v>86</v>
      </c>
      <c r="D73" s="9">
        <v>156</v>
      </c>
    </row>
    <row r="74" spans="1:4" ht="18" customHeight="1" x14ac:dyDescent="0.15">
      <c r="A74" s="16">
        <v>57</v>
      </c>
      <c r="B74" s="29">
        <v>76</v>
      </c>
      <c r="C74" s="10">
        <v>69</v>
      </c>
      <c r="D74" s="9">
        <v>145</v>
      </c>
    </row>
    <row r="75" spans="1:4" ht="18" customHeight="1" x14ac:dyDescent="0.15">
      <c r="A75" s="16">
        <v>58</v>
      </c>
      <c r="B75" s="29">
        <v>91</v>
      </c>
      <c r="C75" s="10">
        <v>71</v>
      </c>
      <c r="D75" s="9">
        <v>162</v>
      </c>
    </row>
    <row r="76" spans="1:4" ht="18" customHeight="1" x14ac:dyDescent="0.15">
      <c r="A76" s="16">
        <v>59</v>
      </c>
      <c r="B76" s="29">
        <v>64</v>
      </c>
      <c r="C76" s="10">
        <v>88</v>
      </c>
      <c r="D76" s="9">
        <v>152</v>
      </c>
    </row>
    <row r="77" spans="1:4" ht="18" customHeight="1" x14ac:dyDescent="0.15">
      <c r="A77" s="8" t="s">
        <v>71</v>
      </c>
      <c r="B77" s="29">
        <v>392</v>
      </c>
      <c r="C77" s="10">
        <v>386</v>
      </c>
      <c r="D77" s="9">
        <v>778</v>
      </c>
    </row>
    <row r="78" spans="1:4" ht="18" customHeight="1" x14ac:dyDescent="0.15">
      <c r="A78" s="16">
        <v>60</v>
      </c>
      <c r="B78" s="29">
        <v>69</v>
      </c>
      <c r="C78" s="10">
        <v>74</v>
      </c>
      <c r="D78" s="9">
        <v>143</v>
      </c>
    </row>
    <row r="79" spans="1:4" ht="18" customHeight="1" x14ac:dyDescent="0.15">
      <c r="A79" s="16">
        <v>61</v>
      </c>
      <c r="B79" s="29">
        <v>73</v>
      </c>
      <c r="C79" s="10">
        <v>74</v>
      </c>
      <c r="D79" s="9">
        <v>147</v>
      </c>
    </row>
    <row r="80" spans="1:4" ht="18" customHeight="1" x14ac:dyDescent="0.15">
      <c r="A80" s="16">
        <v>62</v>
      </c>
      <c r="B80" s="29">
        <v>60</v>
      </c>
      <c r="C80" s="10">
        <v>68</v>
      </c>
      <c r="D80" s="9">
        <v>128</v>
      </c>
    </row>
    <row r="81" spans="1:4" ht="18" customHeight="1" x14ac:dyDescent="0.15">
      <c r="A81" s="16">
        <v>63</v>
      </c>
      <c r="B81" s="29">
        <v>73</v>
      </c>
      <c r="C81" s="10">
        <v>67</v>
      </c>
      <c r="D81" s="9">
        <v>140</v>
      </c>
    </row>
    <row r="82" spans="1:4" ht="18" customHeight="1" x14ac:dyDescent="0.15">
      <c r="A82" s="16">
        <v>64</v>
      </c>
      <c r="B82" s="29">
        <v>81</v>
      </c>
      <c r="C82" s="10">
        <v>89</v>
      </c>
      <c r="D82" s="9">
        <v>170</v>
      </c>
    </row>
    <row r="83" spans="1:4" ht="18" customHeight="1" x14ac:dyDescent="0.15">
      <c r="A83" s="8" t="s">
        <v>44</v>
      </c>
      <c r="B83" s="29">
        <v>356</v>
      </c>
      <c r="C83" s="10">
        <v>372</v>
      </c>
      <c r="D83" s="9">
        <v>728</v>
      </c>
    </row>
    <row r="84" spans="1:4" ht="18" customHeight="1" x14ac:dyDescent="0.15">
      <c r="A84" s="8" t="s">
        <v>43</v>
      </c>
      <c r="B84" s="29">
        <v>3553</v>
      </c>
      <c r="C84" s="10">
        <v>3275</v>
      </c>
      <c r="D84" s="9">
        <v>6828</v>
      </c>
    </row>
    <row r="85" spans="1:4" ht="18" customHeight="1" x14ac:dyDescent="0.15">
      <c r="A85" s="16">
        <v>65</v>
      </c>
      <c r="B85" s="29">
        <v>68</v>
      </c>
      <c r="C85" s="10">
        <v>80</v>
      </c>
      <c r="D85" s="9">
        <v>148</v>
      </c>
    </row>
    <row r="86" spans="1:4" ht="18" customHeight="1" x14ac:dyDescent="0.15">
      <c r="A86" s="16">
        <v>66</v>
      </c>
      <c r="B86" s="29">
        <v>60</v>
      </c>
      <c r="C86" s="10">
        <v>76</v>
      </c>
      <c r="D86" s="9">
        <v>136</v>
      </c>
    </row>
    <row r="87" spans="1:4" ht="18" customHeight="1" x14ac:dyDescent="0.15">
      <c r="A87" s="16">
        <v>67</v>
      </c>
      <c r="B87" s="29">
        <v>80</v>
      </c>
      <c r="C87" s="10">
        <v>89</v>
      </c>
      <c r="D87" s="9">
        <v>169</v>
      </c>
    </row>
    <row r="88" spans="1:4" ht="18" customHeight="1" x14ac:dyDescent="0.15">
      <c r="A88" s="16">
        <v>68</v>
      </c>
      <c r="B88" s="29">
        <v>63</v>
      </c>
      <c r="C88" s="10">
        <v>88</v>
      </c>
      <c r="D88" s="9">
        <v>151</v>
      </c>
    </row>
    <row r="89" spans="1:4" ht="18" customHeight="1" x14ac:dyDescent="0.15">
      <c r="A89" s="16">
        <v>69</v>
      </c>
      <c r="B89" s="29">
        <v>83</v>
      </c>
      <c r="C89" s="10">
        <v>87</v>
      </c>
      <c r="D89" s="9">
        <v>170</v>
      </c>
    </row>
    <row r="90" spans="1:4" ht="18" customHeight="1" x14ac:dyDescent="0.15">
      <c r="A90" s="8" t="s">
        <v>42</v>
      </c>
      <c r="B90" s="29">
        <v>354</v>
      </c>
      <c r="C90" s="10">
        <v>420</v>
      </c>
      <c r="D90" s="9">
        <v>774</v>
      </c>
    </row>
    <row r="91" spans="1:4" ht="18" customHeight="1" x14ac:dyDescent="0.15">
      <c r="A91" s="16">
        <v>70</v>
      </c>
      <c r="B91" s="29">
        <v>88</v>
      </c>
      <c r="C91" s="10">
        <v>81</v>
      </c>
      <c r="D91" s="9">
        <v>169</v>
      </c>
    </row>
    <row r="92" spans="1:4" ht="18" customHeight="1" x14ac:dyDescent="0.15">
      <c r="A92" s="16">
        <v>71</v>
      </c>
      <c r="B92" s="29">
        <v>86</v>
      </c>
      <c r="C92" s="10">
        <v>107</v>
      </c>
      <c r="D92" s="9">
        <v>193</v>
      </c>
    </row>
    <row r="93" spans="1:4" ht="18" customHeight="1" x14ac:dyDescent="0.15">
      <c r="A93" s="16">
        <v>72</v>
      </c>
      <c r="B93" s="29">
        <v>70</v>
      </c>
      <c r="C93" s="10">
        <v>94</v>
      </c>
      <c r="D93" s="9">
        <v>164</v>
      </c>
    </row>
    <row r="94" spans="1:4" ht="18" customHeight="1" x14ac:dyDescent="0.15">
      <c r="A94" s="16">
        <v>73</v>
      </c>
      <c r="B94" s="29">
        <v>95</v>
      </c>
      <c r="C94" s="10">
        <v>109</v>
      </c>
      <c r="D94" s="9">
        <v>204</v>
      </c>
    </row>
    <row r="95" spans="1:4" ht="18" customHeight="1" x14ac:dyDescent="0.15">
      <c r="A95" s="16">
        <v>74</v>
      </c>
      <c r="B95" s="29">
        <v>107</v>
      </c>
      <c r="C95" s="10">
        <v>120</v>
      </c>
      <c r="D95" s="9">
        <v>227</v>
      </c>
    </row>
    <row r="96" spans="1:4" ht="18" customHeight="1" x14ac:dyDescent="0.15">
      <c r="A96" s="8" t="s">
        <v>41</v>
      </c>
      <c r="B96" s="29">
        <v>446</v>
      </c>
      <c r="C96" s="10">
        <v>511</v>
      </c>
      <c r="D96" s="9">
        <v>957</v>
      </c>
    </row>
    <row r="97" spans="1:4" ht="18" customHeight="1" x14ac:dyDescent="0.15">
      <c r="A97" s="16">
        <v>75</v>
      </c>
      <c r="B97" s="29">
        <v>113</v>
      </c>
      <c r="C97" s="10">
        <v>96</v>
      </c>
      <c r="D97" s="9">
        <v>209</v>
      </c>
    </row>
    <row r="98" spans="1:4" ht="18" customHeight="1" x14ac:dyDescent="0.15">
      <c r="A98" s="16">
        <v>76</v>
      </c>
      <c r="B98" s="29">
        <v>69</v>
      </c>
      <c r="C98" s="10">
        <v>89</v>
      </c>
      <c r="D98" s="9">
        <v>158</v>
      </c>
    </row>
    <row r="99" spans="1:4" ht="18" customHeight="1" x14ac:dyDescent="0.15">
      <c r="A99" s="16">
        <v>77</v>
      </c>
      <c r="B99" s="29">
        <v>63</v>
      </c>
      <c r="C99" s="10">
        <v>81</v>
      </c>
      <c r="D99" s="9">
        <v>144</v>
      </c>
    </row>
    <row r="100" spans="1:4" ht="18" customHeight="1" x14ac:dyDescent="0.15">
      <c r="A100" s="16">
        <v>78</v>
      </c>
      <c r="B100" s="29">
        <v>60</v>
      </c>
      <c r="C100" s="10">
        <v>94</v>
      </c>
      <c r="D100" s="9">
        <v>154</v>
      </c>
    </row>
    <row r="101" spans="1:4" ht="18" customHeight="1" x14ac:dyDescent="0.15">
      <c r="A101" s="16">
        <v>79</v>
      </c>
      <c r="B101" s="29">
        <v>69</v>
      </c>
      <c r="C101" s="10">
        <v>100</v>
      </c>
      <c r="D101" s="9">
        <v>169</v>
      </c>
    </row>
    <row r="102" spans="1:4" ht="18" customHeight="1" x14ac:dyDescent="0.15">
      <c r="A102" s="8" t="s">
        <v>70</v>
      </c>
      <c r="B102" s="29">
        <v>374</v>
      </c>
      <c r="C102" s="10">
        <v>460</v>
      </c>
      <c r="D102" s="9">
        <v>834</v>
      </c>
    </row>
    <row r="103" spans="1:4" ht="18" customHeight="1" x14ac:dyDescent="0.15">
      <c r="A103" s="16">
        <v>80</v>
      </c>
      <c r="B103" s="29">
        <v>59</v>
      </c>
      <c r="C103" s="10">
        <v>81</v>
      </c>
      <c r="D103" s="9">
        <v>140</v>
      </c>
    </row>
    <row r="104" spans="1:4" ht="18" customHeight="1" x14ac:dyDescent="0.15">
      <c r="A104" s="16">
        <v>81</v>
      </c>
      <c r="B104" s="29">
        <v>59</v>
      </c>
      <c r="C104" s="10">
        <v>92</v>
      </c>
      <c r="D104" s="9">
        <v>151</v>
      </c>
    </row>
    <row r="105" spans="1:4" ht="18" customHeight="1" x14ac:dyDescent="0.15">
      <c r="A105" s="16">
        <v>82</v>
      </c>
      <c r="B105" s="29">
        <v>62</v>
      </c>
      <c r="C105" s="10">
        <v>87</v>
      </c>
      <c r="D105" s="9">
        <v>149</v>
      </c>
    </row>
    <row r="106" spans="1:4" ht="18" customHeight="1" x14ac:dyDescent="0.15">
      <c r="A106" s="16">
        <v>83</v>
      </c>
      <c r="B106" s="29">
        <v>56</v>
      </c>
      <c r="C106" s="10">
        <v>67</v>
      </c>
      <c r="D106" s="9">
        <v>123</v>
      </c>
    </row>
    <row r="107" spans="1:4" ht="18" customHeight="1" x14ac:dyDescent="0.15">
      <c r="A107" s="16">
        <v>84</v>
      </c>
      <c r="B107" s="29">
        <v>42</v>
      </c>
      <c r="C107" s="10">
        <v>47</v>
      </c>
      <c r="D107" s="9">
        <v>89</v>
      </c>
    </row>
    <row r="108" spans="1:4" ht="18" customHeight="1" x14ac:dyDescent="0.15">
      <c r="A108" s="8" t="s">
        <v>39</v>
      </c>
      <c r="B108" s="29">
        <v>278</v>
      </c>
      <c r="C108" s="10">
        <v>374</v>
      </c>
      <c r="D108" s="9">
        <v>652</v>
      </c>
    </row>
    <row r="109" spans="1:4" ht="18" customHeight="1" x14ac:dyDescent="0.15">
      <c r="A109" s="16">
        <v>85</v>
      </c>
      <c r="B109" s="29">
        <v>30</v>
      </c>
      <c r="C109" s="10">
        <v>59</v>
      </c>
      <c r="D109" s="9">
        <v>89</v>
      </c>
    </row>
    <row r="110" spans="1:4" ht="18" customHeight="1" x14ac:dyDescent="0.15">
      <c r="A110" s="16">
        <v>86</v>
      </c>
      <c r="B110" s="29">
        <v>27</v>
      </c>
      <c r="C110" s="10">
        <v>67</v>
      </c>
      <c r="D110" s="9">
        <v>94</v>
      </c>
    </row>
    <row r="111" spans="1:4" ht="18" customHeight="1" x14ac:dyDescent="0.15">
      <c r="A111" s="16">
        <v>87</v>
      </c>
      <c r="B111" s="29">
        <v>46</v>
      </c>
      <c r="C111" s="10">
        <v>80</v>
      </c>
      <c r="D111" s="9">
        <v>126</v>
      </c>
    </row>
    <row r="112" spans="1:4" ht="18" customHeight="1" x14ac:dyDescent="0.15">
      <c r="A112" s="16">
        <v>88</v>
      </c>
      <c r="B112" s="29">
        <v>26</v>
      </c>
      <c r="C112" s="10">
        <v>43</v>
      </c>
      <c r="D112" s="9">
        <v>69</v>
      </c>
    </row>
    <row r="113" spans="1:4" ht="18" customHeight="1" x14ac:dyDescent="0.15">
      <c r="A113" s="16">
        <v>89</v>
      </c>
      <c r="B113" s="29">
        <v>23</v>
      </c>
      <c r="C113" s="10">
        <v>54</v>
      </c>
      <c r="D113" s="9">
        <v>77</v>
      </c>
    </row>
    <row r="114" spans="1:4" ht="18" customHeight="1" x14ac:dyDescent="0.15">
      <c r="A114" s="8" t="s">
        <v>38</v>
      </c>
      <c r="B114" s="29">
        <v>152</v>
      </c>
      <c r="C114" s="10">
        <v>303</v>
      </c>
      <c r="D114" s="9">
        <v>455</v>
      </c>
    </row>
    <row r="115" spans="1:4" ht="18" customHeight="1" x14ac:dyDescent="0.15">
      <c r="A115" s="16">
        <v>90</v>
      </c>
      <c r="B115" s="29">
        <v>21</v>
      </c>
      <c r="C115" s="10">
        <v>61</v>
      </c>
      <c r="D115" s="9">
        <v>82</v>
      </c>
    </row>
    <row r="116" spans="1:4" ht="18" customHeight="1" x14ac:dyDescent="0.15">
      <c r="A116" s="16">
        <v>91</v>
      </c>
      <c r="B116" s="29">
        <v>15</v>
      </c>
      <c r="C116" s="10">
        <v>41</v>
      </c>
      <c r="D116" s="9">
        <v>56</v>
      </c>
    </row>
    <row r="117" spans="1:4" ht="18" customHeight="1" x14ac:dyDescent="0.15">
      <c r="A117" s="16">
        <v>92</v>
      </c>
      <c r="B117" s="29">
        <v>12</v>
      </c>
      <c r="C117" s="10">
        <v>35</v>
      </c>
      <c r="D117" s="9">
        <v>47</v>
      </c>
    </row>
    <row r="118" spans="1:4" ht="18" customHeight="1" x14ac:dyDescent="0.15">
      <c r="A118" s="16">
        <v>93</v>
      </c>
      <c r="B118" s="29">
        <v>9</v>
      </c>
      <c r="C118" s="10">
        <v>25</v>
      </c>
      <c r="D118" s="9">
        <v>34</v>
      </c>
    </row>
    <row r="119" spans="1:4" ht="18" customHeight="1" x14ac:dyDescent="0.15">
      <c r="A119" s="16">
        <v>94</v>
      </c>
      <c r="B119" s="29">
        <v>11</v>
      </c>
      <c r="C119" s="10">
        <v>20</v>
      </c>
      <c r="D119" s="9">
        <v>31</v>
      </c>
    </row>
    <row r="120" spans="1:4" ht="18" customHeight="1" x14ac:dyDescent="0.15">
      <c r="A120" s="8" t="s">
        <v>69</v>
      </c>
      <c r="B120" s="29">
        <v>68</v>
      </c>
      <c r="C120" s="10">
        <v>182</v>
      </c>
      <c r="D120" s="9">
        <v>250</v>
      </c>
    </row>
    <row r="121" spans="1:4" ht="18" customHeight="1" x14ac:dyDescent="0.15">
      <c r="A121" s="16">
        <v>95</v>
      </c>
      <c r="B121" s="29">
        <v>3</v>
      </c>
      <c r="C121" s="10">
        <v>11</v>
      </c>
      <c r="D121" s="9">
        <v>14</v>
      </c>
    </row>
    <row r="122" spans="1:4" ht="18" customHeight="1" x14ac:dyDescent="0.15">
      <c r="A122" s="16">
        <v>96</v>
      </c>
      <c r="B122" s="29">
        <v>6</v>
      </c>
      <c r="C122" s="10">
        <v>12</v>
      </c>
      <c r="D122" s="9">
        <v>18</v>
      </c>
    </row>
    <row r="123" spans="1:4" ht="18" customHeight="1" x14ac:dyDescent="0.15">
      <c r="A123" s="16">
        <v>97</v>
      </c>
      <c r="B123" s="29">
        <v>3</v>
      </c>
      <c r="C123" s="10">
        <v>8</v>
      </c>
      <c r="D123" s="9">
        <v>11</v>
      </c>
    </row>
    <row r="124" spans="1:4" ht="18" customHeight="1" x14ac:dyDescent="0.15">
      <c r="A124" s="16">
        <v>98</v>
      </c>
      <c r="B124" s="29">
        <v>1</v>
      </c>
      <c r="C124" s="10">
        <v>8</v>
      </c>
      <c r="D124" s="9">
        <v>9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13</v>
      </c>
      <c r="C126" s="10">
        <v>42</v>
      </c>
      <c r="D126" s="9">
        <v>55</v>
      </c>
    </row>
    <row r="127" spans="1:4" ht="18" customHeight="1" x14ac:dyDescent="0.15">
      <c r="A127" s="16">
        <v>100</v>
      </c>
      <c r="B127" s="29">
        <v>1</v>
      </c>
      <c r="C127" s="10">
        <v>6</v>
      </c>
      <c r="D127" s="9">
        <v>7</v>
      </c>
    </row>
    <row r="128" spans="1:4" ht="18" customHeight="1" x14ac:dyDescent="0.15">
      <c r="A128" s="15" t="s">
        <v>37</v>
      </c>
      <c r="B128" s="29">
        <v>2</v>
      </c>
      <c r="C128" s="10">
        <v>5</v>
      </c>
      <c r="D128" s="9">
        <v>7</v>
      </c>
    </row>
    <row r="129" spans="1:4" ht="18" customHeight="1" x14ac:dyDescent="0.15">
      <c r="A129" s="8" t="s">
        <v>175</v>
      </c>
      <c r="B129" s="29">
        <v>3</v>
      </c>
      <c r="C129" s="10">
        <v>11</v>
      </c>
      <c r="D129" s="9">
        <v>14</v>
      </c>
    </row>
    <row r="130" spans="1:4" ht="18" customHeight="1" x14ac:dyDescent="0.15">
      <c r="A130" s="8" t="s">
        <v>35</v>
      </c>
      <c r="B130" s="28">
        <v>1688</v>
      </c>
      <c r="C130" s="6">
        <v>2303</v>
      </c>
      <c r="D130" s="5">
        <v>3991</v>
      </c>
    </row>
    <row r="131" spans="1:4" ht="18" customHeight="1" x14ac:dyDescent="0.15">
      <c r="A131" s="4" t="s">
        <v>0</v>
      </c>
      <c r="B131" s="27">
        <v>5945</v>
      </c>
      <c r="C131" s="2">
        <v>6239</v>
      </c>
      <c r="D131" s="1">
        <v>1218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5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</v>
      </c>
      <c r="C5" s="18">
        <v>5</v>
      </c>
      <c r="D5" s="17">
        <v>8</v>
      </c>
    </row>
    <row r="6" spans="1:4" ht="18" customHeight="1" x14ac:dyDescent="0.15">
      <c r="A6" s="16">
        <v>1</v>
      </c>
      <c r="B6" s="29">
        <v>7</v>
      </c>
      <c r="C6" s="10">
        <v>4</v>
      </c>
      <c r="D6" s="9">
        <v>11</v>
      </c>
    </row>
    <row r="7" spans="1:4" ht="18" customHeight="1" x14ac:dyDescent="0.15">
      <c r="A7" s="16">
        <v>2</v>
      </c>
      <c r="B7" s="29">
        <v>10</v>
      </c>
      <c r="C7" s="10">
        <v>9</v>
      </c>
      <c r="D7" s="9">
        <v>19</v>
      </c>
    </row>
    <row r="8" spans="1:4" ht="18" customHeight="1" x14ac:dyDescent="0.15">
      <c r="A8" s="16">
        <v>3</v>
      </c>
      <c r="B8" s="29">
        <v>5</v>
      </c>
      <c r="C8" s="10">
        <v>4</v>
      </c>
      <c r="D8" s="9">
        <v>9</v>
      </c>
    </row>
    <row r="9" spans="1:4" ht="18" customHeight="1" x14ac:dyDescent="0.15">
      <c r="A9" s="16">
        <v>4</v>
      </c>
      <c r="B9" s="29">
        <v>6</v>
      </c>
      <c r="C9" s="10">
        <v>8</v>
      </c>
      <c r="D9" s="9">
        <v>14</v>
      </c>
    </row>
    <row r="10" spans="1:4" ht="18" customHeight="1" x14ac:dyDescent="0.15">
      <c r="A10" s="8" t="s">
        <v>25</v>
      </c>
      <c r="B10" s="29">
        <v>31</v>
      </c>
      <c r="C10" s="10">
        <v>30</v>
      </c>
      <c r="D10" s="9">
        <v>61</v>
      </c>
    </row>
    <row r="11" spans="1:4" ht="18" customHeight="1" x14ac:dyDescent="0.15">
      <c r="A11" s="16">
        <v>5</v>
      </c>
      <c r="B11" s="29">
        <v>3</v>
      </c>
      <c r="C11" s="10">
        <v>15</v>
      </c>
      <c r="D11" s="9">
        <v>18</v>
      </c>
    </row>
    <row r="12" spans="1:4" ht="18" customHeight="1" x14ac:dyDescent="0.15">
      <c r="A12" s="16">
        <v>6</v>
      </c>
      <c r="B12" s="29">
        <v>8</v>
      </c>
      <c r="C12" s="10">
        <v>7</v>
      </c>
      <c r="D12" s="9">
        <v>15</v>
      </c>
    </row>
    <row r="13" spans="1:4" ht="18" customHeight="1" x14ac:dyDescent="0.15">
      <c r="A13" s="16">
        <v>7</v>
      </c>
      <c r="B13" s="29">
        <v>14</v>
      </c>
      <c r="C13" s="10">
        <v>13</v>
      </c>
      <c r="D13" s="9">
        <v>27</v>
      </c>
    </row>
    <row r="14" spans="1:4" ht="18" customHeight="1" x14ac:dyDescent="0.15">
      <c r="A14" s="16">
        <v>8</v>
      </c>
      <c r="B14" s="29">
        <v>8</v>
      </c>
      <c r="C14" s="10">
        <v>7</v>
      </c>
      <c r="D14" s="9">
        <v>15</v>
      </c>
    </row>
    <row r="15" spans="1:4" ht="18" customHeight="1" x14ac:dyDescent="0.15">
      <c r="A15" s="16">
        <v>9</v>
      </c>
      <c r="B15" s="29">
        <v>10</v>
      </c>
      <c r="C15" s="10">
        <v>13</v>
      </c>
      <c r="D15" s="9">
        <v>23</v>
      </c>
    </row>
    <row r="16" spans="1:4" ht="18" customHeight="1" x14ac:dyDescent="0.15">
      <c r="A16" s="8" t="s">
        <v>50</v>
      </c>
      <c r="B16" s="29">
        <v>43</v>
      </c>
      <c r="C16" s="10">
        <v>55</v>
      </c>
      <c r="D16" s="9">
        <v>98</v>
      </c>
    </row>
    <row r="17" spans="1:4" ht="18" customHeight="1" x14ac:dyDescent="0.15">
      <c r="A17" s="16">
        <v>10</v>
      </c>
      <c r="B17" s="29">
        <v>15</v>
      </c>
      <c r="C17" s="10">
        <v>10</v>
      </c>
      <c r="D17" s="9">
        <v>25</v>
      </c>
    </row>
    <row r="18" spans="1:4" ht="18" customHeight="1" x14ac:dyDescent="0.15">
      <c r="A18" s="16">
        <v>11</v>
      </c>
      <c r="B18" s="29">
        <v>12</v>
      </c>
      <c r="C18" s="10">
        <v>10</v>
      </c>
      <c r="D18" s="9">
        <v>22</v>
      </c>
    </row>
    <row r="19" spans="1:4" ht="18" customHeight="1" x14ac:dyDescent="0.15">
      <c r="A19" s="16">
        <v>12</v>
      </c>
      <c r="B19" s="29">
        <v>14</v>
      </c>
      <c r="C19" s="10">
        <v>9</v>
      </c>
      <c r="D19" s="9">
        <v>23</v>
      </c>
    </row>
    <row r="20" spans="1:4" ht="18" customHeight="1" x14ac:dyDescent="0.15">
      <c r="A20" s="16">
        <v>13</v>
      </c>
      <c r="B20" s="29">
        <v>11</v>
      </c>
      <c r="C20" s="10">
        <v>11</v>
      </c>
      <c r="D20" s="9">
        <v>22</v>
      </c>
    </row>
    <row r="21" spans="1:4" ht="18" customHeight="1" x14ac:dyDescent="0.15">
      <c r="A21" s="16">
        <v>14</v>
      </c>
      <c r="B21" s="29">
        <v>11</v>
      </c>
      <c r="C21" s="10">
        <v>18</v>
      </c>
      <c r="D21" s="9">
        <v>29</v>
      </c>
    </row>
    <row r="22" spans="1:4" ht="18" customHeight="1" x14ac:dyDescent="0.15">
      <c r="A22" s="8" t="s">
        <v>49</v>
      </c>
      <c r="B22" s="29">
        <v>63</v>
      </c>
      <c r="C22" s="10">
        <v>58</v>
      </c>
      <c r="D22" s="9">
        <v>121</v>
      </c>
    </row>
    <row r="23" spans="1:4" ht="18" customHeight="1" x14ac:dyDescent="0.15">
      <c r="A23" s="8" t="s">
        <v>22</v>
      </c>
      <c r="B23" s="29">
        <v>137</v>
      </c>
      <c r="C23" s="10">
        <v>143</v>
      </c>
      <c r="D23" s="9">
        <v>280</v>
      </c>
    </row>
    <row r="24" spans="1:4" ht="18" customHeight="1" x14ac:dyDescent="0.15">
      <c r="A24" s="16">
        <v>15</v>
      </c>
      <c r="B24" s="29">
        <v>16</v>
      </c>
      <c r="C24" s="10">
        <v>13</v>
      </c>
      <c r="D24" s="9">
        <v>29</v>
      </c>
    </row>
    <row r="25" spans="1:4" ht="18" customHeight="1" x14ac:dyDescent="0.15">
      <c r="A25" s="16">
        <v>16</v>
      </c>
      <c r="B25" s="29">
        <v>20</v>
      </c>
      <c r="C25" s="10">
        <v>20</v>
      </c>
      <c r="D25" s="9">
        <v>40</v>
      </c>
    </row>
    <row r="26" spans="1:4" ht="18" customHeight="1" x14ac:dyDescent="0.15">
      <c r="A26" s="16">
        <v>17</v>
      </c>
      <c r="B26" s="29">
        <v>12</v>
      </c>
      <c r="C26" s="10">
        <v>12</v>
      </c>
      <c r="D26" s="9">
        <v>24</v>
      </c>
    </row>
    <row r="27" spans="1:4" ht="18" customHeight="1" x14ac:dyDescent="0.15">
      <c r="A27" s="16">
        <v>18</v>
      </c>
      <c r="B27" s="29">
        <v>16</v>
      </c>
      <c r="C27" s="10">
        <v>20</v>
      </c>
      <c r="D27" s="9">
        <v>36</v>
      </c>
    </row>
    <row r="28" spans="1:4" ht="18" customHeight="1" x14ac:dyDescent="0.15">
      <c r="A28" s="16">
        <v>19</v>
      </c>
      <c r="B28" s="29">
        <v>17</v>
      </c>
      <c r="C28" s="10">
        <v>14</v>
      </c>
      <c r="D28" s="9">
        <v>31</v>
      </c>
    </row>
    <row r="29" spans="1:4" ht="18" customHeight="1" x14ac:dyDescent="0.15">
      <c r="A29" s="8" t="s">
        <v>48</v>
      </c>
      <c r="B29" s="29">
        <v>81</v>
      </c>
      <c r="C29" s="10">
        <v>79</v>
      </c>
      <c r="D29" s="9">
        <v>160</v>
      </c>
    </row>
    <row r="30" spans="1:4" ht="18" customHeight="1" x14ac:dyDescent="0.15">
      <c r="A30" s="16">
        <v>20</v>
      </c>
      <c r="B30" s="29">
        <v>11</v>
      </c>
      <c r="C30" s="10">
        <v>12</v>
      </c>
      <c r="D30" s="9">
        <v>23</v>
      </c>
    </row>
    <row r="31" spans="1:4" ht="18" customHeight="1" x14ac:dyDescent="0.15">
      <c r="A31" s="16">
        <v>21</v>
      </c>
      <c r="B31" s="29">
        <v>12</v>
      </c>
      <c r="C31" s="10">
        <v>11</v>
      </c>
      <c r="D31" s="9">
        <v>23</v>
      </c>
    </row>
    <row r="32" spans="1:4" ht="18" customHeight="1" x14ac:dyDescent="0.15">
      <c r="A32" s="16">
        <v>22</v>
      </c>
      <c r="B32" s="29">
        <v>14</v>
      </c>
      <c r="C32" s="10">
        <v>12</v>
      </c>
      <c r="D32" s="9">
        <v>26</v>
      </c>
    </row>
    <row r="33" spans="1:4" ht="18" customHeight="1" x14ac:dyDescent="0.15">
      <c r="A33" s="16">
        <v>23</v>
      </c>
      <c r="B33" s="29">
        <v>13</v>
      </c>
      <c r="C33" s="10">
        <v>11</v>
      </c>
      <c r="D33" s="9">
        <v>24</v>
      </c>
    </row>
    <row r="34" spans="1:4" ht="18" customHeight="1" x14ac:dyDescent="0.15">
      <c r="A34" s="16">
        <v>24</v>
      </c>
      <c r="B34" s="29">
        <v>14</v>
      </c>
      <c r="C34" s="10">
        <v>15</v>
      </c>
      <c r="D34" s="9">
        <v>29</v>
      </c>
    </row>
    <row r="35" spans="1:4" ht="18" customHeight="1" x14ac:dyDescent="0.15">
      <c r="A35" s="8" t="s">
        <v>47</v>
      </c>
      <c r="B35" s="29">
        <v>64</v>
      </c>
      <c r="C35" s="10">
        <v>61</v>
      </c>
      <c r="D35" s="9">
        <v>125</v>
      </c>
    </row>
    <row r="36" spans="1:4" ht="18" customHeight="1" x14ac:dyDescent="0.15">
      <c r="A36" s="16">
        <v>25</v>
      </c>
      <c r="B36" s="29">
        <v>8</v>
      </c>
      <c r="C36" s="10">
        <v>6</v>
      </c>
      <c r="D36" s="9">
        <v>14</v>
      </c>
    </row>
    <row r="37" spans="1:4" ht="18" customHeight="1" x14ac:dyDescent="0.15">
      <c r="A37" s="16">
        <v>26</v>
      </c>
      <c r="B37" s="29">
        <v>11</v>
      </c>
      <c r="C37" s="10">
        <v>7</v>
      </c>
      <c r="D37" s="9">
        <v>18</v>
      </c>
    </row>
    <row r="38" spans="1:4" ht="18" customHeight="1" x14ac:dyDescent="0.15">
      <c r="A38" s="16">
        <v>27</v>
      </c>
      <c r="B38" s="29">
        <v>8</v>
      </c>
      <c r="C38" s="10">
        <v>8</v>
      </c>
      <c r="D38" s="9">
        <v>16</v>
      </c>
    </row>
    <row r="39" spans="1:4" ht="18" customHeight="1" x14ac:dyDescent="0.15">
      <c r="A39" s="16">
        <v>28</v>
      </c>
      <c r="B39" s="29">
        <v>13</v>
      </c>
      <c r="C39" s="10">
        <v>6</v>
      </c>
      <c r="D39" s="9">
        <v>19</v>
      </c>
    </row>
    <row r="40" spans="1:4" ht="18" customHeight="1" x14ac:dyDescent="0.15">
      <c r="A40" s="16">
        <v>29</v>
      </c>
      <c r="B40" s="29">
        <v>21</v>
      </c>
      <c r="C40" s="10">
        <v>8</v>
      </c>
      <c r="D40" s="9">
        <v>29</v>
      </c>
    </row>
    <row r="41" spans="1:4" ht="18" customHeight="1" x14ac:dyDescent="0.15">
      <c r="A41" s="8" t="s">
        <v>19</v>
      </c>
      <c r="B41" s="29">
        <v>61</v>
      </c>
      <c r="C41" s="10">
        <v>35</v>
      </c>
      <c r="D41" s="9">
        <v>96</v>
      </c>
    </row>
    <row r="42" spans="1:4" ht="18" customHeight="1" x14ac:dyDescent="0.15">
      <c r="A42" s="16">
        <v>30</v>
      </c>
      <c r="B42" s="29">
        <v>6</v>
      </c>
      <c r="C42" s="10">
        <v>6</v>
      </c>
      <c r="D42" s="9">
        <v>12</v>
      </c>
    </row>
    <row r="43" spans="1:4" ht="18" customHeight="1" x14ac:dyDescent="0.15">
      <c r="A43" s="16">
        <v>31</v>
      </c>
      <c r="B43" s="29">
        <v>9</v>
      </c>
      <c r="C43" s="10">
        <v>8</v>
      </c>
      <c r="D43" s="9">
        <v>17</v>
      </c>
    </row>
    <row r="44" spans="1:4" ht="18" customHeight="1" x14ac:dyDescent="0.15">
      <c r="A44" s="16">
        <v>32</v>
      </c>
      <c r="B44" s="29">
        <v>8</v>
      </c>
      <c r="C44" s="10">
        <v>9</v>
      </c>
      <c r="D44" s="9">
        <v>17</v>
      </c>
    </row>
    <row r="45" spans="1:4" ht="18" customHeight="1" x14ac:dyDescent="0.15">
      <c r="A45" s="16">
        <v>33</v>
      </c>
      <c r="B45" s="29">
        <v>7</v>
      </c>
      <c r="C45" s="10">
        <v>7</v>
      </c>
      <c r="D45" s="9">
        <v>14</v>
      </c>
    </row>
    <row r="46" spans="1:4" ht="18" customHeight="1" x14ac:dyDescent="0.15">
      <c r="A46" s="16">
        <v>34</v>
      </c>
      <c r="B46" s="29">
        <v>6</v>
      </c>
      <c r="C46" s="10">
        <v>10</v>
      </c>
      <c r="D46" s="9">
        <v>16</v>
      </c>
    </row>
    <row r="47" spans="1:4" ht="18" customHeight="1" x14ac:dyDescent="0.15">
      <c r="A47" s="8" t="s">
        <v>18</v>
      </c>
      <c r="B47" s="29">
        <v>36</v>
      </c>
      <c r="C47" s="10">
        <v>40</v>
      </c>
      <c r="D47" s="9">
        <v>76</v>
      </c>
    </row>
    <row r="48" spans="1:4" ht="18" customHeight="1" x14ac:dyDescent="0.15">
      <c r="A48" s="16">
        <v>35</v>
      </c>
      <c r="B48" s="29">
        <v>10</v>
      </c>
      <c r="C48" s="10">
        <v>9</v>
      </c>
      <c r="D48" s="9">
        <v>19</v>
      </c>
    </row>
    <row r="49" spans="1:4" ht="18" customHeight="1" x14ac:dyDescent="0.15">
      <c r="A49" s="16">
        <v>36</v>
      </c>
      <c r="B49" s="29">
        <v>11</v>
      </c>
      <c r="C49" s="10">
        <v>10</v>
      </c>
      <c r="D49" s="9">
        <v>21</v>
      </c>
    </row>
    <row r="50" spans="1:4" ht="18" customHeight="1" x14ac:dyDescent="0.15">
      <c r="A50" s="16">
        <v>37</v>
      </c>
      <c r="B50" s="29">
        <v>16</v>
      </c>
      <c r="C50" s="10">
        <v>9</v>
      </c>
      <c r="D50" s="9">
        <v>25</v>
      </c>
    </row>
    <row r="51" spans="1:4" ht="18" customHeight="1" x14ac:dyDescent="0.15">
      <c r="A51" s="16">
        <v>38</v>
      </c>
      <c r="B51" s="29">
        <v>18</v>
      </c>
      <c r="C51" s="10">
        <v>14</v>
      </c>
      <c r="D51" s="9">
        <v>32</v>
      </c>
    </row>
    <row r="52" spans="1:4" ht="18" customHeight="1" x14ac:dyDescent="0.15">
      <c r="A52" s="16">
        <v>39</v>
      </c>
      <c r="B52" s="29">
        <v>16</v>
      </c>
      <c r="C52" s="10">
        <v>15</v>
      </c>
      <c r="D52" s="9">
        <v>31</v>
      </c>
    </row>
    <row r="53" spans="1:4" ht="18" customHeight="1" x14ac:dyDescent="0.15">
      <c r="A53" s="8" t="s">
        <v>17</v>
      </c>
      <c r="B53" s="29">
        <v>71</v>
      </c>
      <c r="C53" s="10">
        <v>57</v>
      </c>
      <c r="D53" s="9">
        <v>128</v>
      </c>
    </row>
    <row r="54" spans="1:4" ht="18" customHeight="1" x14ac:dyDescent="0.15">
      <c r="A54" s="16">
        <v>40</v>
      </c>
      <c r="B54" s="29">
        <v>14</v>
      </c>
      <c r="C54" s="10">
        <v>14</v>
      </c>
      <c r="D54" s="9">
        <v>28</v>
      </c>
    </row>
    <row r="55" spans="1:4" ht="18" customHeight="1" x14ac:dyDescent="0.15">
      <c r="A55" s="16">
        <v>41</v>
      </c>
      <c r="B55" s="29">
        <v>15</v>
      </c>
      <c r="C55" s="10">
        <v>17</v>
      </c>
      <c r="D55" s="9">
        <v>32</v>
      </c>
    </row>
    <row r="56" spans="1:4" ht="18" customHeight="1" x14ac:dyDescent="0.15">
      <c r="A56" s="16">
        <v>42</v>
      </c>
      <c r="B56" s="29">
        <v>22</v>
      </c>
      <c r="C56" s="10">
        <v>21</v>
      </c>
      <c r="D56" s="9">
        <v>43</v>
      </c>
    </row>
    <row r="57" spans="1:4" ht="18" customHeight="1" x14ac:dyDescent="0.15">
      <c r="A57" s="16">
        <v>43</v>
      </c>
      <c r="B57" s="29">
        <v>18</v>
      </c>
      <c r="C57" s="10">
        <v>10</v>
      </c>
      <c r="D57" s="9">
        <v>28</v>
      </c>
    </row>
    <row r="58" spans="1:4" ht="18" customHeight="1" x14ac:dyDescent="0.15">
      <c r="A58" s="16">
        <v>44</v>
      </c>
      <c r="B58" s="29">
        <v>19</v>
      </c>
      <c r="C58" s="10">
        <v>14</v>
      </c>
      <c r="D58" s="9">
        <v>33</v>
      </c>
    </row>
    <row r="59" spans="1:4" ht="18" customHeight="1" x14ac:dyDescent="0.15">
      <c r="A59" s="8" t="s">
        <v>46</v>
      </c>
      <c r="B59" s="29">
        <v>88</v>
      </c>
      <c r="C59" s="10">
        <v>76</v>
      </c>
      <c r="D59" s="9">
        <v>164</v>
      </c>
    </row>
    <row r="60" spans="1:4" ht="18" customHeight="1" x14ac:dyDescent="0.15">
      <c r="A60" s="16">
        <v>45</v>
      </c>
      <c r="B60" s="29">
        <v>20</v>
      </c>
      <c r="C60" s="10">
        <v>17</v>
      </c>
      <c r="D60" s="9">
        <v>37</v>
      </c>
    </row>
    <row r="61" spans="1:4" ht="18" customHeight="1" x14ac:dyDescent="0.15">
      <c r="A61" s="16">
        <v>46</v>
      </c>
      <c r="B61" s="29">
        <v>20</v>
      </c>
      <c r="C61" s="10">
        <v>34</v>
      </c>
      <c r="D61" s="9">
        <v>54</v>
      </c>
    </row>
    <row r="62" spans="1:4" ht="18" customHeight="1" x14ac:dyDescent="0.15">
      <c r="A62" s="16">
        <v>47</v>
      </c>
      <c r="B62" s="29">
        <v>18</v>
      </c>
      <c r="C62" s="10">
        <v>22</v>
      </c>
      <c r="D62" s="9">
        <v>40</v>
      </c>
    </row>
    <row r="63" spans="1:4" ht="18" customHeight="1" x14ac:dyDescent="0.15">
      <c r="A63" s="16">
        <v>48</v>
      </c>
      <c r="B63" s="29">
        <v>13</v>
      </c>
      <c r="C63" s="10">
        <v>24</v>
      </c>
      <c r="D63" s="9">
        <v>37</v>
      </c>
    </row>
    <row r="64" spans="1:4" ht="18" customHeight="1" x14ac:dyDescent="0.15">
      <c r="A64" s="16">
        <v>49</v>
      </c>
      <c r="B64" s="29">
        <v>27</v>
      </c>
      <c r="C64" s="10">
        <v>27</v>
      </c>
      <c r="D64" s="9">
        <v>54</v>
      </c>
    </row>
    <row r="65" spans="1:4" ht="18" customHeight="1" x14ac:dyDescent="0.15">
      <c r="A65" s="8" t="s">
        <v>45</v>
      </c>
      <c r="B65" s="29">
        <v>98</v>
      </c>
      <c r="C65" s="10">
        <v>124</v>
      </c>
      <c r="D65" s="9">
        <v>222</v>
      </c>
    </row>
    <row r="66" spans="1:4" ht="18" customHeight="1" x14ac:dyDescent="0.15">
      <c r="A66" s="16">
        <v>50</v>
      </c>
      <c r="B66" s="29">
        <v>24</v>
      </c>
      <c r="C66" s="10">
        <v>19</v>
      </c>
      <c r="D66" s="9">
        <v>43</v>
      </c>
    </row>
    <row r="67" spans="1:4" ht="18" customHeight="1" x14ac:dyDescent="0.15">
      <c r="A67" s="16">
        <v>51</v>
      </c>
      <c r="B67" s="29">
        <v>20</v>
      </c>
      <c r="C67" s="10">
        <v>23</v>
      </c>
      <c r="D67" s="9">
        <v>43</v>
      </c>
    </row>
    <row r="68" spans="1:4" ht="18" customHeight="1" x14ac:dyDescent="0.15">
      <c r="A68" s="16">
        <v>52</v>
      </c>
      <c r="B68" s="29">
        <v>25</v>
      </c>
      <c r="C68" s="10">
        <v>26</v>
      </c>
      <c r="D68" s="9">
        <v>51</v>
      </c>
    </row>
    <row r="69" spans="1:4" ht="18" customHeight="1" x14ac:dyDescent="0.15">
      <c r="A69" s="16">
        <v>53</v>
      </c>
      <c r="B69" s="29">
        <v>24</v>
      </c>
      <c r="C69" s="10">
        <v>12</v>
      </c>
      <c r="D69" s="9">
        <v>36</v>
      </c>
    </row>
    <row r="70" spans="1:4" ht="18" customHeight="1" x14ac:dyDescent="0.15">
      <c r="A70" s="16">
        <v>54</v>
      </c>
      <c r="B70" s="29">
        <v>20</v>
      </c>
      <c r="C70" s="10">
        <v>25</v>
      </c>
      <c r="D70" s="9">
        <v>45</v>
      </c>
    </row>
    <row r="71" spans="1:4" ht="18" customHeight="1" x14ac:dyDescent="0.15">
      <c r="A71" s="8" t="s">
        <v>14</v>
      </c>
      <c r="B71" s="29">
        <v>113</v>
      </c>
      <c r="C71" s="10">
        <v>105</v>
      </c>
      <c r="D71" s="9">
        <v>218</v>
      </c>
    </row>
    <row r="72" spans="1:4" ht="18" customHeight="1" x14ac:dyDescent="0.15">
      <c r="A72" s="16">
        <v>55</v>
      </c>
      <c r="B72" s="29">
        <v>14</v>
      </c>
      <c r="C72" s="10">
        <v>23</v>
      </c>
      <c r="D72" s="9">
        <v>37</v>
      </c>
    </row>
    <row r="73" spans="1:4" ht="18" customHeight="1" x14ac:dyDescent="0.15">
      <c r="A73" s="16">
        <v>56</v>
      </c>
      <c r="B73" s="29">
        <v>13</v>
      </c>
      <c r="C73" s="10">
        <v>14</v>
      </c>
      <c r="D73" s="9">
        <v>27</v>
      </c>
    </row>
    <row r="74" spans="1:4" ht="18" customHeight="1" x14ac:dyDescent="0.15">
      <c r="A74" s="16">
        <v>57</v>
      </c>
      <c r="B74" s="29">
        <v>25</v>
      </c>
      <c r="C74" s="10">
        <v>21</v>
      </c>
      <c r="D74" s="9">
        <v>46</v>
      </c>
    </row>
    <row r="75" spans="1:4" ht="18" customHeight="1" x14ac:dyDescent="0.15">
      <c r="A75" s="16">
        <v>58</v>
      </c>
      <c r="B75" s="29">
        <v>18</v>
      </c>
      <c r="C75" s="10">
        <v>24</v>
      </c>
      <c r="D75" s="9">
        <v>42</v>
      </c>
    </row>
    <row r="76" spans="1:4" ht="18" customHeight="1" x14ac:dyDescent="0.15">
      <c r="A76" s="16">
        <v>59</v>
      </c>
      <c r="B76" s="29">
        <v>15</v>
      </c>
      <c r="C76" s="10">
        <v>27</v>
      </c>
      <c r="D76" s="9">
        <v>42</v>
      </c>
    </row>
    <row r="77" spans="1:4" ht="18" customHeight="1" x14ac:dyDescent="0.15">
      <c r="A77" s="8" t="s">
        <v>13</v>
      </c>
      <c r="B77" s="29">
        <v>85</v>
      </c>
      <c r="C77" s="10">
        <v>109</v>
      </c>
      <c r="D77" s="9">
        <v>194</v>
      </c>
    </row>
    <row r="78" spans="1:4" ht="18" customHeight="1" x14ac:dyDescent="0.15">
      <c r="A78" s="16">
        <v>60</v>
      </c>
      <c r="B78" s="29">
        <v>18</v>
      </c>
      <c r="C78" s="10">
        <v>19</v>
      </c>
      <c r="D78" s="9">
        <v>37</v>
      </c>
    </row>
    <row r="79" spans="1:4" ht="18" customHeight="1" x14ac:dyDescent="0.15">
      <c r="A79" s="16">
        <v>61</v>
      </c>
      <c r="B79" s="29">
        <v>20</v>
      </c>
      <c r="C79" s="10">
        <v>14</v>
      </c>
      <c r="D79" s="9">
        <v>34</v>
      </c>
    </row>
    <row r="80" spans="1:4" ht="18" customHeight="1" x14ac:dyDescent="0.15">
      <c r="A80" s="16">
        <v>62</v>
      </c>
      <c r="B80" s="29">
        <v>21</v>
      </c>
      <c r="C80" s="10">
        <v>21</v>
      </c>
      <c r="D80" s="9">
        <v>42</v>
      </c>
    </row>
    <row r="81" spans="1:4" ht="18" customHeight="1" x14ac:dyDescent="0.15">
      <c r="A81" s="16">
        <v>63</v>
      </c>
      <c r="B81" s="29">
        <v>17</v>
      </c>
      <c r="C81" s="10">
        <v>15</v>
      </c>
      <c r="D81" s="9">
        <v>32</v>
      </c>
    </row>
    <row r="82" spans="1:4" ht="18" customHeight="1" x14ac:dyDescent="0.15">
      <c r="A82" s="16">
        <v>64</v>
      </c>
      <c r="B82" s="29">
        <v>13</v>
      </c>
      <c r="C82" s="10">
        <v>15</v>
      </c>
      <c r="D82" s="9">
        <v>28</v>
      </c>
    </row>
    <row r="83" spans="1:4" ht="18" customHeight="1" x14ac:dyDescent="0.15">
      <c r="A83" s="8" t="s">
        <v>44</v>
      </c>
      <c r="B83" s="29">
        <v>89</v>
      </c>
      <c r="C83" s="10">
        <v>84</v>
      </c>
      <c r="D83" s="9">
        <v>173</v>
      </c>
    </row>
    <row r="84" spans="1:4" ht="18" customHeight="1" x14ac:dyDescent="0.15">
      <c r="A84" s="8" t="s">
        <v>43</v>
      </c>
      <c r="B84" s="29">
        <v>786</v>
      </c>
      <c r="C84" s="10">
        <v>770</v>
      </c>
      <c r="D84" s="9">
        <v>1556</v>
      </c>
    </row>
    <row r="85" spans="1:4" ht="18" customHeight="1" x14ac:dyDescent="0.15">
      <c r="A85" s="16">
        <v>65</v>
      </c>
      <c r="B85" s="29">
        <v>16</v>
      </c>
      <c r="C85" s="10">
        <v>17</v>
      </c>
      <c r="D85" s="9">
        <v>33</v>
      </c>
    </row>
    <row r="86" spans="1:4" ht="18" customHeight="1" x14ac:dyDescent="0.15">
      <c r="A86" s="16">
        <v>66</v>
      </c>
      <c r="B86" s="29">
        <v>15</v>
      </c>
      <c r="C86" s="10">
        <v>12</v>
      </c>
      <c r="D86" s="9">
        <v>27</v>
      </c>
    </row>
    <row r="87" spans="1:4" ht="18" customHeight="1" x14ac:dyDescent="0.15">
      <c r="A87" s="16">
        <v>67</v>
      </c>
      <c r="B87" s="29">
        <v>11</v>
      </c>
      <c r="C87" s="10">
        <v>17</v>
      </c>
      <c r="D87" s="9">
        <v>28</v>
      </c>
    </row>
    <row r="88" spans="1:4" ht="18" customHeight="1" x14ac:dyDescent="0.15">
      <c r="A88" s="16">
        <v>68</v>
      </c>
      <c r="B88" s="29">
        <v>14</v>
      </c>
      <c r="C88" s="10">
        <v>22</v>
      </c>
      <c r="D88" s="9">
        <v>36</v>
      </c>
    </row>
    <row r="89" spans="1:4" ht="18" customHeight="1" x14ac:dyDescent="0.15">
      <c r="A89" s="16">
        <v>69</v>
      </c>
      <c r="B89" s="29">
        <v>21</v>
      </c>
      <c r="C89" s="10">
        <v>25</v>
      </c>
      <c r="D89" s="9">
        <v>46</v>
      </c>
    </row>
    <row r="90" spans="1:4" ht="18" customHeight="1" x14ac:dyDescent="0.15">
      <c r="A90" s="8" t="s">
        <v>42</v>
      </c>
      <c r="B90" s="29">
        <v>77</v>
      </c>
      <c r="C90" s="10">
        <v>93</v>
      </c>
      <c r="D90" s="9">
        <v>170</v>
      </c>
    </row>
    <row r="91" spans="1:4" ht="18" customHeight="1" x14ac:dyDescent="0.15">
      <c r="A91" s="16">
        <v>70</v>
      </c>
      <c r="B91" s="29">
        <v>22</v>
      </c>
      <c r="C91" s="10">
        <v>29</v>
      </c>
      <c r="D91" s="9">
        <v>51</v>
      </c>
    </row>
    <row r="92" spans="1:4" ht="18" customHeight="1" x14ac:dyDescent="0.15">
      <c r="A92" s="16">
        <v>71</v>
      </c>
      <c r="B92" s="29">
        <v>15</v>
      </c>
      <c r="C92" s="10">
        <v>26</v>
      </c>
      <c r="D92" s="9">
        <v>41</v>
      </c>
    </row>
    <row r="93" spans="1:4" ht="18" customHeight="1" x14ac:dyDescent="0.15">
      <c r="A93" s="16">
        <v>72</v>
      </c>
      <c r="B93" s="29">
        <v>16</v>
      </c>
      <c r="C93" s="10">
        <v>19</v>
      </c>
      <c r="D93" s="9">
        <v>35</v>
      </c>
    </row>
    <row r="94" spans="1:4" ht="18" customHeight="1" x14ac:dyDescent="0.15">
      <c r="A94" s="16">
        <v>73</v>
      </c>
      <c r="B94" s="29">
        <v>17</v>
      </c>
      <c r="C94" s="10">
        <v>28</v>
      </c>
      <c r="D94" s="9">
        <v>45</v>
      </c>
    </row>
    <row r="95" spans="1:4" ht="18" customHeight="1" x14ac:dyDescent="0.15">
      <c r="A95" s="16">
        <v>74</v>
      </c>
      <c r="B95" s="29">
        <v>27</v>
      </c>
      <c r="C95" s="10">
        <v>33</v>
      </c>
      <c r="D95" s="9">
        <v>60</v>
      </c>
    </row>
    <row r="96" spans="1:4" ht="18" customHeight="1" x14ac:dyDescent="0.15">
      <c r="A96" s="8" t="s">
        <v>41</v>
      </c>
      <c r="B96" s="29">
        <v>97</v>
      </c>
      <c r="C96" s="10">
        <v>135</v>
      </c>
      <c r="D96" s="9">
        <v>232</v>
      </c>
    </row>
    <row r="97" spans="1:4" ht="18" customHeight="1" x14ac:dyDescent="0.15">
      <c r="A97" s="16">
        <v>75</v>
      </c>
      <c r="B97" s="29">
        <v>19</v>
      </c>
      <c r="C97" s="10">
        <v>29</v>
      </c>
      <c r="D97" s="9">
        <v>48</v>
      </c>
    </row>
    <row r="98" spans="1:4" ht="18" customHeight="1" x14ac:dyDescent="0.15">
      <c r="A98" s="16">
        <v>76</v>
      </c>
      <c r="B98" s="29">
        <v>18</v>
      </c>
      <c r="C98" s="10">
        <v>22</v>
      </c>
      <c r="D98" s="9">
        <v>40</v>
      </c>
    </row>
    <row r="99" spans="1:4" ht="18" customHeight="1" x14ac:dyDescent="0.15">
      <c r="A99" s="16">
        <v>77</v>
      </c>
      <c r="B99" s="29">
        <v>16</v>
      </c>
      <c r="C99" s="10">
        <v>8</v>
      </c>
      <c r="D99" s="9">
        <v>24</v>
      </c>
    </row>
    <row r="100" spans="1:4" ht="18" customHeight="1" x14ac:dyDescent="0.15">
      <c r="A100" s="16">
        <v>78</v>
      </c>
      <c r="B100" s="29">
        <v>12</v>
      </c>
      <c r="C100" s="10">
        <v>15</v>
      </c>
      <c r="D100" s="9">
        <v>27</v>
      </c>
    </row>
    <row r="101" spans="1:4" ht="18" customHeight="1" x14ac:dyDescent="0.15">
      <c r="A101" s="16">
        <v>79</v>
      </c>
      <c r="B101" s="29">
        <v>19</v>
      </c>
      <c r="C101" s="10">
        <v>19</v>
      </c>
      <c r="D101" s="9">
        <v>38</v>
      </c>
    </row>
    <row r="102" spans="1:4" ht="18" customHeight="1" x14ac:dyDescent="0.15">
      <c r="A102" s="8" t="s">
        <v>40</v>
      </c>
      <c r="B102" s="29">
        <v>84</v>
      </c>
      <c r="C102" s="10">
        <v>93</v>
      </c>
      <c r="D102" s="9">
        <v>177</v>
      </c>
    </row>
    <row r="103" spans="1:4" ht="18" customHeight="1" x14ac:dyDescent="0.15">
      <c r="A103" s="16">
        <v>80</v>
      </c>
      <c r="B103" s="29">
        <v>10</v>
      </c>
      <c r="C103" s="10">
        <v>20</v>
      </c>
      <c r="D103" s="9">
        <v>30</v>
      </c>
    </row>
    <row r="104" spans="1:4" ht="18" customHeight="1" x14ac:dyDescent="0.15">
      <c r="A104" s="16">
        <v>81</v>
      </c>
      <c r="B104" s="29">
        <v>16</v>
      </c>
      <c r="C104" s="10">
        <v>9</v>
      </c>
      <c r="D104" s="9">
        <v>25</v>
      </c>
    </row>
    <row r="105" spans="1:4" ht="18" customHeight="1" x14ac:dyDescent="0.15">
      <c r="A105" s="16">
        <v>82</v>
      </c>
      <c r="B105" s="29">
        <v>12</v>
      </c>
      <c r="C105" s="10">
        <v>17</v>
      </c>
      <c r="D105" s="9">
        <v>29</v>
      </c>
    </row>
    <row r="106" spans="1:4" ht="18" customHeight="1" x14ac:dyDescent="0.15">
      <c r="A106" s="16">
        <v>83</v>
      </c>
      <c r="B106" s="29">
        <v>4</v>
      </c>
      <c r="C106" s="10">
        <v>13</v>
      </c>
      <c r="D106" s="9">
        <v>17</v>
      </c>
    </row>
    <row r="107" spans="1:4" ht="18" customHeight="1" x14ac:dyDescent="0.15">
      <c r="A107" s="16">
        <v>84</v>
      </c>
      <c r="B107" s="29">
        <v>5</v>
      </c>
      <c r="C107" s="10">
        <v>13</v>
      </c>
      <c r="D107" s="9">
        <v>18</v>
      </c>
    </row>
    <row r="108" spans="1:4" ht="18" customHeight="1" x14ac:dyDescent="0.15">
      <c r="A108" s="8" t="s">
        <v>39</v>
      </c>
      <c r="B108" s="29">
        <v>47</v>
      </c>
      <c r="C108" s="10">
        <v>72</v>
      </c>
      <c r="D108" s="9">
        <v>119</v>
      </c>
    </row>
    <row r="109" spans="1:4" ht="18" customHeight="1" x14ac:dyDescent="0.15">
      <c r="A109" s="16">
        <v>85</v>
      </c>
      <c r="B109" s="29">
        <v>8</v>
      </c>
      <c r="C109" s="10">
        <v>15</v>
      </c>
      <c r="D109" s="9">
        <v>23</v>
      </c>
    </row>
    <row r="110" spans="1:4" ht="18" customHeight="1" x14ac:dyDescent="0.15">
      <c r="A110" s="16">
        <v>86</v>
      </c>
      <c r="B110" s="29">
        <v>9</v>
      </c>
      <c r="C110" s="10">
        <v>15</v>
      </c>
      <c r="D110" s="9">
        <v>24</v>
      </c>
    </row>
    <row r="111" spans="1:4" ht="18" customHeight="1" x14ac:dyDescent="0.15">
      <c r="A111" s="16">
        <v>87</v>
      </c>
      <c r="B111" s="29">
        <v>7</v>
      </c>
      <c r="C111" s="10">
        <v>14</v>
      </c>
      <c r="D111" s="9">
        <v>21</v>
      </c>
    </row>
    <row r="112" spans="1:4" ht="18" customHeight="1" x14ac:dyDescent="0.15">
      <c r="A112" s="16">
        <v>88</v>
      </c>
      <c r="B112" s="29">
        <v>6</v>
      </c>
      <c r="C112" s="10">
        <v>14</v>
      </c>
      <c r="D112" s="9">
        <v>20</v>
      </c>
    </row>
    <row r="113" spans="1:4" ht="18" customHeight="1" x14ac:dyDescent="0.15">
      <c r="A113" s="16">
        <v>89</v>
      </c>
      <c r="B113" s="29">
        <v>6</v>
      </c>
      <c r="C113" s="10">
        <v>13</v>
      </c>
      <c r="D113" s="9">
        <v>19</v>
      </c>
    </row>
    <row r="114" spans="1:4" ht="18" customHeight="1" x14ac:dyDescent="0.15">
      <c r="A114" s="8" t="s">
        <v>38</v>
      </c>
      <c r="B114" s="29">
        <v>36</v>
      </c>
      <c r="C114" s="10">
        <v>71</v>
      </c>
      <c r="D114" s="9">
        <v>107</v>
      </c>
    </row>
    <row r="115" spans="1:4" ht="18" customHeight="1" x14ac:dyDescent="0.15">
      <c r="A115" s="16">
        <v>90</v>
      </c>
      <c r="B115" s="29">
        <v>5</v>
      </c>
      <c r="C115" s="10">
        <v>9</v>
      </c>
      <c r="D115" s="9">
        <v>14</v>
      </c>
    </row>
    <row r="116" spans="1:4" ht="18" customHeight="1" x14ac:dyDescent="0.15">
      <c r="A116" s="16">
        <v>91</v>
      </c>
      <c r="B116" s="29">
        <v>3</v>
      </c>
      <c r="C116" s="10">
        <v>14</v>
      </c>
      <c r="D116" s="9">
        <v>17</v>
      </c>
    </row>
    <row r="117" spans="1:4" ht="18" customHeight="1" x14ac:dyDescent="0.15">
      <c r="A117" s="16">
        <v>92</v>
      </c>
      <c r="B117" s="29">
        <v>1</v>
      </c>
      <c r="C117" s="10">
        <v>7</v>
      </c>
      <c r="D117" s="9">
        <v>8</v>
      </c>
    </row>
    <row r="118" spans="1:4" ht="18" customHeight="1" x14ac:dyDescent="0.15">
      <c r="A118" s="16">
        <v>93</v>
      </c>
      <c r="B118" s="29">
        <v>2</v>
      </c>
      <c r="C118" s="10">
        <v>8</v>
      </c>
      <c r="D118" s="9">
        <v>10</v>
      </c>
    </row>
    <row r="119" spans="1:4" ht="18" customHeight="1" x14ac:dyDescent="0.15">
      <c r="A119" s="16">
        <v>94</v>
      </c>
      <c r="B119" s="29">
        <v>2</v>
      </c>
      <c r="C119" s="10">
        <v>6</v>
      </c>
      <c r="D119" s="9">
        <v>8</v>
      </c>
    </row>
    <row r="120" spans="1:4" ht="18" customHeight="1" x14ac:dyDescent="0.15">
      <c r="A120" s="8" t="s">
        <v>5</v>
      </c>
      <c r="B120" s="29">
        <v>13</v>
      </c>
      <c r="C120" s="10">
        <v>44</v>
      </c>
      <c r="D120" s="9">
        <v>57</v>
      </c>
    </row>
    <row r="121" spans="1:4" ht="18" customHeight="1" x14ac:dyDescent="0.15">
      <c r="A121" s="16">
        <v>95</v>
      </c>
      <c r="B121" s="29">
        <v>3</v>
      </c>
      <c r="C121" s="10">
        <v>3</v>
      </c>
      <c r="D121" s="9">
        <v>6</v>
      </c>
    </row>
    <row r="122" spans="1:4" ht="18" customHeight="1" x14ac:dyDescent="0.15">
      <c r="A122" s="16">
        <v>96</v>
      </c>
      <c r="B122" s="29">
        <v>1</v>
      </c>
      <c r="C122" s="10">
        <v>8</v>
      </c>
      <c r="D122" s="9">
        <v>9</v>
      </c>
    </row>
    <row r="123" spans="1:4" ht="18" customHeight="1" x14ac:dyDescent="0.15">
      <c r="A123" s="16">
        <v>97</v>
      </c>
      <c r="B123" s="29">
        <v>0</v>
      </c>
      <c r="C123" s="10">
        <v>3</v>
      </c>
      <c r="D123" s="9">
        <v>3</v>
      </c>
    </row>
    <row r="124" spans="1:4" ht="18" customHeight="1" x14ac:dyDescent="0.15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4</v>
      </c>
      <c r="B126" s="29">
        <v>4</v>
      </c>
      <c r="C126" s="10">
        <v>18</v>
      </c>
      <c r="D126" s="9">
        <v>22</v>
      </c>
    </row>
    <row r="127" spans="1:4" ht="18" customHeight="1" x14ac:dyDescent="0.15">
      <c r="A127" s="16">
        <v>100</v>
      </c>
      <c r="B127" s="29">
        <v>2</v>
      </c>
      <c r="C127" s="10">
        <v>2</v>
      </c>
      <c r="D127" s="9">
        <v>4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2</v>
      </c>
      <c r="C129" s="10">
        <v>4</v>
      </c>
      <c r="D129" s="9">
        <v>6</v>
      </c>
    </row>
    <row r="130" spans="1:4" ht="18" customHeight="1" x14ac:dyDescent="0.15">
      <c r="A130" s="8" t="s">
        <v>35</v>
      </c>
      <c r="B130" s="28">
        <v>360</v>
      </c>
      <c r="C130" s="6">
        <v>530</v>
      </c>
      <c r="D130" s="5">
        <v>890</v>
      </c>
    </row>
    <row r="131" spans="1:4" ht="18" customHeight="1" x14ac:dyDescent="0.15">
      <c r="A131" s="4" t="s">
        <v>0</v>
      </c>
      <c r="B131" s="27">
        <v>1283</v>
      </c>
      <c r="C131" s="2">
        <v>1443</v>
      </c>
      <c r="D131" s="1">
        <v>27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8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3</v>
      </c>
      <c r="C5" s="18">
        <v>12</v>
      </c>
      <c r="D5" s="17">
        <v>25</v>
      </c>
    </row>
    <row r="6" spans="1:4" ht="18" customHeight="1" x14ac:dyDescent="0.15">
      <c r="A6" s="16">
        <v>1</v>
      </c>
      <c r="B6" s="29">
        <v>8</v>
      </c>
      <c r="C6" s="10">
        <v>12</v>
      </c>
      <c r="D6" s="9">
        <v>20</v>
      </c>
    </row>
    <row r="7" spans="1:4" ht="18" customHeight="1" x14ac:dyDescent="0.15">
      <c r="A7" s="16">
        <v>2</v>
      </c>
      <c r="B7" s="29">
        <v>11</v>
      </c>
      <c r="C7" s="10">
        <v>19</v>
      </c>
      <c r="D7" s="9">
        <v>30</v>
      </c>
    </row>
    <row r="8" spans="1:4" ht="18" customHeight="1" x14ac:dyDescent="0.15">
      <c r="A8" s="16">
        <v>3</v>
      </c>
      <c r="B8" s="29">
        <v>9</v>
      </c>
      <c r="C8" s="10">
        <v>14</v>
      </c>
      <c r="D8" s="9">
        <v>23</v>
      </c>
    </row>
    <row r="9" spans="1:4" ht="18" customHeight="1" x14ac:dyDescent="0.15">
      <c r="A9" s="16">
        <v>4</v>
      </c>
      <c r="B9" s="29">
        <v>18</v>
      </c>
      <c r="C9" s="10">
        <v>12</v>
      </c>
      <c r="D9" s="9">
        <v>30</v>
      </c>
    </row>
    <row r="10" spans="1:4" ht="18" customHeight="1" x14ac:dyDescent="0.15">
      <c r="A10" s="8" t="s">
        <v>76</v>
      </c>
      <c r="B10" s="29">
        <v>59</v>
      </c>
      <c r="C10" s="10">
        <v>69</v>
      </c>
      <c r="D10" s="9">
        <v>128</v>
      </c>
    </row>
    <row r="11" spans="1:4" ht="18" customHeight="1" x14ac:dyDescent="0.15">
      <c r="A11" s="16">
        <v>5</v>
      </c>
      <c r="B11" s="29">
        <v>11</v>
      </c>
      <c r="C11" s="10">
        <v>19</v>
      </c>
      <c r="D11" s="9">
        <v>30</v>
      </c>
    </row>
    <row r="12" spans="1:4" ht="18" customHeight="1" x14ac:dyDescent="0.15">
      <c r="A12" s="16">
        <v>6</v>
      </c>
      <c r="B12" s="29">
        <v>18</v>
      </c>
      <c r="C12" s="10">
        <v>9</v>
      </c>
      <c r="D12" s="9">
        <v>27</v>
      </c>
    </row>
    <row r="13" spans="1:4" ht="18" customHeight="1" x14ac:dyDescent="0.15">
      <c r="A13" s="16">
        <v>7</v>
      </c>
      <c r="B13" s="29">
        <v>11</v>
      </c>
      <c r="C13" s="10">
        <v>11</v>
      </c>
      <c r="D13" s="9">
        <v>22</v>
      </c>
    </row>
    <row r="14" spans="1:4" ht="18" customHeight="1" x14ac:dyDescent="0.15">
      <c r="A14" s="16">
        <v>8</v>
      </c>
      <c r="B14" s="29">
        <v>13</v>
      </c>
      <c r="C14" s="10">
        <v>12</v>
      </c>
      <c r="D14" s="9">
        <v>25</v>
      </c>
    </row>
    <row r="15" spans="1:4" ht="18" customHeight="1" x14ac:dyDescent="0.15">
      <c r="A15" s="16">
        <v>9</v>
      </c>
      <c r="B15" s="29">
        <v>12</v>
      </c>
      <c r="C15" s="10">
        <v>17</v>
      </c>
      <c r="D15" s="9">
        <v>29</v>
      </c>
    </row>
    <row r="16" spans="1:4" ht="18" customHeight="1" x14ac:dyDescent="0.15">
      <c r="A16" s="8" t="s">
        <v>50</v>
      </c>
      <c r="B16" s="29">
        <v>65</v>
      </c>
      <c r="C16" s="10">
        <v>68</v>
      </c>
      <c r="D16" s="9">
        <v>133</v>
      </c>
    </row>
    <row r="17" spans="1:4" ht="18" customHeight="1" x14ac:dyDescent="0.15">
      <c r="A17" s="16">
        <v>10</v>
      </c>
      <c r="B17" s="29">
        <v>17</v>
      </c>
      <c r="C17" s="10">
        <v>12</v>
      </c>
      <c r="D17" s="9">
        <v>29</v>
      </c>
    </row>
    <row r="18" spans="1:4" ht="18" customHeight="1" x14ac:dyDescent="0.15">
      <c r="A18" s="16">
        <v>11</v>
      </c>
      <c r="B18" s="29">
        <v>14</v>
      </c>
      <c r="C18" s="10">
        <v>15</v>
      </c>
      <c r="D18" s="9">
        <v>29</v>
      </c>
    </row>
    <row r="19" spans="1:4" ht="18" customHeight="1" x14ac:dyDescent="0.15">
      <c r="A19" s="16">
        <v>12</v>
      </c>
      <c r="B19" s="29">
        <v>17</v>
      </c>
      <c r="C19" s="10">
        <v>14</v>
      </c>
      <c r="D19" s="9">
        <v>31</v>
      </c>
    </row>
    <row r="20" spans="1:4" ht="18" customHeight="1" x14ac:dyDescent="0.15">
      <c r="A20" s="16">
        <v>13</v>
      </c>
      <c r="B20" s="29">
        <v>15</v>
      </c>
      <c r="C20" s="10">
        <v>13</v>
      </c>
      <c r="D20" s="9">
        <v>28</v>
      </c>
    </row>
    <row r="21" spans="1:4" ht="18" customHeight="1" x14ac:dyDescent="0.15">
      <c r="A21" s="16">
        <v>14</v>
      </c>
      <c r="B21" s="29">
        <v>15</v>
      </c>
      <c r="C21" s="10">
        <v>9</v>
      </c>
      <c r="D21" s="9">
        <v>24</v>
      </c>
    </row>
    <row r="22" spans="1:4" ht="18" customHeight="1" x14ac:dyDescent="0.15">
      <c r="A22" s="8" t="s">
        <v>75</v>
      </c>
      <c r="B22" s="29">
        <v>78</v>
      </c>
      <c r="C22" s="10">
        <v>63</v>
      </c>
      <c r="D22" s="9">
        <v>141</v>
      </c>
    </row>
    <row r="23" spans="1:4" ht="18" customHeight="1" x14ac:dyDescent="0.15">
      <c r="A23" s="8" t="s">
        <v>65</v>
      </c>
      <c r="B23" s="29">
        <v>202</v>
      </c>
      <c r="C23" s="10">
        <v>200</v>
      </c>
      <c r="D23" s="9">
        <v>402</v>
      </c>
    </row>
    <row r="24" spans="1:4" ht="18" customHeight="1" x14ac:dyDescent="0.15">
      <c r="A24" s="16">
        <v>15</v>
      </c>
      <c r="B24" s="29">
        <v>14</v>
      </c>
      <c r="C24" s="10">
        <v>20</v>
      </c>
      <c r="D24" s="9">
        <v>34</v>
      </c>
    </row>
    <row r="25" spans="1:4" ht="18" customHeight="1" x14ac:dyDescent="0.15">
      <c r="A25" s="16">
        <v>16</v>
      </c>
      <c r="B25" s="29">
        <v>12</v>
      </c>
      <c r="C25" s="10">
        <v>20</v>
      </c>
      <c r="D25" s="9">
        <v>32</v>
      </c>
    </row>
    <row r="26" spans="1:4" ht="18" customHeight="1" x14ac:dyDescent="0.15">
      <c r="A26" s="16">
        <v>17</v>
      </c>
      <c r="B26" s="29">
        <v>13</v>
      </c>
      <c r="C26" s="10">
        <v>11</v>
      </c>
      <c r="D26" s="9">
        <v>24</v>
      </c>
    </row>
    <row r="27" spans="1:4" ht="18" customHeight="1" x14ac:dyDescent="0.15">
      <c r="A27" s="16">
        <v>18</v>
      </c>
      <c r="B27" s="29">
        <v>11</v>
      </c>
      <c r="C27" s="10">
        <v>14</v>
      </c>
      <c r="D27" s="9">
        <v>25</v>
      </c>
    </row>
    <row r="28" spans="1:4" ht="18" customHeight="1" x14ac:dyDescent="0.15">
      <c r="A28" s="16">
        <v>19</v>
      </c>
      <c r="B28" s="29">
        <v>20</v>
      </c>
      <c r="C28" s="10">
        <v>13</v>
      </c>
      <c r="D28" s="9">
        <v>33</v>
      </c>
    </row>
    <row r="29" spans="1:4" ht="18" customHeight="1" x14ac:dyDescent="0.15">
      <c r="A29" s="8" t="s">
        <v>180</v>
      </c>
      <c r="B29" s="29">
        <v>70</v>
      </c>
      <c r="C29" s="10">
        <v>78</v>
      </c>
      <c r="D29" s="9">
        <v>148</v>
      </c>
    </row>
    <row r="30" spans="1:4" ht="18" customHeight="1" x14ac:dyDescent="0.15">
      <c r="A30" s="16">
        <v>20</v>
      </c>
      <c r="B30" s="29">
        <v>17</v>
      </c>
      <c r="C30" s="10">
        <v>18</v>
      </c>
      <c r="D30" s="9">
        <v>35</v>
      </c>
    </row>
    <row r="31" spans="1:4" ht="18" customHeight="1" x14ac:dyDescent="0.15">
      <c r="A31" s="16">
        <v>21</v>
      </c>
      <c r="B31" s="29">
        <v>24</v>
      </c>
      <c r="C31" s="10">
        <v>14</v>
      </c>
      <c r="D31" s="9">
        <v>38</v>
      </c>
    </row>
    <row r="32" spans="1:4" ht="18" customHeight="1" x14ac:dyDescent="0.15">
      <c r="A32" s="16">
        <v>22</v>
      </c>
      <c r="B32" s="29">
        <v>17</v>
      </c>
      <c r="C32" s="10">
        <v>14</v>
      </c>
      <c r="D32" s="9">
        <v>31</v>
      </c>
    </row>
    <row r="33" spans="1:4" ht="18" customHeight="1" x14ac:dyDescent="0.15">
      <c r="A33" s="16">
        <v>23</v>
      </c>
      <c r="B33" s="29">
        <v>22</v>
      </c>
      <c r="C33" s="10">
        <v>23</v>
      </c>
      <c r="D33" s="9">
        <v>45</v>
      </c>
    </row>
    <row r="34" spans="1:4" ht="18" customHeight="1" x14ac:dyDescent="0.15">
      <c r="A34" s="16">
        <v>24</v>
      </c>
      <c r="B34" s="29">
        <v>16</v>
      </c>
      <c r="C34" s="10">
        <v>20</v>
      </c>
      <c r="D34" s="9">
        <v>36</v>
      </c>
    </row>
    <row r="35" spans="1:4" ht="18" customHeight="1" x14ac:dyDescent="0.15">
      <c r="A35" s="8" t="s">
        <v>74</v>
      </c>
      <c r="B35" s="29">
        <v>96</v>
      </c>
      <c r="C35" s="10">
        <v>89</v>
      </c>
      <c r="D35" s="9">
        <v>185</v>
      </c>
    </row>
    <row r="36" spans="1:4" ht="18" customHeight="1" x14ac:dyDescent="0.15">
      <c r="A36" s="16">
        <v>25</v>
      </c>
      <c r="B36" s="29">
        <v>24</v>
      </c>
      <c r="C36" s="10">
        <v>20</v>
      </c>
      <c r="D36" s="9">
        <v>44</v>
      </c>
    </row>
    <row r="37" spans="1:4" ht="18" customHeight="1" x14ac:dyDescent="0.15">
      <c r="A37" s="16">
        <v>26</v>
      </c>
      <c r="B37" s="29">
        <v>20</v>
      </c>
      <c r="C37" s="10">
        <v>16</v>
      </c>
      <c r="D37" s="9">
        <v>36</v>
      </c>
    </row>
    <row r="38" spans="1:4" ht="18" customHeight="1" x14ac:dyDescent="0.15">
      <c r="A38" s="16">
        <v>27</v>
      </c>
      <c r="B38" s="29">
        <v>21</v>
      </c>
      <c r="C38" s="10">
        <v>20</v>
      </c>
      <c r="D38" s="9">
        <v>41</v>
      </c>
    </row>
    <row r="39" spans="1:4" ht="18" customHeight="1" x14ac:dyDescent="0.15">
      <c r="A39" s="16">
        <v>28</v>
      </c>
      <c r="B39" s="29">
        <v>18</v>
      </c>
      <c r="C39" s="10">
        <v>30</v>
      </c>
      <c r="D39" s="9">
        <v>48</v>
      </c>
    </row>
    <row r="40" spans="1:4" ht="18" customHeight="1" x14ac:dyDescent="0.15">
      <c r="A40" s="16">
        <v>29</v>
      </c>
      <c r="B40" s="29">
        <v>17</v>
      </c>
      <c r="C40" s="10">
        <v>16</v>
      </c>
      <c r="D40" s="9">
        <v>33</v>
      </c>
    </row>
    <row r="41" spans="1:4" ht="18" customHeight="1" x14ac:dyDescent="0.15">
      <c r="A41" s="8" t="s">
        <v>73</v>
      </c>
      <c r="B41" s="29">
        <v>100</v>
      </c>
      <c r="C41" s="10">
        <v>102</v>
      </c>
      <c r="D41" s="9">
        <v>202</v>
      </c>
    </row>
    <row r="42" spans="1:4" ht="18" customHeight="1" x14ac:dyDescent="0.15">
      <c r="A42" s="16">
        <v>30</v>
      </c>
      <c r="B42" s="29">
        <v>11</v>
      </c>
      <c r="C42" s="10">
        <v>18</v>
      </c>
      <c r="D42" s="9">
        <v>29</v>
      </c>
    </row>
    <row r="43" spans="1:4" ht="18" customHeight="1" x14ac:dyDescent="0.15">
      <c r="A43" s="16">
        <v>31</v>
      </c>
      <c r="B43" s="29">
        <v>23</v>
      </c>
      <c r="C43" s="10">
        <v>13</v>
      </c>
      <c r="D43" s="9">
        <v>36</v>
      </c>
    </row>
    <row r="44" spans="1:4" ht="18" customHeight="1" x14ac:dyDescent="0.15">
      <c r="A44" s="16">
        <v>32</v>
      </c>
      <c r="B44" s="29">
        <v>15</v>
      </c>
      <c r="C44" s="10">
        <v>20</v>
      </c>
      <c r="D44" s="9">
        <v>35</v>
      </c>
    </row>
    <row r="45" spans="1:4" ht="18" customHeight="1" x14ac:dyDescent="0.15">
      <c r="A45" s="16">
        <v>33</v>
      </c>
      <c r="B45" s="29">
        <v>23</v>
      </c>
      <c r="C45" s="10">
        <v>16</v>
      </c>
      <c r="D45" s="9">
        <v>39</v>
      </c>
    </row>
    <row r="46" spans="1:4" ht="18" customHeight="1" x14ac:dyDescent="0.15">
      <c r="A46" s="16">
        <v>34</v>
      </c>
      <c r="B46" s="29">
        <v>19</v>
      </c>
      <c r="C46" s="10">
        <v>15</v>
      </c>
      <c r="D46" s="9">
        <v>34</v>
      </c>
    </row>
    <row r="47" spans="1:4" ht="18" customHeight="1" x14ac:dyDescent="0.15">
      <c r="A47" s="8" t="s">
        <v>61</v>
      </c>
      <c r="B47" s="29">
        <v>91</v>
      </c>
      <c r="C47" s="10">
        <v>82</v>
      </c>
      <c r="D47" s="9">
        <v>173</v>
      </c>
    </row>
    <row r="48" spans="1:4" ht="18" customHeight="1" x14ac:dyDescent="0.15">
      <c r="A48" s="16">
        <v>35</v>
      </c>
      <c r="B48" s="29">
        <v>26</v>
      </c>
      <c r="C48" s="10">
        <v>14</v>
      </c>
      <c r="D48" s="9">
        <v>40</v>
      </c>
    </row>
    <row r="49" spans="1:4" ht="18" customHeight="1" x14ac:dyDescent="0.15">
      <c r="A49" s="16">
        <v>36</v>
      </c>
      <c r="B49" s="29">
        <v>24</v>
      </c>
      <c r="C49" s="10">
        <v>23</v>
      </c>
      <c r="D49" s="9">
        <v>47</v>
      </c>
    </row>
    <row r="50" spans="1:4" ht="18" customHeight="1" x14ac:dyDescent="0.15">
      <c r="A50" s="16">
        <v>37</v>
      </c>
      <c r="B50" s="29">
        <v>28</v>
      </c>
      <c r="C50" s="10">
        <v>14</v>
      </c>
      <c r="D50" s="9">
        <v>42</v>
      </c>
    </row>
    <row r="51" spans="1:4" ht="18" customHeight="1" x14ac:dyDescent="0.15">
      <c r="A51" s="16">
        <v>38</v>
      </c>
      <c r="B51" s="29">
        <v>17</v>
      </c>
      <c r="C51" s="10">
        <v>21</v>
      </c>
      <c r="D51" s="9">
        <v>38</v>
      </c>
    </row>
    <row r="52" spans="1:4" ht="18" customHeight="1" x14ac:dyDescent="0.15">
      <c r="A52" s="16">
        <v>39</v>
      </c>
      <c r="B52" s="29">
        <v>19</v>
      </c>
      <c r="C52" s="10">
        <v>24</v>
      </c>
      <c r="D52" s="9">
        <v>43</v>
      </c>
    </row>
    <row r="53" spans="1:4" ht="18" customHeight="1" x14ac:dyDescent="0.15">
      <c r="A53" s="8" t="s">
        <v>72</v>
      </c>
      <c r="B53" s="29">
        <v>114</v>
      </c>
      <c r="C53" s="10">
        <v>96</v>
      </c>
      <c r="D53" s="9">
        <v>210</v>
      </c>
    </row>
    <row r="54" spans="1:4" ht="18" customHeight="1" x14ac:dyDescent="0.15">
      <c r="A54" s="16">
        <v>40</v>
      </c>
      <c r="B54" s="29">
        <v>15</v>
      </c>
      <c r="C54" s="10">
        <v>22</v>
      </c>
      <c r="D54" s="9">
        <v>37</v>
      </c>
    </row>
    <row r="55" spans="1:4" ht="18" customHeight="1" x14ac:dyDescent="0.15">
      <c r="A55" s="16">
        <v>41</v>
      </c>
      <c r="B55" s="29">
        <v>22</v>
      </c>
      <c r="C55" s="10">
        <v>15</v>
      </c>
      <c r="D55" s="9">
        <v>37</v>
      </c>
    </row>
    <row r="56" spans="1:4" ht="18" customHeight="1" x14ac:dyDescent="0.15">
      <c r="A56" s="16">
        <v>42</v>
      </c>
      <c r="B56" s="29">
        <v>15</v>
      </c>
      <c r="C56" s="10">
        <v>21</v>
      </c>
      <c r="D56" s="9">
        <v>36</v>
      </c>
    </row>
    <row r="57" spans="1:4" ht="18" customHeight="1" x14ac:dyDescent="0.15">
      <c r="A57" s="16">
        <v>43</v>
      </c>
      <c r="B57" s="29">
        <v>22</v>
      </c>
      <c r="C57" s="10">
        <v>32</v>
      </c>
      <c r="D57" s="9">
        <v>54</v>
      </c>
    </row>
    <row r="58" spans="1:4" ht="18" customHeight="1" x14ac:dyDescent="0.15">
      <c r="A58" s="16">
        <v>44</v>
      </c>
      <c r="B58" s="29">
        <v>24</v>
      </c>
      <c r="C58" s="10">
        <v>26</v>
      </c>
      <c r="D58" s="9">
        <v>50</v>
      </c>
    </row>
    <row r="59" spans="1:4" ht="18" customHeight="1" x14ac:dyDescent="0.15">
      <c r="A59" s="8" t="s">
        <v>46</v>
      </c>
      <c r="B59" s="29">
        <v>98</v>
      </c>
      <c r="C59" s="10">
        <v>116</v>
      </c>
      <c r="D59" s="9">
        <v>214</v>
      </c>
    </row>
    <row r="60" spans="1:4" ht="18" customHeight="1" x14ac:dyDescent="0.15">
      <c r="A60" s="16">
        <v>45</v>
      </c>
      <c r="B60" s="29">
        <v>31</v>
      </c>
      <c r="C60" s="10">
        <v>23</v>
      </c>
      <c r="D60" s="9">
        <v>54</v>
      </c>
    </row>
    <row r="61" spans="1:4" ht="18" customHeight="1" x14ac:dyDescent="0.15">
      <c r="A61" s="16">
        <v>46</v>
      </c>
      <c r="B61" s="29">
        <v>29</v>
      </c>
      <c r="C61" s="10">
        <v>21</v>
      </c>
      <c r="D61" s="9">
        <v>50</v>
      </c>
    </row>
    <row r="62" spans="1:4" ht="18" customHeight="1" x14ac:dyDescent="0.15">
      <c r="A62" s="16">
        <v>47</v>
      </c>
      <c r="B62" s="29">
        <v>33</v>
      </c>
      <c r="C62" s="10">
        <v>27</v>
      </c>
      <c r="D62" s="9">
        <v>60</v>
      </c>
    </row>
    <row r="63" spans="1:4" ht="18" customHeight="1" x14ac:dyDescent="0.15">
      <c r="A63" s="16">
        <v>48</v>
      </c>
      <c r="B63" s="29">
        <v>36</v>
      </c>
      <c r="C63" s="10">
        <v>29</v>
      </c>
      <c r="D63" s="9">
        <v>65</v>
      </c>
    </row>
    <row r="64" spans="1:4" ht="18" customHeight="1" x14ac:dyDescent="0.15">
      <c r="A64" s="16">
        <v>49</v>
      </c>
      <c r="B64" s="29">
        <v>37</v>
      </c>
      <c r="C64" s="10">
        <v>31</v>
      </c>
      <c r="D64" s="9">
        <v>68</v>
      </c>
    </row>
    <row r="65" spans="1:4" ht="18" customHeight="1" x14ac:dyDescent="0.15">
      <c r="A65" s="8" t="s">
        <v>45</v>
      </c>
      <c r="B65" s="29">
        <v>166</v>
      </c>
      <c r="C65" s="10">
        <v>131</v>
      </c>
      <c r="D65" s="9">
        <v>297</v>
      </c>
    </row>
    <row r="66" spans="1:4" ht="18" customHeight="1" x14ac:dyDescent="0.15">
      <c r="A66" s="16">
        <v>50</v>
      </c>
      <c r="B66" s="29">
        <v>36</v>
      </c>
      <c r="C66" s="10">
        <v>23</v>
      </c>
      <c r="D66" s="9">
        <v>59</v>
      </c>
    </row>
    <row r="67" spans="1:4" ht="18" customHeight="1" x14ac:dyDescent="0.15">
      <c r="A67" s="16">
        <v>51</v>
      </c>
      <c r="B67" s="29">
        <v>32</v>
      </c>
      <c r="C67" s="10">
        <v>26</v>
      </c>
      <c r="D67" s="9">
        <v>58</v>
      </c>
    </row>
    <row r="68" spans="1:4" ht="18" customHeight="1" x14ac:dyDescent="0.15">
      <c r="A68" s="16">
        <v>52</v>
      </c>
      <c r="B68" s="29">
        <v>22</v>
      </c>
      <c r="C68" s="10">
        <v>21</v>
      </c>
      <c r="D68" s="9">
        <v>43</v>
      </c>
    </row>
    <row r="69" spans="1:4" ht="18" customHeight="1" x14ac:dyDescent="0.15">
      <c r="A69" s="16">
        <v>53</v>
      </c>
      <c r="B69" s="29">
        <v>29</v>
      </c>
      <c r="C69" s="10">
        <v>38</v>
      </c>
      <c r="D69" s="9">
        <v>67</v>
      </c>
    </row>
    <row r="70" spans="1:4" ht="18" customHeight="1" x14ac:dyDescent="0.15">
      <c r="A70" s="16">
        <v>54</v>
      </c>
      <c r="B70" s="29">
        <v>33</v>
      </c>
      <c r="C70" s="10">
        <v>28</v>
      </c>
      <c r="D70" s="9">
        <v>61</v>
      </c>
    </row>
    <row r="71" spans="1:4" ht="18" customHeight="1" x14ac:dyDescent="0.15">
      <c r="A71" s="8" t="s">
        <v>179</v>
      </c>
      <c r="B71" s="29">
        <v>152</v>
      </c>
      <c r="C71" s="10">
        <v>136</v>
      </c>
      <c r="D71" s="9">
        <v>288</v>
      </c>
    </row>
    <row r="72" spans="1:4" ht="18" customHeight="1" x14ac:dyDescent="0.15">
      <c r="A72" s="16">
        <v>55</v>
      </c>
      <c r="B72" s="29">
        <v>34</v>
      </c>
      <c r="C72" s="10">
        <v>31</v>
      </c>
      <c r="D72" s="9">
        <v>65</v>
      </c>
    </row>
    <row r="73" spans="1:4" ht="18" customHeight="1" x14ac:dyDescent="0.15">
      <c r="A73" s="16">
        <v>56</v>
      </c>
      <c r="B73" s="29">
        <v>24</v>
      </c>
      <c r="C73" s="10">
        <v>26</v>
      </c>
      <c r="D73" s="9">
        <v>50</v>
      </c>
    </row>
    <row r="74" spans="1:4" ht="18" customHeight="1" x14ac:dyDescent="0.15">
      <c r="A74" s="16">
        <v>57</v>
      </c>
      <c r="B74" s="29">
        <v>24</v>
      </c>
      <c r="C74" s="10">
        <v>26</v>
      </c>
      <c r="D74" s="9">
        <v>50</v>
      </c>
    </row>
    <row r="75" spans="1:4" ht="18" customHeight="1" x14ac:dyDescent="0.15">
      <c r="A75" s="16">
        <v>58</v>
      </c>
      <c r="B75" s="29">
        <v>39</v>
      </c>
      <c r="C75" s="10">
        <v>26</v>
      </c>
      <c r="D75" s="9">
        <v>65</v>
      </c>
    </row>
    <row r="76" spans="1:4" ht="18" customHeight="1" x14ac:dyDescent="0.15">
      <c r="A76" s="16">
        <v>59</v>
      </c>
      <c r="B76" s="29">
        <v>30</v>
      </c>
      <c r="C76" s="10">
        <v>32</v>
      </c>
      <c r="D76" s="9">
        <v>62</v>
      </c>
    </row>
    <row r="77" spans="1:4" ht="18" customHeight="1" x14ac:dyDescent="0.15">
      <c r="A77" s="8" t="s">
        <v>178</v>
      </c>
      <c r="B77" s="29">
        <v>151</v>
      </c>
      <c r="C77" s="10">
        <v>141</v>
      </c>
      <c r="D77" s="9">
        <v>292</v>
      </c>
    </row>
    <row r="78" spans="1:4" ht="18" customHeight="1" x14ac:dyDescent="0.15">
      <c r="A78" s="16">
        <v>60</v>
      </c>
      <c r="B78" s="29">
        <v>21</v>
      </c>
      <c r="C78" s="10">
        <v>23</v>
      </c>
      <c r="D78" s="9">
        <v>44</v>
      </c>
    </row>
    <row r="79" spans="1:4" ht="18" customHeight="1" x14ac:dyDescent="0.15">
      <c r="A79" s="16">
        <v>61</v>
      </c>
      <c r="B79" s="29">
        <v>24</v>
      </c>
      <c r="C79" s="10">
        <v>28</v>
      </c>
      <c r="D79" s="9">
        <v>52</v>
      </c>
    </row>
    <row r="80" spans="1:4" ht="18" customHeight="1" x14ac:dyDescent="0.15">
      <c r="A80" s="16">
        <v>62</v>
      </c>
      <c r="B80" s="29">
        <v>24</v>
      </c>
      <c r="C80" s="10">
        <v>19</v>
      </c>
      <c r="D80" s="9">
        <v>43</v>
      </c>
    </row>
    <row r="81" spans="1:4" ht="18" customHeight="1" x14ac:dyDescent="0.15">
      <c r="A81" s="16">
        <v>63</v>
      </c>
      <c r="B81" s="29">
        <v>32</v>
      </c>
      <c r="C81" s="10">
        <v>28</v>
      </c>
      <c r="D81" s="9">
        <v>60</v>
      </c>
    </row>
    <row r="82" spans="1:4" ht="18" customHeight="1" x14ac:dyDescent="0.15">
      <c r="A82" s="16">
        <v>64</v>
      </c>
      <c r="B82" s="29">
        <v>22</v>
      </c>
      <c r="C82" s="10">
        <v>26</v>
      </c>
      <c r="D82" s="9">
        <v>48</v>
      </c>
    </row>
    <row r="83" spans="1:4" ht="18" customHeight="1" x14ac:dyDescent="0.15">
      <c r="A83" s="8" t="s">
        <v>44</v>
      </c>
      <c r="B83" s="29">
        <v>123</v>
      </c>
      <c r="C83" s="10">
        <v>124</v>
      </c>
      <c r="D83" s="9">
        <v>247</v>
      </c>
    </row>
    <row r="84" spans="1:4" ht="18" customHeight="1" x14ac:dyDescent="0.15">
      <c r="A84" s="8" t="s">
        <v>43</v>
      </c>
      <c r="B84" s="29">
        <v>1161</v>
      </c>
      <c r="C84" s="10">
        <v>1095</v>
      </c>
      <c r="D84" s="9">
        <v>2256</v>
      </c>
    </row>
    <row r="85" spans="1:4" ht="18" customHeight="1" x14ac:dyDescent="0.15">
      <c r="A85" s="16">
        <v>65</v>
      </c>
      <c r="B85" s="29">
        <v>18</v>
      </c>
      <c r="C85" s="10">
        <v>21</v>
      </c>
      <c r="D85" s="9">
        <v>39</v>
      </c>
    </row>
    <row r="86" spans="1:4" ht="18" customHeight="1" x14ac:dyDescent="0.15">
      <c r="A86" s="16">
        <v>66</v>
      </c>
      <c r="B86" s="29">
        <v>18</v>
      </c>
      <c r="C86" s="10">
        <v>30</v>
      </c>
      <c r="D86" s="9">
        <v>48</v>
      </c>
    </row>
    <row r="87" spans="1:4" ht="18" customHeight="1" x14ac:dyDescent="0.15">
      <c r="A87" s="16">
        <v>67</v>
      </c>
      <c r="B87" s="29">
        <v>31</v>
      </c>
      <c r="C87" s="10">
        <v>19</v>
      </c>
      <c r="D87" s="9">
        <v>50</v>
      </c>
    </row>
    <row r="88" spans="1:4" ht="18" customHeight="1" x14ac:dyDescent="0.15">
      <c r="A88" s="16">
        <v>68</v>
      </c>
      <c r="B88" s="29">
        <v>26</v>
      </c>
      <c r="C88" s="10">
        <v>22</v>
      </c>
      <c r="D88" s="9">
        <v>48</v>
      </c>
    </row>
    <row r="89" spans="1:4" ht="18" customHeight="1" x14ac:dyDescent="0.15">
      <c r="A89" s="16">
        <v>69</v>
      </c>
      <c r="B89" s="29">
        <v>27</v>
      </c>
      <c r="C89" s="10">
        <v>29</v>
      </c>
      <c r="D89" s="9">
        <v>56</v>
      </c>
    </row>
    <row r="90" spans="1:4" ht="18" customHeight="1" x14ac:dyDescent="0.15">
      <c r="A90" s="8" t="s">
        <v>42</v>
      </c>
      <c r="B90" s="29">
        <v>120</v>
      </c>
      <c r="C90" s="10">
        <v>121</v>
      </c>
      <c r="D90" s="9">
        <v>241</v>
      </c>
    </row>
    <row r="91" spans="1:4" ht="18" customHeight="1" x14ac:dyDescent="0.15">
      <c r="A91" s="16">
        <v>70</v>
      </c>
      <c r="B91" s="29">
        <v>28</v>
      </c>
      <c r="C91" s="10">
        <v>34</v>
      </c>
      <c r="D91" s="9">
        <v>62</v>
      </c>
    </row>
    <row r="92" spans="1:4" ht="18" customHeight="1" x14ac:dyDescent="0.15">
      <c r="A92" s="16">
        <v>71</v>
      </c>
      <c r="B92" s="29">
        <v>38</v>
      </c>
      <c r="C92" s="10">
        <v>36</v>
      </c>
      <c r="D92" s="9">
        <v>74</v>
      </c>
    </row>
    <row r="93" spans="1:4" ht="18" customHeight="1" x14ac:dyDescent="0.15">
      <c r="A93" s="16">
        <v>72</v>
      </c>
      <c r="B93" s="29">
        <v>29</v>
      </c>
      <c r="C93" s="10">
        <v>37</v>
      </c>
      <c r="D93" s="9">
        <v>66</v>
      </c>
    </row>
    <row r="94" spans="1:4" ht="18" customHeight="1" x14ac:dyDescent="0.15">
      <c r="A94" s="16">
        <v>73</v>
      </c>
      <c r="B94" s="29">
        <v>34</v>
      </c>
      <c r="C94" s="10">
        <v>28</v>
      </c>
      <c r="D94" s="9">
        <v>62</v>
      </c>
    </row>
    <row r="95" spans="1:4" ht="18" customHeight="1" x14ac:dyDescent="0.15">
      <c r="A95" s="16">
        <v>74</v>
      </c>
      <c r="B95" s="29">
        <v>41</v>
      </c>
      <c r="C95" s="10">
        <v>50</v>
      </c>
      <c r="D95" s="9">
        <v>91</v>
      </c>
    </row>
    <row r="96" spans="1:4" ht="18" customHeight="1" x14ac:dyDescent="0.15">
      <c r="A96" s="8" t="s">
        <v>41</v>
      </c>
      <c r="B96" s="29">
        <v>170</v>
      </c>
      <c r="C96" s="10">
        <v>185</v>
      </c>
      <c r="D96" s="9">
        <v>355</v>
      </c>
    </row>
    <row r="97" spans="1:4" ht="18" customHeight="1" x14ac:dyDescent="0.15">
      <c r="A97" s="16">
        <v>75</v>
      </c>
      <c r="B97" s="29">
        <v>33</v>
      </c>
      <c r="C97" s="10">
        <v>54</v>
      </c>
      <c r="D97" s="9">
        <v>87</v>
      </c>
    </row>
    <row r="98" spans="1:4" ht="18" customHeight="1" x14ac:dyDescent="0.15">
      <c r="A98" s="16">
        <v>76</v>
      </c>
      <c r="B98" s="29">
        <v>30</v>
      </c>
      <c r="C98" s="10">
        <v>35</v>
      </c>
      <c r="D98" s="9">
        <v>65</v>
      </c>
    </row>
    <row r="99" spans="1:4" ht="18" customHeight="1" x14ac:dyDescent="0.15">
      <c r="A99" s="16">
        <v>77</v>
      </c>
      <c r="B99" s="29">
        <v>13</v>
      </c>
      <c r="C99" s="10">
        <v>26</v>
      </c>
      <c r="D99" s="9">
        <v>39</v>
      </c>
    </row>
    <row r="100" spans="1:4" ht="18" customHeight="1" x14ac:dyDescent="0.15">
      <c r="A100" s="16">
        <v>78</v>
      </c>
      <c r="B100" s="29">
        <v>18</v>
      </c>
      <c r="C100" s="10">
        <v>35</v>
      </c>
      <c r="D100" s="9">
        <v>53</v>
      </c>
    </row>
    <row r="101" spans="1:4" ht="18" customHeight="1" x14ac:dyDescent="0.15">
      <c r="A101" s="16">
        <v>79</v>
      </c>
      <c r="B101" s="29">
        <v>19</v>
      </c>
      <c r="C101" s="10">
        <v>34</v>
      </c>
      <c r="D101" s="9">
        <v>53</v>
      </c>
    </row>
    <row r="102" spans="1:4" ht="18" customHeight="1" x14ac:dyDescent="0.15">
      <c r="A102" s="8" t="s">
        <v>70</v>
      </c>
      <c r="B102" s="29">
        <v>113</v>
      </c>
      <c r="C102" s="10">
        <v>184</v>
      </c>
      <c r="D102" s="9">
        <v>297</v>
      </c>
    </row>
    <row r="103" spans="1:4" ht="18" customHeight="1" x14ac:dyDescent="0.15">
      <c r="A103" s="16">
        <v>80</v>
      </c>
      <c r="B103" s="29">
        <v>24</v>
      </c>
      <c r="C103" s="10">
        <v>32</v>
      </c>
      <c r="D103" s="9">
        <v>56</v>
      </c>
    </row>
    <row r="104" spans="1:4" ht="18" customHeight="1" x14ac:dyDescent="0.15">
      <c r="A104" s="16">
        <v>81</v>
      </c>
      <c r="B104" s="29">
        <v>36</v>
      </c>
      <c r="C104" s="10">
        <v>33</v>
      </c>
      <c r="D104" s="9">
        <v>69</v>
      </c>
    </row>
    <row r="105" spans="1:4" ht="18" customHeight="1" x14ac:dyDescent="0.15">
      <c r="A105" s="16">
        <v>82</v>
      </c>
      <c r="B105" s="29">
        <v>14</v>
      </c>
      <c r="C105" s="10">
        <v>25</v>
      </c>
      <c r="D105" s="9">
        <v>39</v>
      </c>
    </row>
    <row r="106" spans="1:4" ht="18" customHeight="1" x14ac:dyDescent="0.15">
      <c r="A106" s="16">
        <v>83</v>
      </c>
      <c r="B106" s="29">
        <v>11</v>
      </c>
      <c r="C106" s="10">
        <v>24</v>
      </c>
      <c r="D106" s="9">
        <v>35</v>
      </c>
    </row>
    <row r="107" spans="1:4" ht="18" customHeight="1" x14ac:dyDescent="0.15">
      <c r="A107" s="16">
        <v>84</v>
      </c>
      <c r="B107" s="29">
        <v>12</v>
      </c>
      <c r="C107" s="10">
        <v>17</v>
      </c>
      <c r="D107" s="9">
        <v>29</v>
      </c>
    </row>
    <row r="108" spans="1:4" ht="18" customHeight="1" x14ac:dyDescent="0.15">
      <c r="A108" s="8" t="s">
        <v>39</v>
      </c>
      <c r="B108" s="29">
        <v>97</v>
      </c>
      <c r="C108" s="10">
        <v>131</v>
      </c>
      <c r="D108" s="9">
        <v>228</v>
      </c>
    </row>
    <row r="109" spans="1:4" ht="18" customHeight="1" x14ac:dyDescent="0.15">
      <c r="A109" s="16">
        <v>85</v>
      </c>
      <c r="B109" s="29">
        <v>21</v>
      </c>
      <c r="C109" s="10">
        <v>17</v>
      </c>
      <c r="D109" s="9">
        <v>38</v>
      </c>
    </row>
    <row r="110" spans="1:4" ht="18" customHeight="1" x14ac:dyDescent="0.15">
      <c r="A110" s="16">
        <v>86</v>
      </c>
      <c r="B110" s="29">
        <v>11</v>
      </c>
      <c r="C110" s="10">
        <v>19</v>
      </c>
      <c r="D110" s="9">
        <v>30</v>
      </c>
    </row>
    <row r="111" spans="1:4" ht="18" customHeight="1" x14ac:dyDescent="0.15">
      <c r="A111" s="16">
        <v>87</v>
      </c>
      <c r="B111" s="29">
        <v>7</v>
      </c>
      <c r="C111" s="10">
        <v>11</v>
      </c>
      <c r="D111" s="9">
        <v>18</v>
      </c>
    </row>
    <row r="112" spans="1:4" ht="18" customHeight="1" x14ac:dyDescent="0.15">
      <c r="A112" s="16">
        <v>88</v>
      </c>
      <c r="B112" s="29">
        <v>10</v>
      </c>
      <c r="C112" s="10">
        <v>11</v>
      </c>
      <c r="D112" s="9">
        <v>21</v>
      </c>
    </row>
    <row r="113" spans="1:4" ht="18" customHeight="1" x14ac:dyDescent="0.15">
      <c r="A113" s="16">
        <v>89</v>
      </c>
      <c r="B113" s="29">
        <v>6</v>
      </c>
      <c r="C113" s="10">
        <v>10</v>
      </c>
      <c r="D113" s="9">
        <v>16</v>
      </c>
    </row>
    <row r="114" spans="1:4" ht="18" customHeight="1" x14ac:dyDescent="0.15">
      <c r="A114" s="8" t="s">
        <v>38</v>
      </c>
      <c r="B114" s="29">
        <v>55</v>
      </c>
      <c r="C114" s="10">
        <v>68</v>
      </c>
      <c r="D114" s="9">
        <v>123</v>
      </c>
    </row>
    <row r="115" spans="1:4" ht="18" customHeight="1" x14ac:dyDescent="0.15">
      <c r="A115" s="16">
        <v>90</v>
      </c>
      <c r="B115" s="29">
        <v>4</v>
      </c>
      <c r="C115" s="10">
        <v>20</v>
      </c>
      <c r="D115" s="9">
        <v>24</v>
      </c>
    </row>
    <row r="116" spans="1:4" ht="18" customHeight="1" x14ac:dyDescent="0.15">
      <c r="A116" s="16">
        <v>91</v>
      </c>
      <c r="B116" s="29">
        <v>2</v>
      </c>
      <c r="C116" s="10">
        <v>10</v>
      </c>
      <c r="D116" s="9">
        <v>12</v>
      </c>
    </row>
    <row r="117" spans="1:4" ht="18" customHeight="1" x14ac:dyDescent="0.15">
      <c r="A117" s="16">
        <v>92</v>
      </c>
      <c r="B117" s="29">
        <v>5</v>
      </c>
      <c r="C117" s="10">
        <v>5</v>
      </c>
      <c r="D117" s="9">
        <v>10</v>
      </c>
    </row>
    <row r="118" spans="1:4" ht="18" customHeight="1" x14ac:dyDescent="0.15">
      <c r="A118" s="16">
        <v>93</v>
      </c>
      <c r="B118" s="29">
        <v>2</v>
      </c>
      <c r="C118" s="10">
        <v>3</v>
      </c>
      <c r="D118" s="9">
        <v>5</v>
      </c>
    </row>
    <row r="119" spans="1:4" ht="18" customHeight="1" x14ac:dyDescent="0.15">
      <c r="A119" s="16">
        <v>94</v>
      </c>
      <c r="B119" s="29">
        <v>2</v>
      </c>
      <c r="C119" s="10">
        <v>10</v>
      </c>
      <c r="D119" s="9">
        <v>12</v>
      </c>
    </row>
    <row r="120" spans="1:4" ht="18" customHeight="1" x14ac:dyDescent="0.15">
      <c r="A120" s="8" t="s">
        <v>69</v>
      </c>
      <c r="B120" s="29">
        <v>15</v>
      </c>
      <c r="C120" s="10">
        <v>48</v>
      </c>
      <c r="D120" s="9">
        <v>63</v>
      </c>
    </row>
    <row r="121" spans="1:4" ht="18" customHeight="1" x14ac:dyDescent="0.15">
      <c r="A121" s="16">
        <v>95</v>
      </c>
      <c r="B121" s="29">
        <v>4</v>
      </c>
      <c r="C121" s="10">
        <v>4</v>
      </c>
      <c r="D121" s="9">
        <v>8</v>
      </c>
    </row>
    <row r="122" spans="1:4" ht="18" customHeight="1" x14ac:dyDescent="0.15">
      <c r="A122" s="16">
        <v>96</v>
      </c>
      <c r="B122" s="29">
        <v>1</v>
      </c>
      <c r="C122" s="10">
        <v>3</v>
      </c>
      <c r="D122" s="9">
        <v>4</v>
      </c>
    </row>
    <row r="123" spans="1:4" ht="18" customHeight="1" x14ac:dyDescent="0.15">
      <c r="A123" s="16">
        <v>97</v>
      </c>
      <c r="B123" s="29">
        <v>0</v>
      </c>
      <c r="C123" s="10">
        <v>6</v>
      </c>
      <c r="D123" s="9">
        <v>6</v>
      </c>
    </row>
    <row r="124" spans="1:4" ht="18" customHeight="1" x14ac:dyDescent="0.15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15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15">
      <c r="A126" s="8" t="s">
        <v>68</v>
      </c>
      <c r="B126" s="29">
        <v>5</v>
      </c>
      <c r="C126" s="10">
        <v>15</v>
      </c>
      <c r="D126" s="9">
        <v>20</v>
      </c>
    </row>
    <row r="127" spans="1:4" ht="18" customHeight="1" x14ac:dyDescent="0.15">
      <c r="A127" s="16">
        <v>100</v>
      </c>
      <c r="B127" s="29">
        <v>2</v>
      </c>
      <c r="C127" s="10">
        <v>0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177</v>
      </c>
      <c r="B129" s="29">
        <v>2</v>
      </c>
      <c r="C129" s="10">
        <v>0</v>
      </c>
      <c r="D129" s="9">
        <v>2</v>
      </c>
    </row>
    <row r="130" spans="1:4" ht="18" customHeight="1" x14ac:dyDescent="0.15">
      <c r="A130" s="8" t="s">
        <v>35</v>
      </c>
      <c r="B130" s="28">
        <v>577</v>
      </c>
      <c r="C130" s="6">
        <v>752</v>
      </c>
      <c r="D130" s="5">
        <v>1329</v>
      </c>
    </row>
    <row r="131" spans="1:4" ht="18" customHeight="1" x14ac:dyDescent="0.15">
      <c r="A131" s="4" t="s">
        <v>0</v>
      </c>
      <c r="B131" s="27">
        <v>1940</v>
      </c>
      <c r="C131" s="2">
        <v>2047</v>
      </c>
      <c r="D131" s="1">
        <v>398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8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</v>
      </c>
      <c r="C5" s="18">
        <v>9</v>
      </c>
      <c r="D5" s="17">
        <v>15</v>
      </c>
    </row>
    <row r="6" spans="1:4" ht="18" customHeight="1" x14ac:dyDescent="0.15">
      <c r="A6" s="16">
        <v>1</v>
      </c>
      <c r="B6" s="29">
        <v>5</v>
      </c>
      <c r="C6" s="10">
        <v>6</v>
      </c>
      <c r="D6" s="9">
        <v>11</v>
      </c>
    </row>
    <row r="7" spans="1:4" ht="18" customHeight="1" x14ac:dyDescent="0.15">
      <c r="A7" s="16">
        <v>2</v>
      </c>
      <c r="B7" s="29">
        <v>4</v>
      </c>
      <c r="C7" s="10">
        <v>6</v>
      </c>
      <c r="D7" s="9">
        <v>10</v>
      </c>
    </row>
    <row r="8" spans="1:4" ht="18" customHeight="1" x14ac:dyDescent="0.15">
      <c r="A8" s="16">
        <v>3</v>
      </c>
      <c r="B8" s="29">
        <v>4</v>
      </c>
      <c r="C8" s="10">
        <v>4</v>
      </c>
      <c r="D8" s="9">
        <v>8</v>
      </c>
    </row>
    <row r="9" spans="1:4" ht="18" customHeight="1" x14ac:dyDescent="0.15">
      <c r="A9" s="16">
        <v>4</v>
      </c>
      <c r="B9" s="29">
        <v>11</v>
      </c>
      <c r="C9" s="10">
        <v>8</v>
      </c>
      <c r="D9" s="9">
        <v>19</v>
      </c>
    </row>
    <row r="10" spans="1:4" ht="18" customHeight="1" x14ac:dyDescent="0.15">
      <c r="A10" s="8" t="s">
        <v>76</v>
      </c>
      <c r="B10" s="29">
        <v>30</v>
      </c>
      <c r="C10" s="10">
        <v>33</v>
      </c>
      <c r="D10" s="9">
        <v>63</v>
      </c>
    </row>
    <row r="11" spans="1:4" ht="18" customHeight="1" x14ac:dyDescent="0.15">
      <c r="A11" s="16">
        <v>5</v>
      </c>
      <c r="B11" s="29">
        <v>6</v>
      </c>
      <c r="C11" s="10">
        <v>1</v>
      </c>
      <c r="D11" s="9">
        <v>7</v>
      </c>
    </row>
    <row r="12" spans="1:4" ht="18" customHeight="1" x14ac:dyDescent="0.15">
      <c r="A12" s="16">
        <v>6</v>
      </c>
      <c r="B12" s="29">
        <v>6</v>
      </c>
      <c r="C12" s="10">
        <v>7</v>
      </c>
      <c r="D12" s="9">
        <v>13</v>
      </c>
    </row>
    <row r="13" spans="1:4" ht="18" customHeight="1" x14ac:dyDescent="0.15">
      <c r="A13" s="16">
        <v>7</v>
      </c>
      <c r="B13" s="29">
        <v>3</v>
      </c>
      <c r="C13" s="10">
        <v>7</v>
      </c>
      <c r="D13" s="9">
        <v>10</v>
      </c>
    </row>
    <row r="14" spans="1:4" ht="18" customHeight="1" x14ac:dyDescent="0.15">
      <c r="A14" s="16">
        <v>8</v>
      </c>
      <c r="B14" s="29">
        <v>10</v>
      </c>
      <c r="C14" s="10">
        <v>4</v>
      </c>
      <c r="D14" s="9">
        <v>14</v>
      </c>
    </row>
    <row r="15" spans="1:4" ht="18" customHeight="1" x14ac:dyDescent="0.15">
      <c r="A15" s="16">
        <v>9</v>
      </c>
      <c r="B15" s="29">
        <v>5</v>
      </c>
      <c r="C15" s="10">
        <v>10</v>
      </c>
      <c r="D15" s="9">
        <v>15</v>
      </c>
    </row>
    <row r="16" spans="1:4" ht="18" customHeight="1" x14ac:dyDescent="0.15">
      <c r="A16" s="8" t="s">
        <v>50</v>
      </c>
      <c r="B16" s="29">
        <v>30</v>
      </c>
      <c r="C16" s="10">
        <v>29</v>
      </c>
      <c r="D16" s="9">
        <v>59</v>
      </c>
    </row>
    <row r="17" spans="1:4" ht="18" customHeight="1" x14ac:dyDescent="0.15">
      <c r="A17" s="16">
        <v>10</v>
      </c>
      <c r="B17" s="29">
        <v>10</v>
      </c>
      <c r="C17" s="10">
        <v>5</v>
      </c>
      <c r="D17" s="9">
        <v>15</v>
      </c>
    </row>
    <row r="18" spans="1:4" ht="18" customHeight="1" x14ac:dyDescent="0.15">
      <c r="A18" s="16">
        <v>11</v>
      </c>
      <c r="B18" s="29">
        <v>5</v>
      </c>
      <c r="C18" s="10">
        <v>6</v>
      </c>
      <c r="D18" s="9">
        <v>11</v>
      </c>
    </row>
    <row r="19" spans="1:4" ht="18" customHeight="1" x14ac:dyDescent="0.15">
      <c r="A19" s="16">
        <v>12</v>
      </c>
      <c r="B19" s="29">
        <v>8</v>
      </c>
      <c r="C19" s="10">
        <v>5</v>
      </c>
      <c r="D19" s="9">
        <v>13</v>
      </c>
    </row>
    <row r="20" spans="1:4" ht="18" customHeight="1" x14ac:dyDescent="0.15">
      <c r="A20" s="16">
        <v>13</v>
      </c>
      <c r="B20" s="29">
        <v>8</v>
      </c>
      <c r="C20" s="10">
        <v>15</v>
      </c>
      <c r="D20" s="9">
        <v>23</v>
      </c>
    </row>
    <row r="21" spans="1:4" ht="18" customHeight="1" x14ac:dyDescent="0.15">
      <c r="A21" s="16">
        <v>14</v>
      </c>
      <c r="B21" s="29">
        <v>6</v>
      </c>
      <c r="C21" s="10">
        <v>5</v>
      </c>
      <c r="D21" s="9">
        <v>11</v>
      </c>
    </row>
    <row r="22" spans="1:4" ht="18" customHeight="1" x14ac:dyDescent="0.15">
      <c r="A22" s="8" t="s">
        <v>75</v>
      </c>
      <c r="B22" s="29">
        <v>37</v>
      </c>
      <c r="C22" s="10">
        <v>36</v>
      </c>
      <c r="D22" s="9">
        <v>73</v>
      </c>
    </row>
    <row r="23" spans="1:4" ht="18" customHeight="1" x14ac:dyDescent="0.15">
      <c r="A23" s="8" t="s">
        <v>187</v>
      </c>
      <c r="B23" s="29">
        <v>97</v>
      </c>
      <c r="C23" s="10">
        <v>98</v>
      </c>
      <c r="D23" s="9">
        <v>195</v>
      </c>
    </row>
    <row r="24" spans="1:4" ht="18" customHeight="1" x14ac:dyDescent="0.15">
      <c r="A24" s="16">
        <v>15</v>
      </c>
      <c r="B24" s="29">
        <v>9</v>
      </c>
      <c r="C24" s="10">
        <v>7</v>
      </c>
      <c r="D24" s="9">
        <v>16</v>
      </c>
    </row>
    <row r="25" spans="1:4" ht="18" customHeight="1" x14ac:dyDescent="0.15">
      <c r="A25" s="16">
        <v>16</v>
      </c>
      <c r="B25" s="29">
        <v>5</v>
      </c>
      <c r="C25" s="10">
        <v>6</v>
      </c>
      <c r="D25" s="9">
        <v>11</v>
      </c>
    </row>
    <row r="26" spans="1:4" ht="18" customHeight="1" x14ac:dyDescent="0.15">
      <c r="A26" s="16">
        <v>17</v>
      </c>
      <c r="B26" s="29">
        <v>9</v>
      </c>
      <c r="C26" s="10">
        <v>3</v>
      </c>
      <c r="D26" s="9">
        <v>12</v>
      </c>
    </row>
    <row r="27" spans="1:4" ht="18" customHeight="1" x14ac:dyDescent="0.15">
      <c r="A27" s="16">
        <v>18</v>
      </c>
      <c r="B27" s="29">
        <v>7</v>
      </c>
      <c r="C27" s="10">
        <v>6</v>
      </c>
      <c r="D27" s="9">
        <v>13</v>
      </c>
    </row>
    <row r="28" spans="1:4" ht="18" customHeight="1" x14ac:dyDescent="0.15">
      <c r="A28" s="16">
        <v>19</v>
      </c>
      <c r="B28" s="29">
        <v>7</v>
      </c>
      <c r="C28" s="10">
        <v>10</v>
      </c>
      <c r="D28" s="9">
        <v>17</v>
      </c>
    </row>
    <row r="29" spans="1:4" ht="18" customHeight="1" x14ac:dyDescent="0.15">
      <c r="A29" s="8" t="s">
        <v>48</v>
      </c>
      <c r="B29" s="29">
        <v>37</v>
      </c>
      <c r="C29" s="10">
        <v>32</v>
      </c>
      <c r="D29" s="9">
        <v>69</v>
      </c>
    </row>
    <row r="30" spans="1:4" ht="18" customHeight="1" x14ac:dyDescent="0.15">
      <c r="A30" s="16">
        <v>20</v>
      </c>
      <c r="B30" s="29">
        <v>9</v>
      </c>
      <c r="C30" s="10">
        <v>6</v>
      </c>
      <c r="D30" s="9">
        <v>15</v>
      </c>
    </row>
    <row r="31" spans="1:4" ht="18" customHeight="1" x14ac:dyDescent="0.15">
      <c r="A31" s="16">
        <v>21</v>
      </c>
      <c r="B31" s="29">
        <v>9</v>
      </c>
      <c r="C31" s="10">
        <v>6</v>
      </c>
      <c r="D31" s="9">
        <v>15</v>
      </c>
    </row>
    <row r="32" spans="1:4" ht="18" customHeight="1" x14ac:dyDescent="0.15">
      <c r="A32" s="16">
        <v>22</v>
      </c>
      <c r="B32" s="29">
        <v>6</v>
      </c>
      <c r="C32" s="10">
        <v>5</v>
      </c>
      <c r="D32" s="9">
        <v>11</v>
      </c>
    </row>
    <row r="33" spans="1:4" ht="18" customHeight="1" x14ac:dyDescent="0.15">
      <c r="A33" s="16">
        <v>23</v>
      </c>
      <c r="B33" s="29">
        <v>14</v>
      </c>
      <c r="C33" s="10">
        <v>6</v>
      </c>
      <c r="D33" s="9">
        <v>20</v>
      </c>
    </row>
    <row r="34" spans="1:4" ht="18" customHeight="1" x14ac:dyDescent="0.15">
      <c r="A34" s="16">
        <v>24</v>
      </c>
      <c r="B34" s="29">
        <v>11</v>
      </c>
      <c r="C34" s="10">
        <v>8</v>
      </c>
      <c r="D34" s="9">
        <v>19</v>
      </c>
    </row>
    <row r="35" spans="1:4" ht="18" customHeight="1" x14ac:dyDescent="0.15">
      <c r="A35" s="8" t="s">
        <v>74</v>
      </c>
      <c r="B35" s="29">
        <v>49</v>
      </c>
      <c r="C35" s="10">
        <v>31</v>
      </c>
      <c r="D35" s="9">
        <v>80</v>
      </c>
    </row>
    <row r="36" spans="1:4" ht="18" customHeight="1" x14ac:dyDescent="0.15">
      <c r="A36" s="16">
        <v>25</v>
      </c>
      <c r="B36" s="29">
        <v>7</v>
      </c>
      <c r="C36" s="10">
        <v>8</v>
      </c>
      <c r="D36" s="9">
        <v>15</v>
      </c>
    </row>
    <row r="37" spans="1:4" ht="18" customHeight="1" x14ac:dyDescent="0.15">
      <c r="A37" s="16">
        <v>26</v>
      </c>
      <c r="B37" s="29">
        <v>9</v>
      </c>
      <c r="C37" s="10">
        <v>3</v>
      </c>
      <c r="D37" s="9">
        <v>12</v>
      </c>
    </row>
    <row r="38" spans="1:4" ht="18" customHeight="1" x14ac:dyDescent="0.15">
      <c r="A38" s="16">
        <v>27</v>
      </c>
      <c r="B38" s="29">
        <v>9</v>
      </c>
      <c r="C38" s="10">
        <v>7</v>
      </c>
      <c r="D38" s="9">
        <v>16</v>
      </c>
    </row>
    <row r="39" spans="1:4" ht="18" customHeight="1" x14ac:dyDescent="0.15">
      <c r="A39" s="16">
        <v>28</v>
      </c>
      <c r="B39" s="29">
        <v>11</v>
      </c>
      <c r="C39" s="10">
        <v>8</v>
      </c>
      <c r="D39" s="9">
        <v>19</v>
      </c>
    </row>
    <row r="40" spans="1:4" ht="18" customHeight="1" x14ac:dyDescent="0.15">
      <c r="A40" s="16">
        <v>29</v>
      </c>
      <c r="B40" s="29">
        <v>5</v>
      </c>
      <c r="C40" s="10">
        <v>10</v>
      </c>
      <c r="D40" s="9">
        <v>15</v>
      </c>
    </row>
    <row r="41" spans="1:4" ht="18" customHeight="1" x14ac:dyDescent="0.15">
      <c r="A41" s="8" t="s">
        <v>73</v>
      </c>
      <c r="B41" s="29">
        <v>41</v>
      </c>
      <c r="C41" s="10">
        <v>36</v>
      </c>
      <c r="D41" s="9">
        <v>77</v>
      </c>
    </row>
    <row r="42" spans="1:4" ht="18" customHeight="1" x14ac:dyDescent="0.15">
      <c r="A42" s="16">
        <v>30</v>
      </c>
      <c r="B42" s="29">
        <v>9</v>
      </c>
      <c r="C42" s="10">
        <v>4</v>
      </c>
      <c r="D42" s="9">
        <v>13</v>
      </c>
    </row>
    <row r="43" spans="1:4" ht="18" customHeight="1" x14ac:dyDescent="0.15">
      <c r="A43" s="16">
        <v>31</v>
      </c>
      <c r="B43" s="29">
        <v>10</v>
      </c>
      <c r="C43" s="10">
        <v>2</v>
      </c>
      <c r="D43" s="9">
        <v>12</v>
      </c>
    </row>
    <row r="44" spans="1:4" ht="18" customHeight="1" x14ac:dyDescent="0.15">
      <c r="A44" s="16">
        <v>32</v>
      </c>
      <c r="B44" s="29">
        <v>14</v>
      </c>
      <c r="C44" s="10">
        <v>4</v>
      </c>
      <c r="D44" s="9">
        <v>18</v>
      </c>
    </row>
    <row r="45" spans="1:4" ht="18" customHeight="1" x14ac:dyDescent="0.15">
      <c r="A45" s="16">
        <v>33</v>
      </c>
      <c r="B45" s="29">
        <v>10</v>
      </c>
      <c r="C45" s="10">
        <v>6</v>
      </c>
      <c r="D45" s="9">
        <v>16</v>
      </c>
    </row>
    <row r="46" spans="1:4" ht="18" customHeight="1" x14ac:dyDescent="0.15">
      <c r="A46" s="16">
        <v>34</v>
      </c>
      <c r="B46" s="29">
        <v>8</v>
      </c>
      <c r="C46" s="10">
        <v>2</v>
      </c>
      <c r="D46" s="9">
        <v>10</v>
      </c>
    </row>
    <row r="47" spans="1:4" ht="18" customHeight="1" x14ac:dyDescent="0.15">
      <c r="A47" s="8" t="s">
        <v>61</v>
      </c>
      <c r="B47" s="29">
        <v>51</v>
      </c>
      <c r="C47" s="10">
        <v>18</v>
      </c>
      <c r="D47" s="9">
        <v>69</v>
      </c>
    </row>
    <row r="48" spans="1:4" ht="18" customHeight="1" x14ac:dyDescent="0.15">
      <c r="A48" s="16">
        <v>35</v>
      </c>
      <c r="B48" s="29">
        <v>8</v>
      </c>
      <c r="C48" s="10">
        <v>10</v>
      </c>
      <c r="D48" s="9">
        <v>18</v>
      </c>
    </row>
    <row r="49" spans="1:4" ht="18" customHeight="1" x14ac:dyDescent="0.15">
      <c r="A49" s="16">
        <v>36</v>
      </c>
      <c r="B49" s="29">
        <v>6</v>
      </c>
      <c r="C49" s="10">
        <v>6</v>
      </c>
      <c r="D49" s="9">
        <v>12</v>
      </c>
    </row>
    <row r="50" spans="1:4" ht="18" customHeight="1" x14ac:dyDescent="0.15">
      <c r="A50" s="16">
        <v>37</v>
      </c>
      <c r="B50" s="29">
        <v>10</v>
      </c>
      <c r="C50" s="10">
        <v>6</v>
      </c>
      <c r="D50" s="9">
        <v>16</v>
      </c>
    </row>
    <row r="51" spans="1:4" ht="18" customHeight="1" x14ac:dyDescent="0.15">
      <c r="A51" s="16">
        <v>38</v>
      </c>
      <c r="B51" s="29">
        <v>12</v>
      </c>
      <c r="C51" s="10">
        <v>6</v>
      </c>
      <c r="D51" s="9">
        <v>18</v>
      </c>
    </row>
    <row r="52" spans="1:4" ht="18" customHeight="1" x14ac:dyDescent="0.15">
      <c r="A52" s="16">
        <v>39</v>
      </c>
      <c r="B52" s="29">
        <v>8</v>
      </c>
      <c r="C52" s="10">
        <v>8</v>
      </c>
      <c r="D52" s="9">
        <v>16</v>
      </c>
    </row>
    <row r="53" spans="1:4" ht="18" customHeight="1" x14ac:dyDescent="0.15">
      <c r="A53" s="8" t="s">
        <v>72</v>
      </c>
      <c r="B53" s="29">
        <v>44</v>
      </c>
      <c r="C53" s="10">
        <v>36</v>
      </c>
      <c r="D53" s="9">
        <v>80</v>
      </c>
    </row>
    <row r="54" spans="1:4" ht="18" customHeight="1" x14ac:dyDescent="0.15">
      <c r="A54" s="16">
        <v>40</v>
      </c>
      <c r="B54" s="29">
        <v>11</v>
      </c>
      <c r="C54" s="10">
        <v>4</v>
      </c>
      <c r="D54" s="9">
        <v>15</v>
      </c>
    </row>
    <row r="55" spans="1:4" ht="18" customHeight="1" x14ac:dyDescent="0.15">
      <c r="A55" s="16">
        <v>41</v>
      </c>
      <c r="B55" s="29">
        <v>11</v>
      </c>
      <c r="C55" s="10">
        <v>12</v>
      </c>
      <c r="D55" s="9">
        <v>23</v>
      </c>
    </row>
    <row r="56" spans="1:4" ht="18" customHeight="1" x14ac:dyDescent="0.15">
      <c r="A56" s="16">
        <v>42</v>
      </c>
      <c r="B56" s="29">
        <v>12</v>
      </c>
      <c r="C56" s="10">
        <v>7</v>
      </c>
      <c r="D56" s="9">
        <v>19</v>
      </c>
    </row>
    <row r="57" spans="1:4" ht="18" customHeight="1" x14ac:dyDescent="0.15">
      <c r="A57" s="16">
        <v>43</v>
      </c>
      <c r="B57" s="29">
        <v>6</v>
      </c>
      <c r="C57" s="10">
        <v>11</v>
      </c>
      <c r="D57" s="9">
        <v>17</v>
      </c>
    </row>
    <row r="58" spans="1:4" ht="18" customHeight="1" x14ac:dyDescent="0.15">
      <c r="A58" s="16">
        <v>44</v>
      </c>
      <c r="B58" s="29">
        <v>6</v>
      </c>
      <c r="C58" s="10">
        <v>9</v>
      </c>
      <c r="D58" s="9">
        <v>15</v>
      </c>
    </row>
    <row r="59" spans="1:4" ht="18" customHeight="1" x14ac:dyDescent="0.15">
      <c r="A59" s="8" t="s">
        <v>186</v>
      </c>
      <c r="B59" s="29">
        <v>46</v>
      </c>
      <c r="C59" s="10">
        <v>43</v>
      </c>
      <c r="D59" s="9">
        <v>89</v>
      </c>
    </row>
    <row r="60" spans="1:4" ht="18" customHeight="1" x14ac:dyDescent="0.15">
      <c r="A60" s="16">
        <v>45</v>
      </c>
      <c r="B60" s="29">
        <v>10</v>
      </c>
      <c r="C60" s="10">
        <v>6</v>
      </c>
      <c r="D60" s="9">
        <v>16</v>
      </c>
    </row>
    <row r="61" spans="1:4" ht="18" customHeight="1" x14ac:dyDescent="0.15">
      <c r="A61" s="16">
        <v>46</v>
      </c>
      <c r="B61" s="29">
        <v>16</v>
      </c>
      <c r="C61" s="10">
        <v>16</v>
      </c>
      <c r="D61" s="9">
        <v>32</v>
      </c>
    </row>
    <row r="62" spans="1:4" ht="18" customHeight="1" x14ac:dyDescent="0.15">
      <c r="A62" s="16">
        <v>47</v>
      </c>
      <c r="B62" s="29">
        <v>14</v>
      </c>
      <c r="C62" s="10">
        <v>9</v>
      </c>
      <c r="D62" s="9">
        <v>23</v>
      </c>
    </row>
    <row r="63" spans="1:4" ht="18" customHeight="1" x14ac:dyDescent="0.15">
      <c r="A63" s="16">
        <v>48</v>
      </c>
      <c r="B63" s="29">
        <v>8</v>
      </c>
      <c r="C63" s="10">
        <v>9</v>
      </c>
      <c r="D63" s="9">
        <v>17</v>
      </c>
    </row>
    <row r="64" spans="1:4" ht="18" customHeight="1" x14ac:dyDescent="0.15">
      <c r="A64" s="16">
        <v>49</v>
      </c>
      <c r="B64" s="29">
        <v>13</v>
      </c>
      <c r="C64" s="10">
        <v>9</v>
      </c>
      <c r="D64" s="9">
        <v>22</v>
      </c>
    </row>
    <row r="65" spans="1:4" ht="18" customHeight="1" x14ac:dyDescent="0.15">
      <c r="A65" s="8" t="s">
        <v>45</v>
      </c>
      <c r="B65" s="29">
        <v>61</v>
      </c>
      <c r="C65" s="10">
        <v>49</v>
      </c>
      <c r="D65" s="9">
        <v>110</v>
      </c>
    </row>
    <row r="66" spans="1:4" ht="18" customHeight="1" x14ac:dyDescent="0.15">
      <c r="A66" s="16">
        <v>50</v>
      </c>
      <c r="B66" s="29">
        <v>13</v>
      </c>
      <c r="C66" s="10">
        <v>18</v>
      </c>
      <c r="D66" s="9">
        <v>31</v>
      </c>
    </row>
    <row r="67" spans="1:4" ht="18" customHeight="1" x14ac:dyDescent="0.15">
      <c r="A67" s="16">
        <v>51</v>
      </c>
      <c r="B67" s="29">
        <v>9</v>
      </c>
      <c r="C67" s="10">
        <v>12</v>
      </c>
      <c r="D67" s="9">
        <v>21</v>
      </c>
    </row>
    <row r="68" spans="1:4" ht="18" customHeight="1" x14ac:dyDescent="0.15">
      <c r="A68" s="16">
        <v>52</v>
      </c>
      <c r="B68" s="29">
        <v>16</v>
      </c>
      <c r="C68" s="10">
        <v>10</v>
      </c>
      <c r="D68" s="9">
        <v>26</v>
      </c>
    </row>
    <row r="69" spans="1:4" ht="18" customHeight="1" x14ac:dyDescent="0.15">
      <c r="A69" s="16">
        <v>53</v>
      </c>
      <c r="B69" s="29">
        <v>8</v>
      </c>
      <c r="C69" s="10">
        <v>9</v>
      </c>
      <c r="D69" s="9">
        <v>17</v>
      </c>
    </row>
    <row r="70" spans="1:4" ht="18" customHeight="1" x14ac:dyDescent="0.15">
      <c r="A70" s="16">
        <v>54</v>
      </c>
      <c r="B70" s="29">
        <v>9</v>
      </c>
      <c r="C70" s="10">
        <v>7</v>
      </c>
      <c r="D70" s="9">
        <v>16</v>
      </c>
    </row>
    <row r="71" spans="1:4" ht="18" customHeight="1" x14ac:dyDescent="0.15">
      <c r="A71" s="8" t="s">
        <v>185</v>
      </c>
      <c r="B71" s="29">
        <v>55</v>
      </c>
      <c r="C71" s="10">
        <v>56</v>
      </c>
      <c r="D71" s="9">
        <v>111</v>
      </c>
    </row>
    <row r="72" spans="1:4" ht="18" customHeight="1" x14ac:dyDescent="0.15">
      <c r="A72" s="16">
        <v>55</v>
      </c>
      <c r="B72" s="29">
        <v>14</v>
      </c>
      <c r="C72" s="10">
        <v>12</v>
      </c>
      <c r="D72" s="9">
        <v>26</v>
      </c>
    </row>
    <row r="73" spans="1:4" ht="18" customHeight="1" x14ac:dyDescent="0.15">
      <c r="A73" s="16">
        <v>56</v>
      </c>
      <c r="B73" s="29">
        <v>8</v>
      </c>
      <c r="C73" s="10">
        <v>7</v>
      </c>
      <c r="D73" s="9">
        <v>15</v>
      </c>
    </row>
    <row r="74" spans="1:4" ht="18" customHeight="1" x14ac:dyDescent="0.15">
      <c r="A74" s="16">
        <v>57</v>
      </c>
      <c r="B74" s="29">
        <v>8</v>
      </c>
      <c r="C74" s="10">
        <v>8</v>
      </c>
      <c r="D74" s="9">
        <v>16</v>
      </c>
    </row>
    <row r="75" spans="1:4" ht="18" customHeight="1" x14ac:dyDescent="0.15">
      <c r="A75" s="16">
        <v>58</v>
      </c>
      <c r="B75" s="29">
        <v>11</v>
      </c>
      <c r="C75" s="10">
        <v>11</v>
      </c>
      <c r="D75" s="9">
        <v>22</v>
      </c>
    </row>
    <row r="76" spans="1:4" ht="18" customHeight="1" x14ac:dyDescent="0.15">
      <c r="A76" s="16">
        <v>59</v>
      </c>
      <c r="B76" s="29">
        <v>13</v>
      </c>
      <c r="C76" s="10">
        <v>11</v>
      </c>
      <c r="D76" s="9">
        <v>24</v>
      </c>
    </row>
    <row r="77" spans="1:4" ht="18" customHeight="1" x14ac:dyDescent="0.15">
      <c r="A77" s="8" t="s">
        <v>71</v>
      </c>
      <c r="B77" s="29">
        <v>54</v>
      </c>
      <c r="C77" s="10">
        <v>49</v>
      </c>
      <c r="D77" s="9">
        <v>103</v>
      </c>
    </row>
    <row r="78" spans="1:4" ht="18" customHeight="1" x14ac:dyDescent="0.15">
      <c r="A78" s="16">
        <v>60</v>
      </c>
      <c r="B78" s="29">
        <v>11</v>
      </c>
      <c r="C78" s="10">
        <v>12</v>
      </c>
      <c r="D78" s="9">
        <v>23</v>
      </c>
    </row>
    <row r="79" spans="1:4" ht="18" customHeight="1" x14ac:dyDescent="0.15">
      <c r="A79" s="16">
        <v>61</v>
      </c>
      <c r="B79" s="29">
        <v>7</v>
      </c>
      <c r="C79" s="10">
        <v>8</v>
      </c>
      <c r="D79" s="9">
        <v>15</v>
      </c>
    </row>
    <row r="80" spans="1:4" ht="18" customHeight="1" x14ac:dyDescent="0.15">
      <c r="A80" s="16">
        <v>62</v>
      </c>
      <c r="B80" s="29">
        <v>11</v>
      </c>
      <c r="C80" s="10">
        <v>9</v>
      </c>
      <c r="D80" s="9">
        <v>20</v>
      </c>
    </row>
    <row r="81" spans="1:4" ht="18" customHeight="1" x14ac:dyDescent="0.15">
      <c r="A81" s="16">
        <v>63</v>
      </c>
      <c r="B81" s="29">
        <v>11</v>
      </c>
      <c r="C81" s="10">
        <v>12</v>
      </c>
      <c r="D81" s="9">
        <v>23</v>
      </c>
    </row>
    <row r="82" spans="1:4" ht="18" customHeight="1" x14ac:dyDescent="0.15">
      <c r="A82" s="16">
        <v>64</v>
      </c>
      <c r="B82" s="29">
        <v>11</v>
      </c>
      <c r="C82" s="10">
        <v>10</v>
      </c>
      <c r="D82" s="9">
        <v>21</v>
      </c>
    </row>
    <row r="83" spans="1:4" ht="18" customHeight="1" x14ac:dyDescent="0.15">
      <c r="A83" s="8" t="s">
        <v>184</v>
      </c>
      <c r="B83" s="29">
        <v>51</v>
      </c>
      <c r="C83" s="10">
        <v>51</v>
      </c>
      <c r="D83" s="9">
        <v>102</v>
      </c>
    </row>
    <row r="84" spans="1:4" ht="18" customHeight="1" x14ac:dyDescent="0.15">
      <c r="A84" s="8" t="s">
        <v>43</v>
      </c>
      <c r="B84" s="29">
        <v>489</v>
      </c>
      <c r="C84" s="10">
        <v>401</v>
      </c>
      <c r="D84" s="9">
        <v>890</v>
      </c>
    </row>
    <row r="85" spans="1:4" ht="18" customHeight="1" x14ac:dyDescent="0.15">
      <c r="A85" s="16">
        <v>65</v>
      </c>
      <c r="B85" s="29">
        <v>12</v>
      </c>
      <c r="C85" s="10">
        <v>15</v>
      </c>
      <c r="D85" s="9">
        <v>27</v>
      </c>
    </row>
    <row r="86" spans="1:4" ht="18" customHeight="1" x14ac:dyDescent="0.15">
      <c r="A86" s="16">
        <v>66</v>
      </c>
      <c r="B86" s="29">
        <v>8</v>
      </c>
      <c r="C86" s="10">
        <v>12</v>
      </c>
      <c r="D86" s="9">
        <v>20</v>
      </c>
    </row>
    <row r="87" spans="1:4" ht="18" customHeight="1" x14ac:dyDescent="0.15">
      <c r="A87" s="16">
        <v>67</v>
      </c>
      <c r="B87" s="29">
        <v>9</v>
      </c>
      <c r="C87" s="10">
        <v>7</v>
      </c>
      <c r="D87" s="9">
        <v>16</v>
      </c>
    </row>
    <row r="88" spans="1:4" ht="18" customHeight="1" x14ac:dyDescent="0.15">
      <c r="A88" s="16">
        <v>68</v>
      </c>
      <c r="B88" s="29">
        <v>10</v>
      </c>
      <c r="C88" s="10">
        <v>9</v>
      </c>
      <c r="D88" s="9">
        <v>19</v>
      </c>
    </row>
    <row r="89" spans="1:4" ht="18" customHeight="1" x14ac:dyDescent="0.15">
      <c r="A89" s="16">
        <v>69</v>
      </c>
      <c r="B89" s="29">
        <v>8</v>
      </c>
      <c r="C89" s="10">
        <v>11</v>
      </c>
      <c r="D89" s="9">
        <v>19</v>
      </c>
    </row>
    <row r="90" spans="1:4" ht="18" customHeight="1" x14ac:dyDescent="0.15">
      <c r="A90" s="8" t="s">
        <v>42</v>
      </c>
      <c r="B90" s="29">
        <v>47</v>
      </c>
      <c r="C90" s="10">
        <v>54</v>
      </c>
      <c r="D90" s="9">
        <v>101</v>
      </c>
    </row>
    <row r="91" spans="1:4" ht="18" customHeight="1" x14ac:dyDescent="0.15">
      <c r="A91" s="16">
        <v>70</v>
      </c>
      <c r="B91" s="29">
        <v>16</v>
      </c>
      <c r="C91" s="10">
        <v>13</v>
      </c>
      <c r="D91" s="9">
        <v>29</v>
      </c>
    </row>
    <row r="92" spans="1:4" ht="18" customHeight="1" x14ac:dyDescent="0.15">
      <c r="A92" s="16">
        <v>71</v>
      </c>
      <c r="B92" s="29">
        <v>7</v>
      </c>
      <c r="C92" s="10">
        <v>13</v>
      </c>
      <c r="D92" s="9">
        <v>20</v>
      </c>
    </row>
    <row r="93" spans="1:4" ht="18" customHeight="1" x14ac:dyDescent="0.15">
      <c r="A93" s="16">
        <v>72</v>
      </c>
      <c r="B93" s="29">
        <v>9</v>
      </c>
      <c r="C93" s="10">
        <v>16</v>
      </c>
      <c r="D93" s="9">
        <v>25</v>
      </c>
    </row>
    <row r="94" spans="1:4" ht="18" customHeight="1" x14ac:dyDescent="0.15">
      <c r="A94" s="16">
        <v>73</v>
      </c>
      <c r="B94" s="29">
        <v>14</v>
      </c>
      <c r="C94" s="10">
        <v>11</v>
      </c>
      <c r="D94" s="9">
        <v>25</v>
      </c>
    </row>
    <row r="95" spans="1:4" ht="18" customHeight="1" x14ac:dyDescent="0.15">
      <c r="A95" s="16">
        <v>74</v>
      </c>
      <c r="B95" s="29">
        <v>20</v>
      </c>
      <c r="C95" s="10">
        <v>14</v>
      </c>
      <c r="D95" s="9">
        <v>34</v>
      </c>
    </row>
    <row r="96" spans="1:4" ht="18" customHeight="1" x14ac:dyDescent="0.15">
      <c r="A96" s="8" t="s">
        <v>41</v>
      </c>
      <c r="B96" s="29">
        <v>66</v>
      </c>
      <c r="C96" s="10">
        <v>67</v>
      </c>
      <c r="D96" s="9">
        <v>133</v>
      </c>
    </row>
    <row r="97" spans="1:4" ht="18" customHeight="1" x14ac:dyDescent="0.15">
      <c r="A97" s="16">
        <v>75</v>
      </c>
      <c r="B97" s="29">
        <v>15</v>
      </c>
      <c r="C97" s="10">
        <v>15</v>
      </c>
      <c r="D97" s="9">
        <v>30</v>
      </c>
    </row>
    <row r="98" spans="1:4" ht="18" customHeight="1" x14ac:dyDescent="0.15">
      <c r="A98" s="16">
        <v>76</v>
      </c>
      <c r="B98" s="29">
        <v>11</v>
      </c>
      <c r="C98" s="10">
        <v>15</v>
      </c>
      <c r="D98" s="9">
        <v>26</v>
      </c>
    </row>
    <row r="99" spans="1:4" ht="18" customHeight="1" x14ac:dyDescent="0.15">
      <c r="A99" s="16">
        <v>77</v>
      </c>
      <c r="B99" s="29">
        <v>9</v>
      </c>
      <c r="C99" s="10">
        <v>10</v>
      </c>
      <c r="D99" s="9">
        <v>19</v>
      </c>
    </row>
    <row r="100" spans="1:4" ht="18" customHeight="1" x14ac:dyDescent="0.15">
      <c r="A100" s="16">
        <v>78</v>
      </c>
      <c r="B100" s="29">
        <v>6</v>
      </c>
      <c r="C100" s="10">
        <v>6</v>
      </c>
      <c r="D100" s="9">
        <v>12</v>
      </c>
    </row>
    <row r="101" spans="1:4" ht="18" customHeight="1" x14ac:dyDescent="0.15">
      <c r="A101" s="16">
        <v>79</v>
      </c>
      <c r="B101" s="29">
        <v>9</v>
      </c>
      <c r="C101" s="10">
        <v>11</v>
      </c>
      <c r="D101" s="9">
        <v>20</v>
      </c>
    </row>
    <row r="102" spans="1:4" ht="18" customHeight="1" x14ac:dyDescent="0.15">
      <c r="A102" s="8" t="s">
        <v>70</v>
      </c>
      <c r="B102" s="29">
        <v>50</v>
      </c>
      <c r="C102" s="10">
        <v>57</v>
      </c>
      <c r="D102" s="9">
        <v>107</v>
      </c>
    </row>
    <row r="103" spans="1:4" ht="18" customHeight="1" x14ac:dyDescent="0.15">
      <c r="A103" s="16">
        <v>80</v>
      </c>
      <c r="B103" s="29">
        <v>8</v>
      </c>
      <c r="C103" s="10">
        <v>11</v>
      </c>
      <c r="D103" s="9">
        <v>19</v>
      </c>
    </row>
    <row r="104" spans="1:4" ht="18" customHeight="1" x14ac:dyDescent="0.15">
      <c r="A104" s="16">
        <v>81</v>
      </c>
      <c r="B104" s="29">
        <v>9</v>
      </c>
      <c r="C104" s="10">
        <v>14</v>
      </c>
      <c r="D104" s="9">
        <v>23</v>
      </c>
    </row>
    <row r="105" spans="1:4" ht="18" customHeight="1" x14ac:dyDescent="0.15">
      <c r="A105" s="16">
        <v>82</v>
      </c>
      <c r="B105" s="29">
        <v>5</v>
      </c>
      <c r="C105" s="10">
        <v>12</v>
      </c>
      <c r="D105" s="9">
        <v>17</v>
      </c>
    </row>
    <row r="106" spans="1:4" ht="18" customHeight="1" x14ac:dyDescent="0.15">
      <c r="A106" s="16">
        <v>83</v>
      </c>
      <c r="B106" s="29">
        <v>2</v>
      </c>
      <c r="C106" s="10">
        <v>11</v>
      </c>
      <c r="D106" s="9">
        <v>13</v>
      </c>
    </row>
    <row r="107" spans="1:4" ht="18" customHeight="1" x14ac:dyDescent="0.15">
      <c r="A107" s="16">
        <v>84</v>
      </c>
      <c r="B107" s="29">
        <v>5</v>
      </c>
      <c r="C107" s="10">
        <v>8</v>
      </c>
      <c r="D107" s="9">
        <v>13</v>
      </c>
    </row>
    <row r="108" spans="1:4" ht="18" customHeight="1" x14ac:dyDescent="0.15">
      <c r="A108" s="8" t="s">
        <v>39</v>
      </c>
      <c r="B108" s="29">
        <v>29</v>
      </c>
      <c r="C108" s="10">
        <v>56</v>
      </c>
      <c r="D108" s="9">
        <v>85</v>
      </c>
    </row>
    <row r="109" spans="1:4" ht="18" customHeight="1" x14ac:dyDescent="0.15">
      <c r="A109" s="16">
        <v>85</v>
      </c>
      <c r="B109" s="29">
        <v>4</v>
      </c>
      <c r="C109" s="10">
        <v>11</v>
      </c>
      <c r="D109" s="9">
        <v>15</v>
      </c>
    </row>
    <row r="110" spans="1:4" ht="18" customHeight="1" x14ac:dyDescent="0.15">
      <c r="A110" s="16">
        <v>86</v>
      </c>
      <c r="B110" s="29">
        <v>6</v>
      </c>
      <c r="C110" s="10">
        <v>15</v>
      </c>
      <c r="D110" s="9">
        <v>21</v>
      </c>
    </row>
    <row r="111" spans="1:4" ht="18" customHeight="1" x14ac:dyDescent="0.15">
      <c r="A111" s="16">
        <v>87</v>
      </c>
      <c r="B111" s="29">
        <v>3</v>
      </c>
      <c r="C111" s="10">
        <v>17</v>
      </c>
      <c r="D111" s="9">
        <v>20</v>
      </c>
    </row>
    <row r="112" spans="1:4" ht="18" customHeight="1" x14ac:dyDescent="0.15">
      <c r="A112" s="16">
        <v>88</v>
      </c>
      <c r="B112" s="29">
        <v>1</v>
      </c>
      <c r="C112" s="10">
        <v>7</v>
      </c>
      <c r="D112" s="9">
        <v>8</v>
      </c>
    </row>
    <row r="113" spans="1:4" ht="18" customHeight="1" x14ac:dyDescent="0.15">
      <c r="A113" s="16">
        <v>89</v>
      </c>
      <c r="B113" s="29">
        <v>5</v>
      </c>
      <c r="C113" s="10">
        <v>6</v>
      </c>
      <c r="D113" s="9">
        <v>11</v>
      </c>
    </row>
    <row r="114" spans="1:4" ht="18" customHeight="1" x14ac:dyDescent="0.15">
      <c r="A114" s="8" t="s">
        <v>38</v>
      </c>
      <c r="B114" s="29">
        <v>19</v>
      </c>
      <c r="C114" s="10">
        <v>56</v>
      </c>
      <c r="D114" s="9">
        <v>75</v>
      </c>
    </row>
    <row r="115" spans="1:4" ht="18" customHeight="1" x14ac:dyDescent="0.15">
      <c r="A115" s="16">
        <v>90</v>
      </c>
      <c r="B115" s="29">
        <v>1</v>
      </c>
      <c r="C115" s="10">
        <v>4</v>
      </c>
      <c r="D115" s="9">
        <v>5</v>
      </c>
    </row>
    <row r="116" spans="1:4" ht="18" customHeight="1" x14ac:dyDescent="0.15">
      <c r="A116" s="16">
        <v>91</v>
      </c>
      <c r="B116" s="29">
        <v>2</v>
      </c>
      <c r="C116" s="10">
        <v>5</v>
      </c>
      <c r="D116" s="9">
        <v>7</v>
      </c>
    </row>
    <row r="117" spans="1:4" ht="18" customHeight="1" x14ac:dyDescent="0.15">
      <c r="A117" s="16">
        <v>92</v>
      </c>
      <c r="B117" s="29">
        <v>0</v>
      </c>
      <c r="C117" s="10">
        <v>8</v>
      </c>
      <c r="D117" s="9">
        <v>8</v>
      </c>
    </row>
    <row r="118" spans="1:4" ht="18" customHeight="1" x14ac:dyDescent="0.15">
      <c r="A118" s="16">
        <v>93</v>
      </c>
      <c r="B118" s="29">
        <v>1</v>
      </c>
      <c r="C118" s="10">
        <v>3</v>
      </c>
      <c r="D118" s="9">
        <v>4</v>
      </c>
    </row>
    <row r="119" spans="1:4" ht="18" customHeight="1" x14ac:dyDescent="0.15">
      <c r="A119" s="16">
        <v>94</v>
      </c>
      <c r="B119" s="29">
        <v>2</v>
      </c>
      <c r="C119" s="10">
        <v>1</v>
      </c>
      <c r="D119" s="9">
        <v>3</v>
      </c>
    </row>
    <row r="120" spans="1:4" ht="18" customHeight="1" x14ac:dyDescent="0.15">
      <c r="A120" s="8" t="s">
        <v>183</v>
      </c>
      <c r="B120" s="29">
        <v>6</v>
      </c>
      <c r="C120" s="10">
        <v>21</v>
      </c>
      <c r="D120" s="9">
        <v>27</v>
      </c>
    </row>
    <row r="121" spans="1:4" ht="18" customHeight="1" x14ac:dyDescent="0.15">
      <c r="A121" s="16">
        <v>95</v>
      </c>
      <c r="B121" s="29">
        <v>1</v>
      </c>
      <c r="C121" s="10">
        <v>2</v>
      </c>
      <c r="D121" s="9">
        <v>3</v>
      </c>
    </row>
    <row r="122" spans="1:4" ht="18" customHeight="1" x14ac:dyDescent="0.15">
      <c r="A122" s="16">
        <v>96</v>
      </c>
      <c r="B122" s="29">
        <v>1</v>
      </c>
      <c r="C122" s="10">
        <v>2</v>
      </c>
      <c r="D122" s="9">
        <v>3</v>
      </c>
    </row>
    <row r="123" spans="1:4" ht="18" customHeight="1" x14ac:dyDescent="0.15">
      <c r="A123" s="16">
        <v>97</v>
      </c>
      <c r="B123" s="29">
        <v>1</v>
      </c>
      <c r="C123" s="10">
        <v>1</v>
      </c>
      <c r="D123" s="9">
        <v>2</v>
      </c>
    </row>
    <row r="124" spans="1:4" ht="18" customHeight="1" x14ac:dyDescent="0.15">
      <c r="A124" s="16">
        <v>98</v>
      </c>
      <c r="B124" s="29">
        <v>0</v>
      </c>
      <c r="C124" s="10">
        <v>1</v>
      </c>
      <c r="D124" s="9">
        <v>1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3</v>
      </c>
      <c r="C126" s="10">
        <v>8</v>
      </c>
      <c r="D126" s="9">
        <v>11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182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35</v>
      </c>
      <c r="B130" s="28">
        <v>220</v>
      </c>
      <c r="C130" s="6">
        <v>319</v>
      </c>
      <c r="D130" s="5">
        <v>539</v>
      </c>
    </row>
    <row r="131" spans="1:4" ht="18" customHeight="1" x14ac:dyDescent="0.15">
      <c r="A131" s="4" t="s">
        <v>0</v>
      </c>
      <c r="B131" s="27">
        <v>806</v>
      </c>
      <c r="C131" s="2">
        <v>818</v>
      </c>
      <c r="D131" s="1">
        <v>162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9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</v>
      </c>
      <c r="C5" s="18">
        <v>1</v>
      </c>
      <c r="D5" s="17">
        <v>7</v>
      </c>
    </row>
    <row r="6" spans="1:4" ht="18" customHeight="1" x14ac:dyDescent="0.15">
      <c r="A6" s="16">
        <v>1</v>
      </c>
      <c r="B6" s="29">
        <v>2</v>
      </c>
      <c r="C6" s="10">
        <v>3</v>
      </c>
      <c r="D6" s="9">
        <v>5</v>
      </c>
    </row>
    <row r="7" spans="1:4" ht="18" customHeight="1" x14ac:dyDescent="0.15">
      <c r="A7" s="16">
        <v>2</v>
      </c>
      <c r="B7" s="29">
        <v>2</v>
      </c>
      <c r="C7" s="10">
        <v>1</v>
      </c>
      <c r="D7" s="9">
        <v>3</v>
      </c>
    </row>
    <row r="8" spans="1:4" ht="18" customHeight="1" x14ac:dyDescent="0.15">
      <c r="A8" s="16">
        <v>3</v>
      </c>
      <c r="B8" s="29">
        <v>5</v>
      </c>
      <c r="C8" s="10">
        <v>6</v>
      </c>
      <c r="D8" s="9">
        <v>11</v>
      </c>
    </row>
    <row r="9" spans="1:4" ht="18" customHeight="1" x14ac:dyDescent="0.15">
      <c r="A9" s="16">
        <v>4</v>
      </c>
      <c r="B9" s="29">
        <v>1</v>
      </c>
      <c r="C9" s="10">
        <v>5</v>
      </c>
      <c r="D9" s="9">
        <v>6</v>
      </c>
    </row>
    <row r="10" spans="1:4" ht="18" customHeight="1" x14ac:dyDescent="0.15">
      <c r="A10" s="8" t="s">
        <v>76</v>
      </c>
      <c r="B10" s="29">
        <v>16</v>
      </c>
      <c r="C10" s="10">
        <v>16</v>
      </c>
      <c r="D10" s="9">
        <v>32</v>
      </c>
    </row>
    <row r="11" spans="1:4" ht="18" customHeight="1" x14ac:dyDescent="0.15">
      <c r="A11" s="16">
        <v>5</v>
      </c>
      <c r="B11" s="29">
        <v>6</v>
      </c>
      <c r="C11" s="10">
        <v>6</v>
      </c>
      <c r="D11" s="9">
        <v>12</v>
      </c>
    </row>
    <row r="12" spans="1:4" ht="18" customHeight="1" x14ac:dyDescent="0.15">
      <c r="A12" s="16">
        <v>6</v>
      </c>
      <c r="B12" s="29">
        <v>3</v>
      </c>
      <c r="C12" s="10">
        <v>2</v>
      </c>
      <c r="D12" s="9">
        <v>5</v>
      </c>
    </row>
    <row r="13" spans="1:4" ht="18" customHeight="1" x14ac:dyDescent="0.15">
      <c r="A13" s="16">
        <v>7</v>
      </c>
      <c r="B13" s="29">
        <v>4</v>
      </c>
      <c r="C13" s="10">
        <v>6</v>
      </c>
      <c r="D13" s="9">
        <v>10</v>
      </c>
    </row>
    <row r="14" spans="1:4" ht="18" customHeight="1" x14ac:dyDescent="0.15">
      <c r="A14" s="16">
        <v>8</v>
      </c>
      <c r="B14" s="29">
        <v>4</v>
      </c>
      <c r="C14" s="10">
        <v>3</v>
      </c>
      <c r="D14" s="9">
        <v>7</v>
      </c>
    </row>
    <row r="15" spans="1:4" ht="18" customHeight="1" x14ac:dyDescent="0.15">
      <c r="A15" s="16">
        <v>9</v>
      </c>
      <c r="B15" s="29">
        <v>4</v>
      </c>
      <c r="C15" s="10">
        <v>3</v>
      </c>
      <c r="D15" s="9">
        <v>7</v>
      </c>
    </row>
    <row r="16" spans="1:4" ht="18" customHeight="1" x14ac:dyDescent="0.15">
      <c r="A16" s="8" t="s">
        <v>50</v>
      </c>
      <c r="B16" s="29">
        <v>21</v>
      </c>
      <c r="C16" s="10">
        <v>20</v>
      </c>
      <c r="D16" s="9">
        <v>41</v>
      </c>
    </row>
    <row r="17" spans="1:4" ht="18" customHeight="1" x14ac:dyDescent="0.15">
      <c r="A17" s="16">
        <v>10</v>
      </c>
      <c r="B17" s="29">
        <v>3</v>
      </c>
      <c r="C17" s="10">
        <v>3</v>
      </c>
      <c r="D17" s="9">
        <v>6</v>
      </c>
    </row>
    <row r="18" spans="1:4" ht="18" customHeight="1" x14ac:dyDescent="0.15">
      <c r="A18" s="16">
        <v>11</v>
      </c>
      <c r="B18" s="29">
        <v>2</v>
      </c>
      <c r="C18" s="10">
        <v>4</v>
      </c>
      <c r="D18" s="9">
        <v>6</v>
      </c>
    </row>
    <row r="19" spans="1:4" ht="18" customHeight="1" x14ac:dyDescent="0.15">
      <c r="A19" s="16">
        <v>12</v>
      </c>
      <c r="B19" s="29">
        <v>3</v>
      </c>
      <c r="C19" s="10">
        <v>4</v>
      </c>
      <c r="D19" s="9">
        <v>7</v>
      </c>
    </row>
    <row r="20" spans="1:4" ht="18" customHeight="1" x14ac:dyDescent="0.15">
      <c r="A20" s="16">
        <v>13</v>
      </c>
      <c r="B20" s="29">
        <v>3</v>
      </c>
      <c r="C20" s="10">
        <v>3</v>
      </c>
      <c r="D20" s="9">
        <v>6</v>
      </c>
    </row>
    <row r="21" spans="1:4" ht="18" customHeight="1" x14ac:dyDescent="0.15">
      <c r="A21" s="16">
        <v>14</v>
      </c>
      <c r="B21" s="29">
        <v>3</v>
      </c>
      <c r="C21" s="10">
        <v>2</v>
      </c>
      <c r="D21" s="9">
        <v>5</v>
      </c>
    </row>
    <row r="22" spans="1:4" ht="18" customHeight="1" x14ac:dyDescent="0.15">
      <c r="A22" s="8" t="s">
        <v>75</v>
      </c>
      <c r="B22" s="29">
        <v>14</v>
      </c>
      <c r="C22" s="10">
        <v>16</v>
      </c>
      <c r="D22" s="9">
        <v>30</v>
      </c>
    </row>
    <row r="23" spans="1:4" ht="18" customHeight="1" x14ac:dyDescent="0.15">
      <c r="A23" s="8" t="s">
        <v>65</v>
      </c>
      <c r="B23" s="29">
        <v>51</v>
      </c>
      <c r="C23" s="10">
        <v>52</v>
      </c>
      <c r="D23" s="9">
        <v>103</v>
      </c>
    </row>
    <row r="24" spans="1:4" ht="18" customHeight="1" x14ac:dyDescent="0.15">
      <c r="A24" s="16">
        <v>15</v>
      </c>
      <c r="B24" s="29">
        <v>2</v>
      </c>
      <c r="C24" s="10">
        <v>4</v>
      </c>
      <c r="D24" s="9">
        <v>6</v>
      </c>
    </row>
    <row r="25" spans="1:4" ht="18" customHeight="1" x14ac:dyDescent="0.15">
      <c r="A25" s="16">
        <v>16</v>
      </c>
      <c r="B25" s="29">
        <v>4</v>
      </c>
      <c r="C25" s="10">
        <v>7</v>
      </c>
      <c r="D25" s="9">
        <v>11</v>
      </c>
    </row>
    <row r="26" spans="1:4" ht="18" customHeight="1" x14ac:dyDescent="0.15">
      <c r="A26" s="16">
        <v>17</v>
      </c>
      <c r="B26" s="29">
        <v>3</v>
      </c>
      <c r="C26" s="10">
        <v>5</v>
      </c>
      <c r="D26" s="9">
        <v>8</v>
      </c>
    </row>
    <row r="27" spans="1:4" ht="18" customHeight="1" x14ac:dyDescent="0.15">
      <c r="A27" s="16">
        <v>18</v>
      </c>
      <c r="B27" s="29">
        <v>5</v>
      </c>
      <c r="C27" s="10">
        <v>9</v>
      </c>
      <c r="D27" s="9">
        <v>14</v>
      </c>
    </row>
    <row r="28" spans="1:4" ht="18" customHeight="1" x14ac:dyDescent="0.15">
      <c r="A28" s="16">
        <v>19</v>
      </c>
      <c r="B28" s="29">
        <v>18</v>
      </c>
      <c r="C28" s="10">
        <v>8</v>
      </c>
      <c r="D28" s="9">
        <v>26</v>
      </c>
    </row>
    <row r="29" spans="1:4" ht="18" customHeight="1" x14ac:dyDescent="0.15">
      <c r="A29" s="8" t="s">
        <v>48</v>
      </c>
      <c r="B29" s="29">
        <v>32</v>
      </c>
      <c r="C29" s="10">
        <v>33</v>
      </c>
      <c r="D29" s="9">
        <v>65</v>
      </c>
    </row>
    <row r="30" spans="1:4" ht="18" customHeight="1" x14ac:dyDescent="0.15">
      <c r="A30" s="16">
        <v>20</v>
      </c>
      <c r="B30" s="29">
        <v>23</v>
      </c>
      <c r="C30" s="10">
        <v>19</v>
      </c>
      <c r="D30" s="9">
        <v>42</v>
      </c>
    </row>
    <row r="31" spans="1:4" ht="18" customHeight="1" x14ac:dyDescent="0.15">
      <c r="A31" s="16">
        <v>21</v>
      </c>
      <c r="B31" s="29">
        <v>23</v>
      </c>
      <c r="C31" s="10">
        <v>26</v>
      </c>
      <c r="D31" s="9">
        <v>49</v>
      </c>
    </row>
    <row r="32" spans="1:4" ht="18" customHeight="1" x14ac:dyDescent="0.15">
      <c r="A32" s="16">
        <v>22</v>
      </c>
      <c r="B32" s="29">
        <v>25</v>
      </c>
      <c r="C32" s="10">
        <v>31</v>
      </c>
      <c r="D32" s="9">
        <v>56</v>
      </c>
    </row>
    <row r="33" spans="1:4" ht="18" customHeight="1" x14ac:dyDescent="0.15">
      <c r="A33" s="16">
        <v>23</v>
      </c>
      <c r="B33" s="29">
        <v>27</v>
      </c>
      <c r="C33" s="10">
        <v>24</v>
      </c>
      <c r="D33" s="9">
        <v>51</v>
      </c>
    </row>
    <row r="34" spans="1:4" ht="18" customHeight="1" x14ac:dyDescent="0.15">
      <c r="A34" s="16">
        <v>24</v>
      </c>
      <c r="B34" s="29">
        <v>18</v>
      </c>
      <c r="C34" s="10">
        <v>25</v>
      </c>
      <c r="D34" s="9">
        <v>43</v>
      </c>
    </row>
    <row r="35" spans="1:4" ht="18" customHeight="1" x14ac:dyDescent="0.15">
      <c r="A35" s="8" t="s">
        <v>74</v>
      </c>
      <c r="B35" s="29">
        <v>116</v>
      </c>
      <c r="C35" s="10">
        <v>125</v>
      </c>
      <c r="D35" s="9">
        <v>241</v>
      </c>
    </row>
    <row r="36" spans="1:4" ht="18" customHeight="1" x14ac:dyDescent="0.15">
      <c r="A36" s="16">
        <v>25</v>
      </c>
      <c r="B36" s="29">
        <v>20</v>
      </c>
      <c r="C36" s="10">
        <v>18</v>
      </c>
      <c r="D36" s="9">
        <v>38</v>
      </c>
    </row>
    <row r="37" spans="1:4" ht="18" customHeight="1" x14ac:dyDescent="0.15">
      <c r="A37" s="16">
        <v>26</v>
      </c>
      <c r="B37" s="29">
        <v>21</v>
      </c>
      <c r="C37" s="10">
        <v>12</v>
      </c>
      <c r="D37" s="9">
        <v>33</v>
      </c>
    </row>
    <row r="38" spans="1:4" ht="18" customHeight="1" x14ac:dyDescent="0.15">
      <c r="A38" s="16">
        <v>27</v>
      </c>
      <c r="B38" s="29">
        <v>16</v>
      </c>
      <c r="C38" s="10">
        <v>8</v>
      </c>
      <c r="D38" s="9">
        <v>24</v>
      </c>
    </row>
    <row r="39" spans="1:4" ht="18" customHeight="1" x14ac:dyDescent="0.15">
      <c r="A39" s="16">
        <v>28</v>
      </c>
      <c r="B39" s="29">
        <v>7</v>
      </c>
      <c r="C39" s="10">
        <v>10</v>
      </c>
      <c r="D39" s="9">
        <v>17</v>
      </c>
    </row>
    <row r="40" spans="1:4" ht="18" customHeight="1" x14ac:dyDescent="0.15">
      <c r="A40" s="16">
        <v>29</v>
      </c>
      <c r="B40" s="29">
        <v>8</v>
      </c>
      <c r="C40" s="10">
        <v>8</v>
      </c>
      <c r="D40" s="9">
        <v>16</v>
      </c>
    </row>
    <row r="41" spans="1:4" ht="18" customHeight="1" x14ac:dyDescent="0.15">
      <c r="A41" s="8" t="s">
        <v>73</v>
      </c>
      <c r="B41" s="29">
        <v>72</v>
      </c>
      <c r="C41" s="10">
        <v>56</v>
      </c>
      <c r="D41" s="9">
        <v>128</v>
      </c>
    </row>
    <row r="42" spans="1:4" ht="18" customHeight="1" x14ac:dyDescent="0.15">
      <c r="A42" s="16">
        <v>30</v>
      </c>
      <c r="B42" s="29">
        <v>6</v>
      </c>
      <c r="C42" s="10">
        <v>11</v>
      </c>
      <c r="D42" s="9">
        <v>17</v>
      </c>
    </row>
    <row r="43" spans="1:4" ht="18" customHeight="1" x14ac:dyDescent="0.15">
      <c r="A43" s="16">
        <v>31</v>
      </c>
      <c r="B43" s="29">
        <v>6</v>
      </c>
      <c r="C43" s="10">
        <v>13</v>
      </c>
      <c r="D43" s="9">
        <v>19</v>
      </c>
    </row>
    <row r="44" spans="1:4" ht="18" customHeight="1" x14ac:dyDescent="0.15">
      <c r="A44" s="16">
        <v>32</v>
      </c>
      <c r="B44" s="29">
        <v>7</v>
      </c>
      <c r="C44" s="10">
        <v>5</v>
      </c>
      <c r="D44" s="9">
        <v>12</v>
      </c>
    </row>
    <row r="45" spans="1:4" ht="18" customHeight="1" x14ac:dyDescent="0.15">
      <c r="A45" s="16">
        <v>33</v>
      </c>
      <c r="B45" s="29">
        <v>13</v>
      </c>
      <c r="C45" s="10">
        <v>5</v>
      </c>
      <c r="D45" s="9">
        <v>18</v>
      </c>
    </row>
    <row r="46" spans="1:4" ht="18" customHeight="1" x14ac:dyDescent="0.15">
      <c r="A46" s="16">
        <v>34</v>
      </c>
      <c r="B46" s="29">
        <v>15</v>
      </c>
      <c r="C46" s="10">
        <v>8</v>
      </c>
      <c r="D46" s="9">
        <v>23</v>
      </c>
    </row>
    <row r="47" spans="1:4" ht="18" customHeight="1" x14ac:dyDescent="0.15">
      <c r="A47" s="8" t="s">
        <v>61</v>
      </c>
      <c r="B47" s="29">
        <v>47</v>
      </c>
      <c r="C47" s="10">
        <v>42</v>
      </c>
      <c r="D47" s="9">
        <v>89</v>
      </c>
    </row>
    <row r="48" spans="1:4" ht="18" customHeight="1" x14ac:dyDescent="0.15">
      <c r="A48" s="16">
        <v>35</v>
      </c>
      <c r="B48" s="29">
        <v>8</v>
      </c>
      <c r="C48" s="10">
        <v>3</v>
      </c>
      <c r="D48" s="9">
        <v>11</v>
      </c>
    </row>
    <row r="49" spans="1:4" ht="18" customHeight="1" x14ac:dyDescent="0.15">
      <c r="A49" s="16">
        <v>36</v>
      </c>
      <c r="B49" s="29">
        <v>13</v>
      </c>
      <c r="C49" s="10">
        <v>7</v>
      </c>
      <c r="D49" s="9">
        <v>20</v>
      </c>
    </row>
    <row r="50" spans="1:4" ht="18" customHeight="1" x14ac:dyDescent="0.15">
      <c r="A50" s="16">
        <v>37</v>
      </c>
      <c r="B50" s="29">
        <v>7</v>
      </c>
      <c r="C50" s="10">
        <v>7</v>
      </c>
      <c r="D50" s="9">
        <v>14</v>
      </c>
    </row>
    <row r="51" spans="1:4" ht="18" customHeight="1" x14ac:dyDescent="0.15">
      <c r="A51" s="16">
        <v>38</v>
      </c>
      <c r="B51" s="29">
        <v>10</v>
      </c>
      <c r="C51" s="10">
        <v>4</v>
      </c>
      <c r="D51" s="9">
        <v>14</v>
      </c>
    </row>
    <row r="52" spans="1:4" ht="18" customHeight="1" x14ac:dyDescent="0.15">
      <c r="A52" s="16">
        <v>39</v>
      </c>
      <c r="B52" s="29">
        <v>10</v>
      </c>
      <c r="C52" s="10">
        <v>0</v>
      </c>
      <c r="D52" s="9">
        <v>10</v>
      </c>
    </row>
    <row r="53" spans="1:4" ht="18" customHeight="1" x14ac:dyDescent="0.15">
      <c r="A53" s="8" t="s">
        <v>72</v>
      </c>
      <c r="B53" s="29">
        <v>48</v>
      </c>
      <c r="C53" s="10">
        <v>21</v>
      </c>
      <c r="D53" s="9">
        <v>69</v>
      </c>
    </row>
    <row r="54" spans="1:4" ht="18" customHeight="1" x14ac:dyDescent="0.15">
      <c r="A54" s="16">
        <v>40</v>
      </c>
      <c r="B54" s="29">
        <v>9</v>
      </c>
      <c r="C54" s="10">
        <v>5</v>
      </c>
      <c r="D54" s="9">
        <v>14</v>
      </c>
    </row>
    <row r="55" spans="1:4" ht="18" customHeight="1" x14ac:dyDescent="0.15">
      <c r="A55" s="16">
        <v>41</v>
      </c>
      <c r="B55" s="29">
        <v>16</v>
      </c>
      <c r="C55" s="10">
        <v>3</v>
      </c>
      <c r="D55" s="9">
        <v>19</v>
      </c>
    </row>
    <row r="56" spans="1:4" ht="18" customHeight="1" x14ac:dyDescent="0.15">
      <c r="A56" s="16">
        <v>42</v>
      </c>
      <c r="B56" s="29">
        <v>11</v>
      </c>
      <c r="C56" s="10">
        <v>9</v>
      </c>
      <c r="D56" s="9">
        <v>20</v>
      </c>
    </row>
    <row r="57" spans="1:4" ht="18" customHeight="1" x14ac:dyDescent="0.15">
      <c r="A57" s="16">
        <v>43</v>
      </c>
      <c r="B57" s="29">
        <v>8</v>
      </c>
      <c r="C57" s="10">
        <v>5</v>
      </c>
      <c r="D57" s="9">
        <v>13</v>
      </c>
    </row>
    <row r="58" spans="1:4" ht="18" customHeight="1" x14ac:dyDescent="0.15">
      <c r="A58" s="16">
        <v>44</v>
      </c>
      <c r="B58" s="29">
        <v>9</v>
      </c>
      <c r="C58" s="10">
        <v>7</v>
      </c>
      <c r="D58" s="9">
        <v>16</v>
      </c>
    </row>
    <row r="59" spans="1:4" ht="18" customHeight="1" x14ac:dyDescent="0.15">
      <c r="A59" s="8" t="s">
        <v>46</v>
      </c>
      <c r="B59" s="29">
        <v>53</v>
      </c>
      <c r="C59" s="10">
        <v>29</v>
      </c>
      <c r="D59" s="9">
        <v>82</v>
      </c>
    </row>
    <row r="60" spans="1:4" ht="18" customHeight="1" x14ac:dyDescent="0.15">
      <c r="A60" s="16">
        <v>45</v>
      </c>
      <c r="B60" s="29">
        <v>8</v>
      </c>
      <c r="C60" s="10">
        <v>11</v>
      </c>
      <c r="D60" s="9">
        <v>19</v>
      </c>
    </row>
    <row r="61" spans="1:4" ht="18" customHeight="1" x14ac:dyDescent="0.15">
      <c r="A61" s="16">
        <v>46</v>
      </c>
      <c r="B61" s="29">
        <v>10</v>
      </c>
      <c r="C61" s="10">
        <v>9</v>
      </c>
      <c r="D61" s="9">
        <v>19</v>
      </c>
    </row>
    <row r="62" spans="1:4" ht="18" customHeight="1" x14ac:dyDescent="0.15">
      <c r="A62" s="16">
        <v>47</v>
      </c>
      <c r="B62" s="29">
        <v>12</v>
      </c>
      <c r="C62" s="10">
        <v>9</v>
      </c>
      <c r="D62" s="9">
        <v>21</v>
      </c>
    </row>
    <row r="63" spans="1:4" ht="18" customHeight="1" x14ac:dyDescent="0.15">
      <c r="A63" s="16">
        <v>48</v>
      </c>
      <c r="B63" s="29">
        <v>17</v>
      </c>
      <c r="C63" s="10">
        <v>7</v>
      </c>
      <c r="D63" s="9">
        <v>24</v>
      </c>
    </row>
    <row r="64" spans="1:4" ht="18" customHeight="1" x14ac:dyDescent="0.15">
      <c r="A64" s="16">
        <v>49</v>
      </c>
      <c r="B64" s="29">
        <v>19</v>
      </c>
      <c r="C64" s="10">
        <v>15</v>
      </c>
      <c r="D64" s="9">
        <v>34</v>
      </c>
    </row>
    <row r="65" spans="1:4" ht="18" customHeight="1" x14ac:dyDescent="0.15">
      <c r="A65" s="8" t="s">
        <v>45</v>
      </c>
      <c r="B65" s="29">
        <v>66</v>
      </c>
      <c r="C65" s="10">
        <v>51</v>
      </c>
      <c r="D65" s="9">
        <v>117</v>
      </c>
    </row>
    <row r="66" spans="1:4" ht="18" customHeight="1" x14ac:dyDescent="0.15">
      <c r="A66" s="16">
        <v>50</v>
      </c>
      <c r="B66" s="29">
        <v>8</v>
      </c>
      <c r="C66" s="10">
        <v>10</v>
      </c>
      <c r="D66" s="9">
        <v>18</v>
      </c>
    </row>
    <row r="67" spans="1:4" ht="18" customHeight="1" x14ac:dyDescent="0.15">
      <c r="A67" s="16">
        <v>51</v>
      </c>
      <c r="B67" s="29">
        <v>10</v>
      </c>
      <c r="C67" s="10">
        <v>6</v>
      </c>
      <c r="D67" s="9">
        <v>16</v>
      </c>
    </row>
    <row r="68" spans="1:4" ht="18" customHeight="1" x14ac:dyDescent="0.15">
      <c r="A68" s="16">
        <v>52</v>
      </c>
      <c r="B68" s="29">
        <v>8</v>
      </c>
      <c r="C68" s="10">
        <v>9</v>
      </c>
      <c r="D68" s="9">
        <v>17</v>
      </c>
    </row>
    <row r="69" spans="1:4" ht="18" customHeight="1" x14ac:dyDescent="0.15">
      <c r="A69" s="16">
        <v>53</v>
      </c>
      <c r="B69" s="29">
        <v>15</v>
      </c>
      <c r="C69" s="10">
        <v>13</v>
      </c>
      <c r="D69" s="9">
        <v>28</v>
      </c>
    </row>
    <row r="70" spans="1:4" ht="18" customHeight="1" x14ac:dyDescent="0.15">
      <c r="A70" s="16">
        <v>54</v>
      </c>
      <c r="B70" s="29">
        <v>9</v>
      </c>
      <c r="C70" s="10">
        <v>5</v>
      </c>
      <c r="D70" s="9">
        <v>14</v>
      </c>
    </row>
    <row r="71" spans="1:4" ht="18" customHeight="1" x14ac:dyDescent="0.15">
      <c r="A71" s="8" t="s">
        <v>58</v>
      </c>
      <c r="B71" s="29">
        <v>50</v>
      </c>
      <c r="C71" s="10">
        <v>43</v>
      </c>
      <c r="D71" s="9">
        <v>93</v>
      </c>
    </row>
    <row r="72" spans="1:4" ht="18" customHeight="1" x14ac:dyDescent="0.15">
      <c r="A72" s="16">
        <v>55</v>
      </c>
      <c r="B72" s="29">
        <v>7</v>
      </c>
      <c r="C72" s="10">
        <v>9</v>
      </c>
      <c r="D72" s="9">
        <v>16</v>
      </c>
    </row>
    <row r="73" spans="1:4" ht="18" customHeight="1" x14ac:dyDescent="0.15">
      <c r="A73" s="16">
        <v>56</v>
      </c>
      <c r="B73" s="29">
        <v>16</v>
      </c>
      <c r="C73" s="10">
        <v>7</v>
      </c>
      <c r="D73" s="9">
        <v>23</v>
      </c>
    </row>
    <row r="74" spans="1:4" ht="18" customHeight="1" x14ac:dyDescent="0.15">
      <c r="A74" s="16">
        <v>57</v>
      </c>
      <c r="B74" s="29">
        <v>9</v>
      </c>
      <c r="C74" s="10">
        <v>9</v>
      </c>
      <c r="D74" s="9">
        <v>18</v>
      </c>
    </row>
    <row r="75" spans="1:4" ht="18" customHeight="1" x14ac:dyDescent="0.15">
      <c r="A75" s="16">
        <v>58</v>
      </c>
      <c r="B75" s="29">
        <v>14</v>
      </c>
      <c r="C75" s="10">
        <v>8</v>
      </c>
      <c r="D75" s="9">
        <v>22</v>
      </c>
    </row>
    <row r="76" spans="1:4" ht="18" customHeight="1" x14ac:dyDescent="0.15">
      <c r="A76" s="16">
        <v>59</v>
      </c>
      <c r="B76" s="29">
        <v>8</v>
      </c>
      <c r="C76" s="10">
        <v>8</v>
      </c>
      <c r="D76" s="9">
        <v>16</v>
      </c>
    </row>
    <row r="77" spans="1:4" ht="18" customHeight="1" x14ac:dyDescent="0.15">
      <c r="A77" s="8" t="s">
        <v>71</v>
      </c>
      <c r="B77" s="29">
        <v>54</v>
      </c>
      <c r="C77" s="10">
        <v>41</v>
      </c>
      <c r="D77" s="9">
        <v>95</v>
      </c>
    </row>
    <row r="78" spans="1:4" ht="18" customHeight="1" x14ac:dyDescent="0.15">
      <c r="A78" s="16">
        <v>60</v>
      </c>
      <c r="B78" s="29">
        <v>6</v>
      </c>
      <c r="C78" s="10">
        <v>18</v>
      </c>
      <c r="D78" s="9">
        <v>24</v>
      </c>
    </row>
    <row r="79" spans="1:4" ht="18" customHeight="1" x14ac:dyDescent="0.15">
      <c r="A79" s="16">
        <v>61</v>
      </c>
      <c r="B79" s="29">
        <v>13</v>
      </c>
      <c r="C79" s="10">
        <v>9</v>
      </c>
      <c r="D79" s="9">
        <v>22</v>
      </c>
    </row>
    <row r="80" spans="1:4" ht="18" customHeight="1" x14ac:dyDescent="0.15">
      <c r="A80" s="16">
        <v>62</v>
      </c>
      <c r="B80" s="29">
        <v>9</v>
      </c>
      <c r="C80" s="10">
        <v>12</v>
      </c>
      <c r="D80" s="9">
        <v>21</v>
      </c>
    </row>
    <row r="81" spans="1:4" ht="18" customHeight="1" x14ac:dyDescent="0.15">
      <c r="A81" s="16">
        <v>63</v>
      </c>
      <c r="B81" s="29">
        <v>6</v>
      </c>
      <c r="C81" s="10">
        <v>7</v>
      </c>
      <c r="D81" s="9">
        <v>13</v>
      </c>
    </row>
    <row r="82" spans="1:4" ht="18" customHeight="1" x14ac:dyDescent="0.15">
      <c r="A82" s="16">
        <v>64</v>
      </c>
      <c r="B82" s="29">
        <v>8</v>
      </c>
      <c r="C82" s="10">
        <v>4</v>
      </c>
      <c r="D82" s="9">
        <v>12</v>
      </c>
    </row>
    <row r="83" spans="1:4" ht="18" customHeight="1" x14ac:dyDescent="0.15">
      <c r="A83" s="8" t="s">
        <v>189</v>
      </c>
      <c r="B83" s="29">
        <v>42</v>
      </c>
      <c r="C83" s="10">
        <v>50</v>
      </c>
      <c r="D83" s="9">
        <v>92</v>
      </c>
    </row>
    <row r="84" spans="1:4" ht="18" customHeight="1" x14ac:dyDescent="0.15">
      <c r="A84" s="8" t="s">
        <v>100</v>
      </c>
      <c r="B84" s="29">
        <v>580</v>
      </c>
      <c r="C84" s="10">
        <v>491</v>
      </c>
      <c r="D84" s="9">
        <v>1071</v>
      </c>
    </row>
    <row r="85" spans="1:4" ht="18" customHeight="1" x14ac:dyDescent="0.15">
      <c r="A85" s="16">
        <v>65</v>
      </c>
      <c r="B85" s="29">
        <v>10</v>
      </c>
      <c r="C85" s="10">
        <v>10</v>
      </c>
      <c r="D85" s="9">
        <v>20</v>
      </c>
    </row>
    <row r="86" spans="1:4" ht="18" customHeight="1" x14ac:dyDescent="0.15">
      <c r="A86" s="16">
        <v>66</v>
      </c>
      <c r="B86" s="29">
        <v>9</v>
      </c>
      <c r="C86" s="10">
        <v>6</v>
      </c>
      <c r="D86" s="9">
        <v>15</v>
      </c>
    </row>
    <row r="87" spans="1:4" ht="18" customHeight="1" x14ac:dyDescent="0.15">
      <c r="A87" s="16">
        <v>67</v>
      </c>
      <c r="B87" s="29">
        <v>10</v>
      </c>
      <c r="C87" s="10">
        <v>10</v>
      </c>
      <c r="D87" s="9">
        <v>20</v>
      </c>
    </row>
    <row r="88" spans="1:4" ht="18" customHeight="1" x14ac:dyDescent="0.15">
      <c r="A88" s="16">
        <v>68</v>
      </c>
      <c r="B88" s="29">
        <v>8</v>
      </c>
      <c r="C88" s="10">
        <v>8</v>
      </c>
      <c r="D88" s="9">
        <v>16</v>
      </c>
    </row>
    <row r="89" spans="1:4" ht="18" customHeight="1" x14ac:dyDescent="0.15">
      <c r="A89" s="16">
        <v>69</v>
      </c>
      <c r="B89" s="29">
        <v>8</v>
      </c>
      <c r="C89" s="10">
        <v>12</v>
      </c>
      <c r="D89" s="9">
        <v>20</v>
      </c>
    </row>
    <row r="90" spans="1:4" ht="18" customHeight="1" x14ac:dyDescent="0.15">
      <c r="A90" s="8" t="s">
        <v>42</v>
      </c>
      <c r="B90" s="29">
        <v>45</v>
      </c>
      <c r="C90" s="10">
        <v>46</v>
      </c>
      <c r="D90" s="9">
        <v>91</v>
      </c>
    </row>
    <row r="91" spans="1:4" ht="18" customHeight="1" x14ac:dyDescent="0.15">
      <c r="A91" s="16">
        <v>70</v>
      </c>
      <c r="B91" s="29">
        <v>10</v>
      </c>
      <c r="C91" s="10">
        <v>7</v>
      </c>
      <c r="D91" s="9">
        <v>17</v>
      </c>
    </row>
    <row r="92" spans="1:4" ht="18" customHeight="1" x14ac:dyDescent="0.15">
      <c r="A92" s="16">
        <v>71</v>
      </c>
      <c r="B92" s="29">
        <v>9</v>
      </c>
      <c r="C92" s="10">
        <v>10</v>
      </c>
      <c r="D92" s="9">
        <v>19</v>
      </c>
    </row>
    <row r="93" spans="1:4" ht="18" customHeight="1" x14ac:dyDescent="0.15">
      <c r="A93" s="16">
        <v>72</v>
      </c>
      <c r="B93" s="29">
        <v>12</v>
      </c>
      <c r="C93" s="10">
        <v>20</v>
      </c>
      <c r="D93" s="9">
        <v>32</v>
      </c>
    </row>
    <row r="94" spans="1:4" ht="18" customHeight="1" x14ac:dyDescent="0.15">
      <c r="A94" s="16">
        <v>73</v>
      </c>
      <c r="B94" s="29">
        <v>13</v>
      </c>
      <c r="C94" s="10">
        <v>17</v>
      </c>
      <c r="D94" s="9">
        <v>30</v>
      </c>
    </row>
    <row r="95" spans="1:4" ht="18" customHeight="1" x14ac:dyDescent="0.15">
      <c r="A95" s="16">
        <v>74</v>
      </c>
      <c r="B95" s="29">
        <v>18</v>
      </c>
      <c r="C95" s="10">
        <v>21</v>
      </c>
      <c r="D95" s="9">
        <v>39</v>
      </c>
    </row>
    <row r="96" spans="1:4" ht="18" customHeight="1" x14ac:dyDescent="0.15">
      <c r="A96" s="8" t="s">
        <v>41</v>
      </c>
      <c r="B96" s="29">
        <v>62</v>
      </c>
      <c r="C96" s="10">
        <v>75</v>
      </c>
      <c r="D96" s="9">
        <v>137</v>
      </c>
    </row>
    <row r="97" spans="1:4" ht="18" customHeight="1" x14ac:dyDescent="0.15">
      <c r="A97" s="16">
        <v>75</v>
      </c>
      <c r="B97" s="29">
        <v>15</v>
      </c>
      <c r="C97" s="10">
        <v>14</v>
      </c>
      <c r="D97" s="9">
        <v>29</v>
      </c>
    </row>
    <row r="98" spans="1:4" ht="18" customHeight="1" x14ac:dyDescent="0.15">
      <c r="A98" s="16">
        <v>76</v>
      </c>
      <c r="B98" s="29">
        <v>8</v>
      </c>
      <c r="C98" s="10">
        <v>12</v>
      </c>
      <c r="D98" s="9">
        <v>20</v>
      </c>
    </row>
    <row r="99" spans="1:4" ht="18" customHeight="1" x14ac:dyDescent="0.15">
      <c r="A99" s="16">
        <v>77</v>
      </c>
      <c r="B99" s="29">
        <v>4</v>
      </c>
      <c r="C99" s="10">
        <v>4</v>
      </c>
      <c r="D99" s="9">
        <v>8</v>
      </c>
    </row>
    <row r="100" spans="1:4" ht="18" customHeight="1" x14ac:dyDescent="0.15">
      <c r="A100" s="16">
        <v>78</v>
      </c>
      <c r="B100" s="29">
        <v>8</v>
      </c>
      <c r="C100" s="10">
        <v>15</v>
      </c>
      <c r="D100" s="9">
        <v>23</v>
      </c>
    </row>
    <row r="101" spans="1:4" ht="18" customHeight="1" x14ac:dyDescent="0.15">
      <c r="A101" s="16">
        <v>79</v>
      </c>
      <c r="B101" s="29">
        <v>8</v>
      </c>
      <c r="C101" s="10">
        <v>3</v>
      </c>
      <c r="D101" s="9">
        <v>11</v>
      </c>
    </row>
    <row r="102" spans="1:4" ht="18" customHeight="1" x14ac:dyDescent="0.15">
      <c r="A102" s="8" t="s">
        <v>70</v>
      </c>
      <c r="B102" s="29">
        <v>43</v>
      </c>
      <c r="C102" s="10">
        <v>48</v>
      </c>
      <c r="D102" s="9">
        <v>91</v>
      </c>
    </row>
    <row r="103" spans="1:4" ht="18" customHeight="1" x14ac:dyDescent="0.15">
      <c r="A103" s="16">
        <v>80</v>
      </c>
      <c r="B103" s="29">
        <v>9</v>
      </c>
      <c r="C103" s="10">
        <v>4</v>
      </c>
      <c r="D103" s="9">
        <v>13</v>
      </c>
    </row>
    <row r="104" spans="1:4" ht="18" customHeight="1" x14ac:dyDescent="0.15">
      <c r="A104" s="16">
        <v>81</v>
      </c>
      <c r="B104" s="29">
        <v>7</v>
      </c>
      <c r="C104" s="10">
        <v>9</v>
      </c>
      <c r="D104" s="9">
        <v>16</v>
      </c>
    </row>
    <row r="105" spans="1:4" ht="18" customHeight="1" x14ac:dyDescent="0.15">
      <c r="A105" s="16">
        <v>82</v>
      </c>
      <c r="B105" s="29">
        <v>1</v>
      </c>
      <c r="C105" s="10">
        <v>5</v>
      </c>
      <c r="D105" s="9">
        <v>6</v>
      </c>
    </row>
    <row r="106" spans="1:4" ht="18" customHeight="1" x14ac:dyDescent="0.15">
      <c r="A106" s="16">
        <v>83</v>
      </c>
      <c r="B106" s="29">
        <v>5</v>
      </c>
      <c r="C106" s="10">
        <v>11</v>
      </c>
      <c r="D106" s="9">
        <v>16</v>
      </c>
    </row>
    <row r="107" spans="1:4" ht="18" customHeight="1" x14ac:dyDescent="0.15">
      <c r="A107" s="16">
        <v>84</v>
      </c>
      <c r="B107" s="29">
        <v>5</v>
      </c>
      <c r="C107" s="10">
        <v>5</v>
      </c>
      <c r="D107" s="9">
        <v>10</v>
      </c>
    </row>
    <row r="108" spans="1:4" ht="18" customHeight="1" x14ac:dyDescent="0.15">
      <c r="A108" s="8" t="s">
        <v>39</v>
      </c>
      <c r="B108" s="29">
        <v>27</v>
      </c>
      <c r="C108" s="10">
        <v>34</v>
      </c>
      <c r="D108" s="9">
        <v>61</v>
      </c>
    </row>
    <row r="109" spans="1:4" ht="18" customHeight="1" x14ac:dyDescent="0.15">
      <c r="A109" s="16">
        <v>85</v>
      </c>
      <c r="B109" s="29">
        <v>5</v>
      </c>
      <c r="C109" s="10">
        <v>5</v>
      </c>
      <c r="D109" s="9">
        <v>10</v>
      </c>
    </row>
    <row r="110" spans="1:4" ht="18" customHeight="1" x14ac:dyDescent="0.15">
      <c r="A110" s="16">
        <v>86</v>
      </c>
      <c r="B110" s="29">
        <v>1</v>
      </c>
      <c r="C110" s="10">
        <v>6</v>
      </c>
      <c r="D110" s="9">
        <v>7</v>
      </c>
    </row>
    <row r="111" spans="1:4" ht="18" customHeight="1" x14ac:dyDescent="0.15">
      <c r="A111" s="16">
        <v>87</v>
      </c>
      <c r="B111" s="29">
        <v>2</v>
      </c>
      <c r="C111" s="10">
        <v>7</v>
      </c>
      <c r="D111" s="9">
        <v>9</v>
      </c>
    </row>
    <row r="112" spans="1:4" ht="18" customHeight="1" x14ac:dyDescent="0.15">
      <c r="A112" s="16">
        <v>88</v>
      </c>
      <c r="B112" s="29">
        <v>4</v>
      </c>
      <c r="C112" s="10">
        <v>3</v>
      </c>
      <c r="D112" s="9">
        <v>7</v>
      </c>
    </row>
    <row r="113" spans="1:4" ht="18" customHeight="1" x14ac:dyDescent="0.15">
      <c r="A113" s="16">
        <v>89</v>
      </c>
      <c r="B113" s="29">
        <v>2</v>
      </c>
      <c r="C113" s="10">
        <v>4</v>
      </c>
      <c r="D113" s="9">
        <v>6</v>
      </c>
    </row>
    <row r="114" spans="1:4" ht="18" customHeight="1" x14ac:dyDescent="0.15">
      <c r="A114" s="8" t="s">
        <v>38</v>
      </c>
      <c r="B114" s="29">
        <v>14</v>
      </c>
      <c r="C114" s="10">
        <v>25</v>
      </c>
      <c r="D114" s="9">
        <v>39</v>
      </c>
    </row>
    <row r="115" spans="1:4" ht="18" customHeight="1" x14ac:dyDescent="0.15">
      <c r="A115" s="16">
        <v>90</v>
      </c>
      <c r="B115" s="29">
        <v>2</v>
      </c>
      <c r="C115" s="10">
        <v>7</v>
      </c>
      <c r="D115" s="9">
        <v>9</v>
      </c>
    </row>
    <row r="116" spans="1:4" ht="18" customHeight="1" x14ac:dyDescent="0.15">
      <c r="A116" s="16">
        <v>91</v>
      </c>
      <c r="B116" s="29">
        <v>0</v>
      </c>
      <c r="C116" s="10">
        <v>6</v>
      </c>
      <c r="D116" s="9">
        <v>6</v>
      </c>
    </row>
    <row r="117" spans="1:4" ht="18" customHeight="1" x14ac:dyDescent="0.15">
      <c r="A117" s="16">
        <v>92</v>
      </c>
      <c r="B117" s="29">
        <v>1</v>
      </c>
      <c r="C117" s="10">
        <v>2</v>
      </c>
      <c r="D117" s="9">
        <v>3</v>
      </c>
    </row>
    <row r="118" spans="1:4" ht="18" customHeight="1" x14ac:dyDescent="0.15">
      <c r="A118" s="16">
        <v>93</v>
      </c>
      <c r="B118" s="29">
        <v>2</v>
      </c>
      <c r="C118" s="10">
        <v>4</v>
      </c>
      <c r="D118" s="9">
        <v>6</v>
      </c>
    </row>
    <row r="119" spans="1:4" ht="18" customHeight="1" x14ac:dyDescent="0.15">
      <c r="A119" s="16">
        <v>94</v>
      </c>
      <c r="B119" s="29">
        <v>0</v>
      </c>
      <c r="C119" s="10">
        <v>3</v>
      </c>
      <c r="D119" s="9">
        <v>3</v>
      </c>
    </row>
    <row r="120" spans="1:4" ht="18" customHeight="1" x14ac:dyDescent="0.15">
      <c r="A120" s="8" t="s">
        <v>69</v>
      </c>
      <c r="B120" s="29">
        <v>5</v>
      </c>
      <c r="C120" s="10">
        <v>22</v>
      </c>
      <c r="D120" s="9">
        <v>27</v>
      </c>
    </row>
    <row r="121" spans="1:4" ht="18" customHeight="1" x14ac:dyDescent="0.15">
      <c r="A121" s="16">
        <v>95</v>
      </c>
      <c r="B121" s="29">
        <v>0</v>
      </c>
      <c r="C121" s="10">
        <v>2</v>
      </c>
      <c r="D121" s="9">
        <v>2</v>
      </c>
    </row>
    <row r="122" spans="1:4" ht="18" customHeight="1" x14ac:dyDescent="0.15">
      <c r="A122" s="16">
        <v>96</v>
      </c>
      <c r="B122" s="29">
        <v>1</v>
      </c>
      <c r="C122" s="10">
        <v>1</v>
      </c>
      <c r="D122" s="9">
        <v>2</v>
      </c>
    </row>
    <row r="123" spans="1:4" ht="18" customHeight="1" x14ac:dyDescent="0.15">
      <c r="A123" s="16">
        <v>97</v>
      </c>
      <c r="B123" s="29">
        <v>0</v>
      </c>
      <c r="C123" s="10">
        <v>0</v>
      </c>
      <c r="D123" s="9">
        <v>0</v>
      </c>
    </row>
    <row r="124" spans="1:4" ht="18" customHeight="1" x14ac:dyDescent="0.15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144</v>
      </c>
      <c r="B126" s="29">
        <v>1</v>
      </c>
      <c r="C126" s="10">
        <v>5</v>
      </c>
      <c r="D126" s="9">
        <v>6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95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35</v>
      </c>
      <c r="B130" s="28">
        <v>197</v>
      </c>
      <c r="C130" s="6">
        <v>255</v>
      </c>
      <c r="D130" s="5">
        <v>452</v>
      </c>
    </row>
    <row r="131" spans="1:4" ht="18" customHeight="1" x14ac:dyDescent="0.15">
      <c r="A131" s="4" t="s">
        <v>0</v>
      </c>
      <c r="B131" s="27">
        <v>828</v>
      </c>
      <c r="C131" s="2">
        <v>798</v>
      </c>
      <c r="D131" s="1">
        <v>16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9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0</v>
      </c>
      <c r="C5" s="18">
        <v>5</v>
      </c>
      <c r="D5" s="17">
        <v>15</v>
      </c>
    </row>
    <row r="6" spans="1:4" ht="18" customHeight="1" x14ac:dyDescent="0.15">
      <c r="A6" s="16">
        <v>1</v>
      </c>
      <c r="B6" s="29">
        <v>11</v>
      </c>
      <c r="C6" s="10">
        <v>9</v>
      </c>
      <c r="D6" s="9">
        <v>20</v>
      </c>
    </row>
    <row r="7" spans="1:4" ht="18" customHeight="1" x14ac:dyDescent="0.15">
      <c r="A7" s="16">
        <v>2</v>
      </c>
      <c r="B7" s="29">
        <v>7</v>
      </c>
      <c r="C7" s="10">
        <v>8</v>
      </c>
      <c r="D7" s="9">
        <v>15</v>
      </c>
    </row>
    <row r="8" spans="1:4" ht="18" customHeight="1" x14ac:dyDescent="0.15">
      <c r="A8" s="16">
        <v>3</v>
      </c>
      <c r="B8" s="29">
        <v>9</v>
      </c>
      <c r="C8" s="10">
        <v>15</v>
      </c>
      <c r="D8" s="9">
        <v>24</v>
      </c>
    </row>
    <row r="9" spans="1:4" ht="18" customHeight="1" x14ac:dyDescent="0.15">
      <c r="A9" s="16">
        <v>4</v>
      </c>
      <c r="B9" s="29">
        <v>18</v>
      </c>
      <c r="C9" s="10">
        <v>11</v>
      </c>
      <c r="D9" s="9">
        <v>29</v>
      </c>
    </row>
    <row r="10" spans="1:4" ht="18" customHeight="1" x14ac:dyDescent="0.15">
      <c r="A10" s="8" t="s">
        <v>76</v>
      </c>
      <c r="B10" s="29">
        <v>55</v>
      </c>
      <c r="C10" s="10">
        <v>48</v>
      </c>
      <c r="D10" s="9">
        <v>103</v>
      </c>
    </row>
    <row r="11" spans="1:4" ht="18" customHeight="1" x14ac:dyDescent="0.15">
      <c r="A11" s="16">
        <v>5</v>
      </c>
      <c r="B11" s="29">
        <v>6</v>
      </c>
      <c r="C11" s="10">
        <v>13</v>
      </c>
      <c r="D11" s="9">
        <v>19</v>
      </c>
    </row>
    <row r="12" spans="1:4" ht="18" customHeight="1" x14ac:dyDescent="0.15">
      <c r="A12" s="16">
        <v>6</v>
      </c>
      <c r="B12" s="29">
        <v>16</v>
      </c>
      <c r="C12" s="10">
        <v>9</v>
      </c>
      <c r="D12" s="9">
        <v>25</v>
      </c>
    </row>
    <row r="13" spans="1:4" ht="18" customHeight="1" x14ac:dyDescent="0.15">
      <c r="A13" s="16">
        <v>7</v>
      </c>
      <c r="B13" s="29">
        <v>13</v>
      </c>
      <c r="C13" s="10">
        <v>16</v>
      </c>
      <c r="D13" s="9">
        <v>29</v>
      </c>
    </row>
    <row r="14" spans="1:4" ht="18" customHeight="1" x14ac:dyDescent="0.15">
      <c r="A14" s="16">
        <v>8</v>
      </c>
      <c r="B14" s="29">
        <v>9</v>
      </c>
      <c r="C14" s="10">
        <v>23</v>
      </c>
      <c r="D14" s="9">
        <v>32</v>
      </c>
    </row>
    <row r="15" spans="1:4" ht="18" customHeight="1" x14ac:dyDescent="0.15">
      <c r="A15" s="16">
        <v>9</v>
      </c>
      <c r="B15" s="29">
        <v>12</v>
      </c>
      <c r="C15" s="10">
        <v>11</v>
      </c>
      <c r="D15" s="9">
        <v>23</v>
      </c>
    </row>
    <row r="16" spans="1:4" ht="18" customHeight="1" x14ac:dyDescent="0.15">
      <c r="A16" s="8" t="s">
        <v>50</v>
      </c>
      <c r="B16" s="29">
        <v>56</v>
      </c>
      <c r="C16" s="10">
        <v>72</v>
      </c>
      <c r="D16" s="9">
        <v>128</v>
      </c>
    </row>
    <row r="17" spans="1:4" ht="18" customHeight="1" x14ac:dyDescent="0.15">
      <c r="A17" s="16">
        <v>10</v>
      </c>
      <c r="B17" s="29">
        <v>16</v>
      </c>
      <c r="C17" s="10">
        <v>9</v>
      </c>
      <c r="D17" s="9">
        <v>25</v>
      </c>
    </row>
    <row r="18" spans="1:4" ht="18" customHeight="1" x14ac:dyDescent="0.15">
      <c r="A18" s="16">
        <v>11</v>
      </c>
      <c r="B18" s="29">
        <v>16</v>
      </c>
      <c r="C18" s="10">
        <v>10</v>
      </c>
      <c r="D18" s="9">
        <v>26</v>
      </c>
    </row>
    <row r="19" spans="1:4" ht="18" customHeight="1" x14ac:dyDescent="0.15">
      <c r="A19" s="16">
        <v>12</v>
      </c>
      <c r="B19" s="29">
        <v>11</v>
      </c>
      <c r="C19" s="10">
        <v>16</v>
      </c>
      <c r="D19" s="9">
        <v>27</v>
      </c>
    </row>
    <row r="20" spans="1:4" ht="18" customHeight="1" x14ac:dyDescent="0.15">
      <c r="A20" s="16">
        <v>13</v>
      </c>
      <c r="B20" s="29">
        <v>14</v>
      </c>
      <c r="C20" s="10">
        <v>8</v>
      </c>
      <c r="D20" s="9">
        <v>22</v>
      </c>
    </row>
    <row r="21" spans="1:4" ht="18" customHeight="1" x14ac:dyDescent="0.15">
      <c r="A21" s="16">
        <v>14</v>
      </c>
      <c r="B21" s="29">
        <v>18</v>
      </c>
      <c r="C21" s="10">
        <v>15</v>
      </c>
      <c r="D21" s="9">
        <v>33</v>
      </c>
    </row>
    <row r="22" spans="1:4" ht="18" customHeight="1" x14ac:dyDescent="0.15">
      <c r="A22" s="8" t="s">
        <v>75</v>
      </c>
      <c r="B22" s="29">
        <v>75</v>
      </c>
      <c r="C22" s="10">
        <v>58</v>
      </c>
      <c r="D22" s="9">
        <v>133</v>
      </c>
    </row>
    <row r="23" spans="1:4" ht="18" customHeight="1" x14ac:dyDescent="0.15">
      <c r="A23" s="8" t="s">
        <v>65</v>
      </c>
      <c r="B23" s="29">
        <v>186</v>
      </c>
      <c r="C23" s="10">
        <v>178</v>
      </c>
      <c r="D23" s="9">
        <v>364</v>
      </c>
    </row>
    <row r="24" spans="1:4" ht="18" customHeight="1" x14ac:dyDescent="0.15">
      <c r="A24" s="16">
        <v>15</v>
      </c>
      <c r="B24" s="29">
        <v>12</v>
      </c>
      <c r="C24" s="10">
        <v>20</v>
      </c>
      <c r="D24" s="9">
        <v>32</v>
      </c>
    </row>
    <row r="25" spans="1:4" ht="18" customHeight="1" x14ac:dyDescent="0.15">
      <c r="A25" s="16">
        <v>16</v>
      </c>
      <c r="B25" s="29">
        <v>16</v>
      </c>
      <c r="C25" s="10">
        <v>12</v>
      </c>
      <c r="D25" s="9">
        <v>28</v>
      </c>
    </row>
    <row r="26" spans="1:4" ht="18" customHeight="1" x14ac:dyDescent="0.15">
      <c r="A26" s="16">
        <v>17</v>
      </c>
      <c r="B26" s="29">
        <v>12</v>
      </c>
      <c r="C26" s="10">
        <v>15</v>
      </c>
      <c r="D26" s="9">
        <v>27</v>
      </c>
    </row>
    <row r="27" spans="1:4" ht="18" customHeight="1" x14ac:dyDescent="0.15">
      <c r="A27" s="16">
        <v>18</v>
      </c>
      <c r="B27" s="29">
        <v>12</v>
      </c>
      <c r="C27" s="10">
        <v>12</v>
      </c>
      <c r="D27" s="9">
        <v>24</v>
      </c>
    </row>
    <row r="28" spans="1:4" ht="18" customHeight="1" x14ac:dyDescent="0.15">
      <c r="A28" s="16">
        <v>19</v>
      </c>
      <c r="B28" s="29">
        <v>11</v>
      </c>
      <c r="C28" s="10">
        <v>11</v>
      </c>
      <c r="D28" s="9">
        <v>22</v>
      </c>
    </row>
    <row r="29" spans="1:4" ht="18" customHeight="1" x14ac:dyDescent="0.15">
      <c r="A29" s="8" t="s">
        <v>48</v>
      </c>
      <c r="B29" s="29">
        <v>63</v>
      </c>
      <c r="C29" s="10">
        <v>70</v>
      </c>
      <c r="D29" s="9">
        <v>133</v>
      </c>
    </row>
    <row r="30" spans="1:4" ht="18" customHeight="1" x14ac:dyDescent="0.15">
      <c r="A30" s="16">
        <v>20</v>
      </c>
      <c r="B30" s="29">
        <v>15</v>
      </c>
      <c r="C30" s="10">
        <v>16</v>
      </c>
      <c r="D30" s="9">
        <v>31</v>
      </c>
    </row>
    <row r="31" spans="1:4" ht="18" customHeight="1" x14ac:dyDescent="0.15">
      <c r="A31" s="16">
        <v>21</v>
      </c>
      <c r="B31" s="29">
        <v>18</v>
      </c>
      <c r="C31" s="10">
        <v>14</v>
      </c>
      <c r="D31" s="9">
        <v>32</v>
      </c>
    </row>
    <row r="32" spans="1:4" ht="18" customHeight="1" x14ac:dyDescent="0.15">
      <c r="A32" s="16">
        <v>22</v>
      </c>
      <c r="B32" s="29">
        <v>24</v>
      </c>
      <c r="C32" s="10">
        <v>21</v>
      </c>
      <c r="D32" s="9">
        <v>45</v>
      </c>
    </row>
    <row r="33" spans="1:4" ht="18" customHeight="1" x14ac:dyDescent="0.15">
      <c r="A33" s="16">
        <v>23</v>
      </c>
      <c r="B33" s="29">
        <v>17</v>
      </c>
      <c r="C33" s="10">
        <v>17</v>
      </c>
      <c r="D33" s="9">
        <v>34</v>
      </c>
    </row>
    <row r="34" spans="1:4" ht="18" customHeight="1" x14ac:dyDescent="0.15">
      <c r="A34" s="16">
        <v>24</v>
      </c>
      <c r="B34" s="29">
        <v>17</v>
      </c>
      <c r="C34" s="10">
        <v>9</v>
      </c>
      <c r="D34" s="9">
        <v>26</v>
      </c>
    </row>
    <row r="35" spans="1:4" ht="18" customHeight="1" x14ac:dyDescent="0.15">
      <c r="A35" s="8" t="s">
        <v>74</v>
      </c>
      <c r="B35" s="29">
        <v>91</v>
      </c>
      <c r="C35" s="10">
        <v>77</v>
      </c>
      <c r="D35" s="9">
        <v>168</v>
      </c>
    </row>
    <row r="36" spans="1:4" ht="18" customHeight="1" x14ac:dyDescent="0.15">
      <c r="A36" s="16">
        <v>25</v>
      </c>
      <c r="B36" s="29">
        <v>20</v>
      </c>
      <c r="C36" s="10">
        <v>16</v>
      </c>
      <c r="D36" s="9">
        <v>36</v>
      </c>
    </row>
    <row r="37" spans="1:4" ht="18" customHeight="1" x14ac:dyDescent="0.15">
      <c r="A37" s="16">
        <v>26</v>
      </c>
      <c r="B37" s="29">
        <v>17</v>
      </c>
      <c r="C37" s="10">
        <v>10</v>
      </c>
      <c r="D37" s="9">
        <v>27</v>
      </c>
    </row>
    <row r="38" spans="1:4" ht="18" customHeight="1" x14ac:dyDescent="0.15">
      <c r="A38" s="16">
        <v>27</v>
      </c>
      <c r="B38" s="29">
        <v>16</v>
      </c>
      <c r="C38" s="10">
        <v>5</v>
      </c>
      <c r="D38" s="9">
        <v>21</v>
      </c>
    </row>
    <row r="39" spans="1:4" ht="18" customHeight="1" x14ac:dyDescent="0.15">
      <c r="A39" s="16">
        <v>28</v>
      </c>
      <c r="B39" s="29">
        <v>9</v>
      </c>
      <c r="C39" s="10">
        <v>10</v>
      </c>
      <c r="D39" s="9">
        <v>19</v>
      </c>
    </row>
    <row r="40" spans="1:4" ht="18" customHeight="1" x14ac:dyDescent="0.15">
      <c r="A40" s="16">
        <v>29</v>
      </c>
      <c r="B40" s="29">
        <v>14</v>
      </c>
      <c r="C40" s="10">
        <v>17</v>
      </c>
      <c r="D40" s="9">
        <v>31</v>
      </c>
    </row>
    <row r="41" spans="1:4" ht="18" customHeight="1" x14ac:dyDescent="0.15">
      <c r="A41" s="8" t="s">
        <v>73</v>
      </c>
      <c r="B41" s="29">
        <v>76</v>
      </c>
      <c r="C41" s="10">
        <v>58</v>
      </c>
      <c r="D41" s="9">
        <v>134</v>
      </c>
    </row>
    <row r="42" spans="1:4" ht="18" customHeight="1" x14ac:dyDescent="0.15">
      <c r="A42" s="16">
        <v>30</v>
      </c>
      <c r="B42" s="29">
        <v>10</v>
      </c>
      <c r="C42" s="10">
        <v>13</v>
      </c>
      <c r="D42" s="9">
        <v>23</v>
      </c>
    </row>
    <row r="43" spans="1:4" ht="18" customHeight="1" x14ac:dyDescent="0.15">
      <c r="A43" s="16">
        <v>31</v>
      </c>
      <c r="B43" s="29">
        <v>14</v>
      </c>
      <c r="C43" s="10">
        <v>15</v>
      </c>
      <c r="D43" s="9">
        <v>29</v>
      </c>
    </row>
    <row r="44" spans="1:4" ht="18" customHeight="1" x14ac:dyDescent="0.15">
      <c r="A44" s="16">
        <v>32</v>
      </c>
      <c r="B44" s="29">
        <v>12</v>
      </c>
      <c r="C44" s="10">
        <v>14</v>
      </c>
      <c r="D44" s="9">
        <v>26</v>
      </c>
    </row>
    <row r="45" spans="1:4" ht="18" customHeight="1" x14ac:dyDescent="0.15">
      <c r="A45" s="16">
        <v>33</v>
      </c>
      <c r="B45" s="29">
        <v>17</v>
      </c>
      <c r="C45" s="10">
        <v>12</v>
      </c>
      <c r="D45" s="9">
        <v>29</v>
      </c>
    </row>
    <row r="46" spans="1:4" ht="18" customHeight="1" x14ac:dyDescent="0.15">
      <c r="A46" s="16">
        <v>34</v>
      </c>
      <c r="B46" s="29">
        <v>15</v>
      </c>
      <c r="C46" s="10">
        <v>10</v>
      </c>
      <c r="D46" s="9">
        <v>25</v>
      </c>
    </row>
    <row r="47" spans="1:4" ht="18" customHeight="1" x14ac:dyDescent="0.15">
      <c r="A47" s="8" t="s">
        <v>61</v>
      </c>
      <c r="B47" s="29">
        <v>68</v>
      </c>
      <c r="C47" s="10">
        <v>64</v>
      </c>
      <c r="D47" s="9">
        <v>132</v>
      </c>
    </row>
    <row r="48" spans="1:4" ht="18" customHeight="1" x14ac:dyDescent="0.15">
      <c r="A48" s="16">
        <v>35</v>
      </c>
      <c r="B48" s="29">
        <v>21</v>
      </c>
      <c r="C48" s="10">
        <v>13</v>
      </c>
      <c r="D48" s="9">
        <v>34</v>
      </c>
    </row>
    <row r="49" spans="1:4" ht="18" customHeight="1" x14ac:dyDescent="0.15">
      <c r="A49" s="16">
        <v>36</v>
      </c>
      <c r="B49" s="29">
        <v>28</v>
      </c>
      <c r="C49" s="10">
        <v>16</v>
      </c>
      <c r="D49" s="9">
        <v>44</v>
      </c>
    </row>
    <row r="50" spans="1:4" ht="18" customHeight="1" x14ac:dyDescent="0.15">
      <c r="A50" s="16">
        <v>37</v>
      </c>
      <c r="B50" s="29">
        <v>22</v>
      </c>
      <c r="C50" s="10">
        <v>19</v>
      </c>
      <c r="D50" s="9">
        <v>41</v>
      </c>
    </row>
    <row r="51" spans="1:4" ht="18" customHeight="1" x14ac:dyDescent="0.15">
      <c r="A51" s="16">
        <v>38</v>
      </c>
      <c r="B51" s="29">
        <v>18</v>
      </c>
      <c r="C51" s="10">
        <v>16</v>
      </c>
      <c r="D51" s="9">
        <v>34</v>
      </c>
    </row>
    <row r="52" spans="1:4" ht="18" customHeight="1" x14ac:dyDescent="0.15">
      <c r="A52" s="16">
        <v>39</v>
      </c>
      <c r="B52" s="29">
        <v>12</v>
      </c>
      <c r="C52" s="10">
        <v>21</v>
      </c>
      <c r="D52" s="9">
        <v>33</v>
      </c>
    </row>
    <row r="53" spans="1:4" ht="18" customHeight="1" x14ac:dyDescent="0.15">
      <c r="A53" s="8" t="s">
        <v>72</v>
      </c>
      <c r="B53" s="29">
        <v>101</v>
      </c>
      <c r="C53" s="10">
        <v>85</v>
      </c>
      <c r="D53" s="9">
        <v>186</v>
      </c>
    </row>
    <row r="54" spans="1:4" ht="18" customHeight="1" x14ac:dyDescent="0.15">
      <c r="A54" s="16">
        <v>40</v>
      </c>
      <c r="B54" s="29">
        <v>20</v>
      </c>
      <c r="C54" s="10">
        <v>20</v>
      </c>
      <c r="D54" s="9">
        <v>40</v>
      </c>
    </row>
    <row r="55" spans="1:4" ht="18" customHeight="1" x14ac:dyDescent="0.15">
      <c r="A55" s="16">
        <v>41</v>
      </c>
      <c r="B55" s="29">
        <v>19</v>
      </c>
      <c r="C55" s="10">
        <v>17</v>
      </c>
      <c r="D55" s="9">
        <v>36</v>
      </c>
    </row>
    <row r="56" spans="1:4" ht="18" customHeight="1" x14ac:dyDescent="0.15">
      <c r="A56" s="16">
        <v>42</v>
      </c>
      <c r="B56" s="29">
        <v>23</v>
      </c>
      <c r="C56" s="10">
        <v>19</v>
      </c>
      <c r="D56" s="9">
        <v>42</v>
      </c>
    </row>
    <row r="57" spans="1:4" ht="18" customHeight="1" x14ac:dyDescent="0.15">
      <c r="A57" s="16">
        <v>43</v>
      </c>
      <c r="B57" s="29">
        <v>22</v>
      </c>
      <c r="C57" s="10">
        <v>21</v>
      </c>
      <c r="D57" s="9">
        <v>43</v>
      </c>
    </row>
    <row r="58" spans="1:4" ht="18" customHeight="1" x14ac:dyDescent="0.15">
      <c r="A58" s="16">
        <v>44</v>
      </c>
      <c r="B58" s="29">
        <v>16</v>
      </c>
      <c r="C58" s="10">
        <v>16</v>
      </c>
      <c r="D58" s="9">
        <v>32</v>
      </c>
    </row>
    <row r="59" spans="1:4" ht="18" customHeight="1" x14ac:dyDescent="0.15">
      <c r="A59" s="8" t="s">
        <v>46</v>
      </c>
      <c r="B59" s="29">
        <v>100</v>
      </c>
      <c r="C59" s="10">
        <v>93</v>
      </c>
      <c r="D59" s="9">
        <v>193</v>
      </c>
    </row>
    <row r="60" spans="1:4" ht="18" customHeight="1" x14ac:dyDescent="0.15">
      <c r="A60" s="16">
        <v>45</v>
      </c>
      <c r="B60" s="29">
        <v>24</v>
      </c>
      <c r="C60" s="10">
        <v>19</v>
      </c>
      <c r="D60" s="9">
        <v>43</v>
      </c>
    </row>
    <row r="61" spans="1:4" ht="18" customHeight="1" x14ac:dyDescent="0.15">
      <c r="A61" s="16">
        <v>46</v>
      </c>
      <c r="B61" s="29">
        <v>22</v>
      </c>
      <c r="C61" s="10">
        <v>21</v>
      </c>
      <c r="D61" s="9">
        <v>43</v>
      </c>
    </row>
    <row r="62" spans="1:4" ht="18" customHeight="1" x14ac:dyDescent="0.15">
      <c r="A62" s="16">
        <v>47</v>
      </c>
      <c r="B62" s="29">
        <v>29</v>
      </c>
      <c r="C62" s="10">
        <v>23</v>
      </c>
      <c r="D62" s="9">
        <v>52</v>
      </c>
    </row>
    <row r="63" spans="1:4" ht="18" customHeight="1" x14ac:dyDescent="0.15">
      <c r="A63" s="16">
        <v>48</v>
      </c>
      <c r="B63" s="29">
        <v>20</v>
      </c>
      <c r="C63" s="10">
        <v>19</v>
      </c>
      <c r="D63" s="9">
        <v>39</v>
      </c>
    </row>
    <row r="64" spans="1:4" ht="18" customHeight="1" x14ac:dyDescent="0.15">
      <c r="A64" s="16">
        <v>49</v>
      </c>
      <c r="B64" s="29">
        <v>31</v>
      </c>
      <c r="C64" s="10">
        <v>23</v>
      </c>
      <c r="D64" s="9">
        <v>54</v>
      </c>
    </row>
    <row r="65" spans="1:4" ht="18" customHeight="1" x14ac:dyDescent="0.15">
      <c r="A65" s="8" t="s">
        <v>45</v>
      </c>
      <c r="B65" s="29">
        <v>126</v>
      </c>
      <c r="C65" s="10">
        <v>105</v>
      </c>
      <c r="D65" s="9">
        <v>231</v>
      </c>
    </row>
    <row r="66" spans="1:4" ht="18" customHeight="1" x14ac:dyDescent="0.15">
      <c r="A66" s="16">
        <v>50</v>
      </c>
      <c r="B66" s="29">
        <v>23</v>
      </c>
      <c r="C66" s="10">
        <v>28</v>
      </c>
      <c r="D66" s="9">
        <v>51</v>
      </c>
    </row>
    <row r="67" spans="1:4" ht="18" customHeight="1" x14ac:dyDescent="0.15">
      <c r="A67" s="16">
        <v>51</v>
      </c>
      <c r="B67" s="29">
        <v>27</v>
      </c>
      <c r="C67" s="10">
        <v>16</v>
      </c>
      <c r="D67" s="9">
        <v>43</v>
      </c>
    </row>
    <row r="68" spans="1:4" ht="18" customHeight="1" x14ac:dyDescent="0.15">
      <c r="A68" s="16">
        <v>52</v>
      </c>
      <c r="B68" s="29">
        <v>17</v>
      </c>
      <c r="C68" s="10">
        <v>24</v>
      </c>
      <c r="D68" s="9">
        <v>41</v>
      </c>
    </row>
    <row r="69" spans="1:4" ht="18" customHeight="1" x14ac:dyDescent="0.15">
      <c r="A69" s="16">
        <v>53</v>
      </c>
      <c r="B69" s="29">
        <v>27</v>
      </c>
      <c r="C69" s="10">
        <v>21</v>
      </c>
      <c r="D69" s="9">
        <v>48</v>
      </c>
    </row>
    <row r="70" spans="1:4" ht="18" customHeight="1" x14ac:dyDescent="0.15">
      <c r="A70" s="16">
        <v>54</v>
      </c>
      <c r="B70" s="29">
        <v>24</v>
      </c>
      <c r="C70" s="10">
        <v>18</v>
      </c>
      <c r="D70" s="9">
        <v>42</v>
      </c>
    </row>
    <row r="71" spans="1:4" ht="18" customHeight="1" x14ac:dyDescent="0.15">
      <c r="A71" s="8" t="s">
        <v>58</v>
      </c>
      <c r="B71" s="29">
        <v>118</v>
      </c>
      <c r="C71" s="10">
        <v>107</v>
      </c>
      <c r="D71" s="9">
        <v>225</v>
      </c>
    </row>
    <row r="72" spans="1:4" ht="18" customHeight="1" x14ac:dyDescent="0.15">
      <c r="A72" s="16">
        <v>55</v>
      </c>
      <c r="B72" s="29">
        <v>22</v>
      </c>
      <c r="C72" s="10">
        <v>20</v>
      </c>
      <c r="D72" s="9">
        <v>42</v>
      </c>
    </row>
    <row r="73" spans="1:4" ht="18" customHeight="1" x14ac:dyDescent="0.15">
      <c r="A73" s="16">
        <v>56</v>
      </c>
      <c r="B73" s="29">
        <v>22</v>
      </c>
      <c r="C73" s="10">
        <v>17</v>
      </c>
      <c r="D73" s="9">
        <v>39</v>
      </c>
    </row>
    <row r="74" spans="1:4" ht="18" customHeight="1" x14ac:dyDescent="0.15">
      <c r="A74" s="16">
        <v>57</v>
      </c>
      <c r="B74" s="29">
        <v>14</v>
      </c>
      <c r="C74" s="10">
        <v>17</v>
      </c>
      <c r="D74" s="9">
        <v>31</v>
      </c>
    </row>
    <row r="75" spans="1:4" ht="18" customHeight="1" x14ac:dyDescent="0.15">
      <c r="A75" s="16">
        <v>58</v>
      </c>
      <c r="B75" s="29">
        <v>14</v>
      </c>
      <c r="C75" s="10">
        <v>20</v>
      </c>
      <c r="D75" s="9">
        <v>34</v>
      </c>
    </row>
    <row r="76" spans="1:4" ht="18" customHeight="1" x14ac:dyDescent="0.15">
      <c r="A76" s="16">
        <v>59</v>
      </c>
      <c r="B76" s="29">
        <v>16</v>
      </c>
      <c r="C76" s="10">
        <v>14</v>
      </c>
      <c r="D76" s="9">
        <v>30</v>
      </c>
    </row>
    <row r="77" spans="1:4" ht="18" customHeight="1" x14ac:dyDescent="0.15">
      <c r="A77" s="8" t="s">
        <v>71</v>
      </c>
      <c r="B77" s="29">
        <v>88</v>
      </c>
      <c r="C77" s="10">
        <v>88</v>
      </c>
      <c r="D77" s="9">
        <v>176</v>
      </c>
    </row>
    <row r="78" spans="1:4" ht="18" customHeight="1" x14ac:dyDescent="0.15">
      <c r="A78" s="16">
        <v>60</v>
      </c>
      <c r="B78" s="29">
        <v>26</v>
      </c>
      <c r="C78" s="10">
        <v>18</v>
      </c>
      <c r="D78" s="9">
        <v>44</v>
      </c>
    </row>
    <row r="79" spans="1:4" ht="18" customHeight="1" x14ac:dyDescent="0.15">
      <c r="A79" s="16">
        <v>61</v>
      </c>
      <c r="B79" s="29">
        <v>18</v>
      </c>
      <c r="C79" s="10">
        <v>27</v>
      </c>
      <c r="D79" s="9">
        <v>45</v>
      </c>
    </row>
    <row r="80" spans="1:4" ht="18" customHeight="1" x14ac:dyDescent="0.15">
      <c r="A80" s="16">
        <v>62</v>
      </c>
      <c r="B80" s="29">
        <v>15</v>
      </c>
      <c r="C80" s="10">
        <v>20</v>
      </c>
      <c r="D80" s="9">
        <v>35</v>
      </c>
    </row>
    <row r="81" spans="1:4" ht="18" customHeight="1" x14ac:dyDescent="0.15">
      <c r="A81" s="16">
        <v>63</v>
      </c>
      <c r="B81" s="29">
        <v>15</v>
      </c>
      <c r="C81" s="10">
        <v>22</v>
      </c>
      <c r="D81" s="9">
        <v>37</v>
      </c>
    </row>
    <row r="82" spans="1:4" ht="18" customHeight="1" x14ac:dyDescent="0.15">
      <c r="A82" s="16">
        <v>64</v>
      </c>
      <c r="B82" s="29">
        <v>15</v>
      </c>
      <c r="C82" s="10">
        <v>18</v>
      </c>
      <c r="D82" s="9">
        <v>33</v>
      </c>
    </row>
    <row r="83" spans="1:4" ht="18" customHeight="1" x14ac:dyDescent="0.15">
      <c r="A83" s="8" t="s">
        <v>44</v>
      </c>
      <c r="B83" s="29">
        <v>89</v>
      </c>
      <c r="C83" s="10">
        <v>105</v>
      </c>
      <c r="D83" s="9">
        <v>194</v>
      </c>
    </row>
    <row r="84" spans="1:4" ht="18" customHeight="1" x14ac:dyDescent="0.15">
      <c r="A84" s="8" t="s">
        <v>43</v>
      </c>
      <c r="B84" s="29">
        <v>920</v>
      </c>
      <c r="C84" s="10">
        <v>852</v>
      </c>
      <c r="D84" s="9">
        <v>1772</v>
      </c>
    </row>
    <row r="85" spans="1:4" ht="18" customHeight="1" x14ac:dyDescent="0.15">
      <c r="A85" s="16">
        <v>65</v>
      </c>
      <c r="B85" s="29">
        <v>19</v>
      </c>
      <c r="C85" s="10">
        <v>14</v>
      </c>
      <c r="D85" s="9">
        <v>33</v>
      </c>
    </row>
    <row r="86" spans="1:4" ht="18" customHeight="1" x14ac:dyDescent="0.15">
      <c r="A86" s="16">
        <v>66</v>
      </c>
      <c r="B86" s="29">
        <v>21</v>
      </c>
      <c r="C86" s="10">
        <v>24</v>
      </c>
      <c r="D86" s="9">
        <v>45</v>
      </c>
    </row>
    <row r="87" spans="1:4" ht="18" customHeight="1" x14ac:dyDescent="0.15">
      <c r="A87" s="16">
        <v>67</v>
      </c>
      <c r="B87" s="29">
        <v>23</v>
      </c>
      <c r="C87" s="10">
        <v>28</v>
      </c>
      <c r="D87" s="9">
        <v>51</v>
      </c>
    </row>
    <row r="88" spans="1:4" ht="18" customHeight="1" x14ac:dyDescent="0.15">
      <c r="A88" s="16">
        <v>68</v>
      </c>
      <c r="B88" s="29">
        <v>20</v>
      </c>
      <c r="C88" s="10">
        <v>21</v>
      </c>
      <c r="D88" s="9">
        <v>41</v>
      </c>
    </row>
    <row r="89" spans="1:4" ht="18" customHeight="1" x14ac:dyDescent="0.15">
      <c r="A89" s="16">
        <v>69</v>
      </c>
      <c r="B89" s="29">
        <v>21</v>
      </c>
      <c r="C89" s="10">
        <v>27</v>
      </c>
      <c r="D89" s="9">
        <v>48</v>
      </c>
    </row>
    <row r="90" spans="1:4" ht="18" customHeight="1" x14ac:dyDescent="0.15">
      <c r="A90" s="8" t="s">
        <v>42</v>
      </c>
      <c r="B90" s="29">
        <v>104</v>
      </c>
      <c r="C90" s="10">
        <v>114</v>
      </c>
      <c r="D90" s="9">
        <v>218</v>
      </c>
    </row>
    <row r="91" spans="1:4" ht="18" customHeight="1" x14ac:dyDescent="0.15">
      <c r="A91" s="16">
        <v>70</v>
      </c>
      <c r="B91" s="29">
        <v>30</v>
      </c>
      <c r="C91" s="10">
        <v>38</v>
      </c>
      <c r="D91" s="9">
        <v>68</v>
      </c>
    </row>
    <row r="92" spans="1:4" ht="18" customHeight="1" x14ac:dyDescent="0.15">
      <c r="A92" s="16">
        <v>71</v>
      </c>
      <c r="B92" s="29">
        <v>21</v>
      </c>
      <c r="C92" s="10">
        <v>27</v>
      </c>
      <c r="D92" s="9">
        <v>48</v>
      </c>
    </row>
    <row r="93" spans="1:4" ht="18" customHeight="1" x14ac:dyDescent="0.15">
      <c r="A93" s="16">
        <v>72</v>
      </c>
      <c r="B93" s="29">
        <v>27</v>
      </c>
      <c r="C93" s="10">
        <v>39</v>
      </c>
      <c r="D93" s="9">
        <v>66</v>
      </c>
    </row>
    <row r="94" spans="1:4" ht="18" customHeight="1" x14ac:dyDescent="0.15">
      <c r="A94" s="16">
        <v>73</v>
      </c>
      <c r="B94" s="29">
        <v>39</v>
      </c>
      <c r="C94" s="10">
        <v>39</v>
      </c>
      <c r="D94" s="9">
        <v>78</v>
      </c>
    </row>
    <row r="95" spans="1:4" ht="18" customHeight="1" x14ac:dyDescent="0.15">
      <c r="A95" s="16">
        <v>74</v>
      </c>
      <c r="B95" s="29">
        <v>41</v>
      </c>
      <c r="C95" s="10">
        <v>40</v>
      </c>
      <c r="D95" s="9">
        <v>81</v>
      </c>
    </row>
    <row r="96" spans="1:4" ht="18" customHeight="1" x14ac:dyDescent="0.15">
      <c r="A96" s="8" t="s">
        <v>41</v>
      </c>
      <c r="B96" s="29">
        <v>158</v>
      </c>
      <c r="C96" s="10">
        <v>183</v>
      </c>
      <c r="D96" s="9">
        <v>341</v>
      </c>
    </row>
    <row r="97" spans="1:4" ht="18" customHeight="1" x14ac:dyDescent="0.15">
      <c r="A97" s="16">
        <v>75</v>
      </c>
      <c r="B97" s="29">
        <v>27</v>
      </c>
      <c r="C97" s="10">
        <v>23</v>
      </c>
      <c r="D97" s="9">
        <v>50</v>
      </c>
    </row>
    <row r="98" spans="1:4" ht="18" customHeight="1" x14ac:dyDescent="0.15">
      <c r="A98" s="16">
        <v>76</v>
      </c>
      <c r="B98" s="29">
        <v>30</v>
      </c>
      <c r="C98" s="10">
        <v>34</v>
      </c>
      <c r="D98" s="9">
        <v>64</v>
      </c>
    </row>
    <row r="99" spans="1:4" ht="18" customHeight="1" x14ac:dyDescent="0.15">
      <c r="A99" s="16">
        <v>77</v>
      </c>
      <c r="B99" s="29">
        <v>17</v>
      </c>
      <c r="C99" s="10">
        <v>15</v>
      </c>
      <c r="D99" s="9">
        <v>32</v>
      </c>
    </row>
    <row r="100" spans="1:4" ht="18" customHeight="1" x14ac:dyDescent="0.15">
      <c r="A100" s="16">
        <v>78</v>
      </c>
      <c r="B100" s="29">
        <v>20</v>
      </c>
      <c r="C100" s="10">
        <v>22</v>
      </c>
      <c r="D100" s="9">
        <v>42</v>
      </c>
    </row>
    <row r="101" spans="1:4" ht="18" customHeight="1" x14ac:dyDescent="0.15">
      <c r="A101" s="16">
        <v>79</v>
      </c>
      <c r="B101" s="29">
        <v>24</v>
      </c>
      <c r="C101" s="10">
        <v>24</v>
      </c>
      <c r="D101" s="9">
        <v>48</v>
      </c>
    </row>
    <row r="102" spans="1:4" ht="18" customHeight="1" x14ac:dyDescent="0.15">
      <c r="A102" s="8" t="s">
        <v>70</v>
      </c>
      <c r="B102" s="29">
        <v>118</v>
      </c>
      <c r="C102" s="10">
        <v>118</v>
      </c>
      <c r="D102" s="9">
        <v>236</v>
      </c>
    </row>
    <row r="103" spans="1:4" ht="18" customHeight="1" x14ac:dyDescent="0.15">
      <c r="A103" s="16">
        <v>80</v>
      </c>
      <c r="B103" s="29">
        <v>22</v>
      </c>
      <c r="C103" s="10">
        <v>21</v>
      </c>
      <c r="D103" s="9">
        <v>43</v>
      </c>
    </row>
    <row r="104" spans="1:4" ht="18" customHeight="1" x14ac:dyDescent="0.15">
      <c r="A104" s="16">
        <v>81</v>
      </c>
      <c r="B104" s="29">
        <v>25</v>
      </c>
      <c r="C104" s="10">
        <v>20</v>
      </c>
      <c r="D104" s="9">
        <v>45</v>
      </c>
    </row>
    <row r="105" spans="1:4" ht="18" customHeight="1" x14ac:dyDescent="0.15">
      <c r="A105" s="16">
        <v>82</v>
      </c>
      <c r="B105" s="29">
        <v>18</v>
      </c>
      <c r="C105" s="10">
        <v>21</v>
      </c>
      <c r="D105" s="9">
        <v>39</v>
      </c>
    </row>
    <row r="106" spans="1:4" ht="18" customHeight="1" x14ac:dyDescent="0.15">
      <c r="A106" s="16">
        <v>83</v>
      </c>
      <c r="B106" s="29">
        <v>9</v>
      </c>
      <c r="C106" s="10">
        <v>10</v>
      </c>
      <c r="D106" s="9">
        <v>19</v>
      </c>
    </row>
    <row r="107" spans="1:4" ht="18" customHeight="1" x14ac:dyDescent="0.15">
      <c r="A107" s="16">
        <v>84</v>
      </c>
      <c r="B107" s="29">
        <v>6</v>
      </c>
      <c r="C107" s="10">
        <v>15</v>
      </c>
      <c r="D107" s="9">
        <v>21</v>
      </c>
    </row>
    <row r="108" spans="1:4" ht="18" customHeight="1" x14ac:dyDescent="0.15">
      <c r="A108" s="8" t="s">
        <v>39</v>
      </c>
      <c r="B108" s="29">
        <v>80</v>
      </c>
      <c r="C108" s="10">
        <v>87</v>
      </c>
      <c r="D108" s="9">
        <v>167</v>
      </c>
    </row>
    <row r="109" spans="1:4" ht="18" customHeight="1" x14ac:dyDescent="0.15">
      <c r="A109" s="16">
        <v>85</v>
      </c>
      <c r="B109" s="29">
        <v>7</v>
      </c>
      <c r="C109" s="10">
        <v>23</v>
      </c>
      <c r="D109" s="9">
        <v>30</v>
      </c>
    </row>
    <row r="110" spans="1:4" ht="18" customHeight="1" x14ac:dyDescent="0.15">
      <c r="A110" s="16">
        <v>86</v>
      </c>
      <c r="B110" s="29">
        <v>7</v>
      </c>
      <c r="C110" s="10">
        <v>18</v>
      </c>
      <c r="D110" s="9">
        <v>25</v>
      </c>
    </row>
    <row r="111" spans="1:4" ht="18" customHeight="1" x14ac:dyDescent="0.15">
      <c r="A111" s="16">
        <v>87</v>
      </c>
      <c r="B111" s="29">
        <v>11</v>
      </c>
      <c r="C111" s="10">
        <v>10</v>
      </c>
      <c r="D111" s="9">
        <v>21</v>
      </c>
    </row>
    <row r="112" spans="1:4" ht="18" customHeight="1" x14ac:dyDescent="0.15">
      <c r="A112" s="16">
        <v>88</v>
      </c>
      <c r="B112" s="29">
        <v>8</v>
      </c>
      <c r="C112" s="10">
        <v>11</v>
      </c>
      <c r="D112" s="9">
        <v>19</v>
      </c>
    </row>
    <row r="113" spans="1:4" ht="18" customHeight="1" x14ac:dyDescent="0.15">
      <c r="A113" s="16">
        <v>89</v>
      </c>
      <c r="B113" s="29">
        <v>6</v>
      </c>
      <c r="C113" s="10">
        <v>15</v>
      </c>
      <c r="D113" s="9">
        <v>21</v>
      </c>
    </row>
    <row r="114" spans="1:4" ht="18" customHeight="1" x14ac:dyDescent="0.15">
      <c r="A114" s="8" t="s">
        <v>38</v>
      </c>
      <c r="B114" s="29">
        <v>39</v>
      </c>
      <c r="C114" s="10">
        <v>77</v>
      </c>
      <c r="D114" s="9">
        <v>116</v>
      </c>
    </row>
    <row r="115" spans="1:4" ht="18" customHeight="1" x14ac:dyDescent="0.15">
      <c r="A115" s="16">
        <v>90</v>
      </c>
      <c r="B115" s="29">
        <v>5</v>
      </c>
      <c r="C115" s="10">
        <v>10</v>
      </c>
      <c r="D115" s="9">
        <v>15</v>
      </c>
    </row>
    <row r="116" spans="1:4" ht="18" customHeight="1" x14ac:dyDescent="0.15">
      <c r="A116" s="16">
        <v>91</v>
      </c>
      <c r="B116" s="29">
        <v>2</v>
      </c>
      <c r="C116" s="10">
        <v>8</v>
      </c>
      <c r="D116" s="9">
        <v>10</v>
      </c>
    </row>
    <row r="117" spans="1:4" ht="18" customHeight="1" x14ac:dyDescent="0.15">
      <c r="A117" s="16">
        <v>92</v>
      </c>
      <c r="B117" s="29">
        <v>4</v>
      </c>
      <c r="C117" s="10">
        <v>7</v>
      </c>
      <c r="D117" s="9">
        <v>11</v>
      </c>
    </row>
    <row r="118" spans="1:4" ht="18" customHeight="1" x14ac:dyDescent="0.15">
      <c r="A118" s="16">
        <v>93</v>
      </c>
      <c r="B118" s="29">
        <v>6</v>
      </c>
      <c r="C118" s="10">
        <v>4</v>
      </c>
      <c r="D118" s="9">
        <v>10</v>
      </c>
    </row>
    <row r="119" spans="1:4" ht="18" customHeight="1" x14ac:dyDescent="0.15">
      <c r="A119" s="16">
        <v>94</v>
      </c>
      <c r="B119" s="29">
        <v>1</v>
      </c>
      <c r="C119" s="10">
        <v>8</v>
      </c>
      <c r="D119" s="9">
        <v>9</v>
      </c>
    </row>
    <row r="120" spans="1:4" ht="18" customHeight="1" x14ac:dyDescent="0.15">
      <c r="A120" s="8" t="s">
        <v>69</v>
      </c>
      <c r="B120" s="29">
        <v>18</v>
      </c>
      <c r="C120" s="10">
        <v>37</v>
      </c>
      <c r="D120" s="9">
        <v>55</v>
      </c>
    </row>
    <row r="121" spans="1:4" ht="18" customHeight="1" x14ac:dyDescent="0.15">
      <c r="A121" s="16">
        <v>95</v>
      </c>
      <c r="B121" s="29">
        <v>0</v>
      </c>
      <c r="C121" s="10">
        <v>1</v>
      </c>
      <c r="D121" s="9">
        <v>1</v>
      </c>
    </row>
    <row r="122" spans="1:4" ht="18" customHeight="1" x14ac:dyDescent="0.15">
      <c r="A122" s="16">
        <v>96</v>
      </c>
      <c r="B122" s="29">
        <v>0</v>
      </c>
      <c r="C122" s="10">
        <v>6</v>
      </c>
      <c r="D122" s="9">
        <v>6</v>
      </c>
    </row>
    <row r="123" spans="1:4" ht="18" customHeight="1" x14ac:dyDescent="0.15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15">
      <c r="A124" s="16">
        <v>98</v>
      </c>
      <c r="B124" s="29">
        <v>2</v>
      </c>
      <c r="C124" s="10">
        <v>1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2</v>
      </c>
      <c r="C126" s="10">
        <v>12</v>
      </c>
      <c r="D126" s="9">
        <v>14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4</v>
      </c>
      <c r="D128" s="9">
        <v>4</v>
      </c>
    </row>
    <row r="129" spans="1:4" ht="18" customHeight="1" x14ac:dyDescent="0.15">
      <c r="A129" s="8" t="s">
        <v>36</v>
      </c>
      <c r="B129" s="29">
        <v>0</v>
      </c>
      <c r="C129" s="10">
        <v>5</v>
      </c>
      <c r="D129" s="9">
        <v>5</v>
      </c>
    </row>
    <row r="130" spans="1:4" ht="18" customHeight="1" x14ac:dyDescent="0.15">
      <c r="A130" s="8" t="s">
        <v>35</v>
      </c>
      <c r="B130" s="28">
        <v>519</v>
      </c>
      <c r="C130" s="6">
        <v>633</v>
      </c>
      <c r="D130" s="5">
        <v>1152</v>
      </c>
    </row>
    <row r="131" spans="1:4" ht="18" customHeight="1" x14ac:dyDescent="0.15">
      <c r="A131" s="4" t="s">
        <v>0</v>
      </c>
      <c r="B131" s="27">
        <v>1625</v>
      </c>
      <c r="C131" s="2">
        <v>1663</v>
      </c>
      <c r="D131" s="1">
        <v>328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9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</v>
      </c>
      <c r="C5" s="18">
        <v>1</v>
      </c>
      <c r="D5" s="17">
        <v>2</v>
      </c>
    </row>
    <row r="6" spans="1:4" ht="18" customHeight="1" x14ac:dyDescent="0.15">
      <c r="A6" s="16">
        <v>1</v>
      </c>
      <c r="B6" s="29">
        <v>1</v>
      </c>
      <c r="C6" s="10">
        <v>1</v>
      </c>
      <c r="D6" s="9">
        <v>2</v>
      </c>
    </row>
    <row r="7" spans="1:4" ht="18" customHeight="1" x14ac:dyDescent="0.15">
      <c r="A7" s="16">
        <v>2</v>
      </c>
      <c r="B7" s="29">
        <v>2</v>
      </c>
      <c r="C7" s="10">
        <v>2</v>
      </c>
      <c r="D7" s="9">
        <v>4</v>
      </c>
    </row>
    <row r="8" spans="1:4" ht="18" customHeight="1" x14ac:dyDescent="0.15">
      <c r="A8" s="16">
        <v>3</v>
      </c>
      <c r="B8" s="29">
        <v>4</v>
      </c>
      <c r="C8" s="10">
        <v>0</v>
      </c>
      <c r="D8" s="9">
        <v>4</v>
      </c>
    </row>
    <row r="9" spans="1:4" ht="18" customHeight="1" x14ac:dyDescent="0.15">
      <c r="A9" s="16">
        <v>4</v>
      </c>
      <c r="B9" s="29">
        <v>2</v>
      </c>
      <c r="C9" s="10">
        <v>2</v>
      </c>
      <c r="D9" s="9">
        <v>4</v>
      </c>
    </row>
    <row r="10" spans="1:4" ht="18" customHeight="1" x14ac:dyDescent="0.15">
      <c r="A10" s="8" t="s">
        <v>76</v>
      </c>
      <c r="B10" s="29">
        <v>10</v>
      </c>
      <c r="C10" s="10">
        <v>6</v>
      </c>
      <c r="D10" s="9">
        <v>16</v>
      </c>
    </row>
    <row r="11" spans="1:4" ht="18" customHeight="1" x14ac:dyDescent="0.15">
      <c r="A11" s="16">
        <v>5</v>
      </c>
      <c r="B11" s="29">
        <v>3</v>
      </c>
      <c r="C11" s="10">
        <v>3</v>
      </c>
      <c r="D11" s="9">
        <v>6</v>
      </c>
    </row>
    <row r="12" spans="1:4" ht="18" customHeight="1" x14ac:dyDescent="0.15">
      <c r="A12" s="16">
        <v>6</v>
      </c>
      <c r="B12" s="29">
        <v>4</v>
      </c>
      <c r="C12" s="10">
        <v>5</v>
      </c>
      <c r="D12" s="9">
        <v>9</v>
      </c>
    </row>
    <row r="13" spans="1:4" ht="18" customHeight="1" x14ac:dyDescent="0.15">
      <c r="A13" s="16">
        <v>7</v>
      </c>
      <c r="B13" s="29">
        <v>3</v>
      </c>
      <c r="C13" s="10">
        <v>2</v>
      </c>
      <c r="D13" s="9">
        <v>5</v>
      </c>
    </row>
    <row r="14" spans="1:4" ht="18" customHeight="1" x14ac:dyDescent="0.15">
      <c r="A14" s="16">
        <v>8</v>
      </c>
      <c r="B14" s="29">
        <v>3</v>
      </c>
      <c r="C14" s="10">
        <v>6</v>
      </c>
      <c r="D14" s="9">
        <v>9</v>
      </c>
    </row>
    <row r="15" spans="1:4" ht="18" customHeight="1" x14ac:dyDescent="0.15">
      <c r="A15" s="16">
        <v>9</v>
      </c>
      <c r="B15" s="29">
        <v>4</v>
      </c>
      <c r="C15" s="10">
        <v>5</v>
      </c>
      <c r="D15" s="9">
        <v>9</v>
      </c>
    </row>
    <row r="16" spans="1:4" ht="18" customHeight="1" x14ac:dyDescent="0.15">
      <c r="A16" s="8" t="s">
        <v>50</v>
      </c>
      <c r="B16" s="29">
        <v>17</v>
      </c>
      <c r="C16" s="10">
        <v>21</v>
      </c>
      <c r="D16" s="9">
        <v>38</v>
      </c>
    </row>
    <row r="17" spans="1:4" ht="18" customHeight="1" x14ac:dyDescent="0.15">
      <c r="A17" s="16">
        <v>10</v>
      </c>
      <c r="B17" s="29">
        <v>5</v>
      </c>
      <c r="C17" s="10">
        <v>5</v>
      </c>
      <c r="D17" s="9">
        <v>10</v>
      </c>
    </row>
    <row r="18" spans="1:4" ht="18" customHeight="1" x14ac:dyDescent="0.15">
      <c r="A18" s="16">
        <v>11</v>
      </c>
      <c r="B18" s="29">
        <v>3</v>
      </c>
      <c r="C18" s="10">
        <v>4</v>
      </c>
      <c r="D18" s="9">
        <v>7</v>
      </c>
    </row>
    <row r="19" spans="1:4" ht="18" customHeight="1" x14ac:dyDescent="0.15">
      <c r="A19" s="16">
        <v>12</v>
      </c>
      <c r="B19" s="29">
        <v>2</v>
      </c>
      <c r="C19" s="10">
        <v>3</v>
      </c>
      <c r="D19" s="9">
        <v>5</v>
      </c>
    </row>
    <row r="20" spans="1:4" ht="18" customHeight="1" x14ac:dyDescent="0.15">
      <c r="A20" s="16">
        <v>13</v>
      </c>
      <c r="B20" s="29">
        <v>2</v>
      </c>
      <c r="C20" s="10">
        <v>5</v>
      </c>
      <c r="D20" s="9">
        <v>7</v>
      </c>
    </row>
    <row r="21" spans="1:4" ht="18" customHeight="1" x14ac:dyDescent="0.15">
      <c r="A21" s="16">
        <v>14</v>
      </c>
      <c r="B21" s="29">
        <v>4</v>
      </c>
      <c r="C21" s="10">
        <v>4</v>
      </c>
      <c r="D21" s="9">
        <v>8</v>
      </c>
    </row>
    <row r="22" spans="1:4" ht="18" customHeight="1" x14ac:dyDescent="0.15">
      <c r="A22" s="8" t="s">
        <v>75</v>
      </c>
      <c r="B22" s="29">
        <v>16</v>
      </c>
      <c r="C22" s="10">
        <v>21</v>
      </c>
      <c r="D22" s="9">
        <v>37</v>
      </c>
    </row>
    <row r="23" spans="1:4" ht="18" customHeight="1" x14ac:dyDescent="0.15">
      <c r="A23" s="8" t="s">
        <v>65</v>
      </c>
      <c r="B23" s="29">
        <v>43</v>
      </c>
      <c r="C23" s="10">
        <v>48</v>
      </c>
      <c r="D23" s="9">
        <v>91</v>
      </c>
    </row>
    <row r="24" spans="1:4" ht="18" customHeight="1" x14ac:dyDescent="0.15">
      <c r="A24" s="16">
        <v>15</v>
      </c>
      <c r="B24" s="29">
        <v>6</v>
      </c>
      <c r="C24" s="10">
        <v>6</v>
      </c>
      <c r="D24" s="9">
        <v>12</v>
      </c>
    </row>
    <row r="25" spans="1:4" ht="18" customHeight="1" x14ac:dyDescent="0.15">
      <c r="A25" s="16">
        <v>16</v>
      </c>
      <c r="B25" s="29">
        <v>6</v>
      </c>
      <c r="C25" s="10">
        <v>1</v>
      </c>
      <c r="D25" s="9">
        <v>7</v>
      </c>
    </row>
    <row r="26" spans="1:4" ht="18" customHeight="1" x14ac:dyDescent="0.15">
      <c r="A26" s="16">
        <v>17</v>
      </c>
      <c r="B26" s="29">
        <v>4</v>
      </c>
      <c r="C26" s="10">
        <v>2</v>
      </c>
      <c r="D26" s="9">
        <v>6</v>
      </c>
    </row>
    <row r="27" spans="1:4" ht="18" customHeight="1" x14ac:dyDescent="0.15">
      <c r="A27" s="16">
        <v>18</v>
      </c>
      <c r="B27" s="29">
        <v>3</v>
      </c>
      <c r="C27" s="10">
        <v>4</v>
      </c>
      <c r="D27" s="9">
        <v>7</v>
      </c>
    </row>
    <row r="28" spans="1:4" ht="18" customHeight="1" x14ac:dyDescent="0.15">
      <c r="A28" s="16">
        <v>19</v>
      </c>
      <c r="B28" s="29">
        <v>3</v>
      </c>
      <c r="C28" s="10">
        <v>9</v>
      </c>
      <c r="D28" s="9">
        <v>12</v>
      </c>
    </row>
    <row r="29" spans="1:4" ht="18" customHeight="1" x14ac:dyDescent="0.15">
      <c r="A29" s="8" t="s">
        <v>196</v>
      </c>
      <c r="B29" s="29">
        <v>22</v>
      </c>
      <c r="C29" s="10">
        <v>22</v>
      </c>
      <c r="D29" s="9">
        <v>44</v>
      </c>
    </row>
    <row r="30" spans="1:4" ht="18" customHeight="1" x14ac:dyDescent="0.15">
      <c r="A30" s="16">
        <v>20</v>
      </c>
      <c r="B30" s="29">
        <v>6</v>
      </c>
      <c r="C30" s="10">
        <v>4</v>
      </c>
      <c r="D30" s="9">
        <v>10</v>
      </c>
    </row>
    <row r="31" spans="1:4" ht="18" customHeight="1" x14ac:dyDescent="0.15">
      <c r="A31" s="16">
        <v>21</v>
      </c>
      <c r="B31" s="29">
        <v>5</v>
      </c>
      <c r="C31" s="10">
        <v>3</v>
      </c>
      <c r="D31" s="9">
        <v>8</v>
      </c>
    </row>
    <row r="32" spans="1:4" ht="18" customHeight="1" x14ac:dyDescent="0.15">
      <c r="A32" s="16">
        <v>22</v>
      </c>
      <c r="B32" s="29">
        <v>4</v>
      </c>
      <c r="C32" s="10">
        <v>6</v>
      </c>
      <c r="D32" s="9">
        <v>10</v>
      </c>
    </row>
    <row r="33" spans="1:4" ht="18" customHeight="1" x14ac:dyDescent="0.15">
      <c r="A33" s="16">
        <v>23</v>
      </c>
      <c r="B33" s="29">
        <v>4</v>
      </c>
      <c r="C33" s="10">
        <v>5</v>
      </c>
      <c r="D33" s="9">
        <v>9</v>
      </c>
    </row>
    <row r="34" spans="1:4" ht="18" customHeight="1" x14ac:dyDescent="0.15">
      <c r="A34" s="16">
        <v>24</v>
      </c>
      <c r="B34" s="29">
        <v>3</v>
      </c>
      <c r="C34" s="10">
        <v>2</v>
      </c>
      <c r="D34" s="9">
        <v>5</v>
      </c>
    </row>
    <row r="35" spans="1:4" ht="18" customHeight="1" x14ac:dyDescent="0.15">
      <c r="A35" s="8" t="s">
        <v>74</v>
      </c>
      <c r="B35" s="29">
        <v>22</v>
      </c>
      <c r="C35" s="10">
        <v>20</v>
      </c>
      <c r="D35" s="9">
        <v>42</v>
      </c>
    </row>
    <row r="36" spans="1:4" ht="18" customHeight="1" x14ac:dyDescent="0.15">
      <c r="A36" s="16">
        <v>25</v>
      </c>
      <c r="B36" s="29">
        <v>6</v>
      </c>
      <c r="C36" s="10">
        <v>4</v>
      </c>
      <c r="D36" s="9">
        <v>10</v>
      </c>
    </row>
    <row r="37" spans="1:4" ht="18" customHeight="1" x14ac:dyDescent="0.15">
      <c r="A37" s="16">
        <v>26</v>
      </c>
      <c r="B37" s="29">
        <v>0</v>
      </c>
      <c r="C37" s="10">
        <v>4</v>
      </c>
      <c r="D37" s="9">
        <v>4</v>
      </c>
    </row>
    <row r="38" spans="1:4" ht="18" customHeight="1" x14ac:dyDescent="0.15">
      <c r="A38" s="16">
        <v>27</v>
      </c>
      <c r="B38" s="29">
        <v>1</v>
      </c>
      <c r="C38" s="10">
        <v>2</v>
      </c>
      <c r="D38" s="9">
        <v>3</v>
      </c>
    </row>
    <row r="39" spans="1:4" ht="18" customHeight="1" x14ac:dyDescent="0.15">
      <c r="A39" s="16">
        <v>28</v>
      </c>
      <c r="B39" s="29">
        <v>5</v>
      </c>
      <c r="C39" s="10">
        <v>3</v>
      </c>
      <c r="D39" s="9">
        <v>8</v>
      </c>
    </row>
    <row r="40" spans="1:4" ht="18" customHeight="1" x14ac:dyDescent="0.15">
      <c r="A40" s="16">
        <v>29</v>
      </c>
      <c r="B40" s="29">
        <v>3</v>
      </c>
      <c r="C40" s="10">
        <v>3</v>
      </c>
      <c r="D40" s="9">
        <v>6</v>
      </c>
    </row>
    <row r="41" spans="1:4" ht="18" customHeight="1" x14ac:dyDescent="0.15">
      <c r="A41" s="8" t="s">
        <v>73</v>
      </c>
      <c r="B41" s="29">
        <v>15</v>
      </c>
      <c r="C41" s="10">
        <v>16</v>
      </c>
      <c r="D41" s="9">
        <v>31</v>
      </c>
    </row>
    <row r="42" spans="1:4" ht="18" customHeight="1" x14ac:dyDescent="0.15">
      <c r="A42" s="16">
        <v>30</v>
      </c>
      <c r="B42" s="29">
        <v>5</v>
      </c>
      <c r="C42" s="10">
        <v>1</v>
      </c>
      <c r="D42" s="9">
        <v>6</v>
      </c>
    </row>
    <row r="43" spans="1:4" ht="18" customHeight="1" x14ac:dyDescent="0.15">
      <c r="A43" s="16">
        <v>31</v>
      </c>
      <c r="B43" s="29">
        <v>1</v>
      </c>
      <c r="C43" s="10">
        <v>7</v>
      </c>
      <c r="D43" s="9">
        <v>8</v>
      </c>
    </row>
    <row r="44" spans="1:4" ht="18" customHeight="1" x14ac:dyDescent="0.15">
      <c r="A44" s="16">
        <v>32</v>
      </c>
      <c r="B44" s="29">
        <v>5</v>
      </c>
      <c r="C44" s="10">
        <v>2</v>
      </c>
      <c r="D44" s="9">
        <v>7</v>
      </c>
    </row>
    <row r="45" spans="1:4" ht="18" customHeight="1" x14ac:dyDescent="0.15">
      <c r="A45" s="16">
        <v>33</v>
      </c>
      <c r="B45" s="29">
        <v>2</v>
      </c>
      <c r="C45" s="10">
        <v>3</v>
      </c>
      <c r="D45" s="9">
        <v>5</v>
      </c>
    </row>
    <row r="46" spans="1:4" ht="18" customHeight="1" x14ac:dyDescent="0.15">
      <c r="A46" s="16">
        <v>34</v>
      </c>
      <c r="B46" s="29">
        <v>2</v>
      </c>
      <c r="C46" s="10">
        <v>4</v>
      </c>
      <c r="D46" s="9">
        <v>6</v>
      </c>
    </row>
    <row r="47" spans="1:4" ht="18" customHeight="1" x14ac:dyDescent="0.15">
      <c r="A47" s="8" t="s">
        <v>61</v>
      </c>
      <c r="B47" s="29">
        <v>15</v>
      </c>
      <c r="C47" s="10">
        <v>17</v>
      </c>
      <c r="D47" s="9">
        <v>32</v>
      </c>
    </row>
    <row r="48" spans="1:4" ht="18" customHeight="1" x14ac:dyDescent="0.15">
      <c r="A48" s="16">
        <v>35</v>
      </c>
      <c r="B48" s="29">
        <v>3</v>
      </c>
      <c r="C48" s="10">
        <v>0</v>
      </c>
      <c r="D48" s="9">
        <v>3</v>
      </c>
    </row>
    <row r="49" spans="1:4" ht="18" customHeight="1" x14ac:dyDescent="0.15">
      <c r="A49" s="16">
        <v>36</v>
      </c>
      <c r="B49" s="29">
        <v>6</v>
      </c>
      <c r="C49" s="10">
        <v>3</v>
      </c>
      <c r="D49" s="9">
        <v>9</v>
      </c>
    </row>
    <row r="50" spans="1:4" ht="18" customHeight="1" x14ac:dyDescent="0.15">
      <c r="A50" s="16">
        <v>37</v>
      </c>
      <c r="B50" s="29">
        <v>3</v>
      </c>
      <c r="C50" s="10">
        <v>1</v>
      </c>
      <c r="D50" s="9">
        <v>4</v>
      </c>
    </row>
    <row r="51" spans="1:4" ht="18" customHeight="1" x14ac:dyDescent="0.15">
      <c r="A51" s="16">
        <v>38</v>
      </c>
      <c r="B51" s="29">
        <v>6</v>
      </c>
      <c r="C51" s="10">
        <v>7</v>
      </c>
      <c r="D51" s="9">
        <v>13</v>
      </c>
    </row>
    <row r="52" spans="1:4" ht="18" customHeight="1" x14ac:dyDescent="0.15">
      <c r="A52" s="16">
        <v>39</v>
      </c>
      <c r="B52" s="29">
        <v>4</v>
      </c>
      <c r="C52" s="10">
        <v>9</v>
      </c>
      <c r="D52" s="9">
        <v>13</v>
      </c>
    </row>
    <row r="53" spans="1:4" ht="18" customHeight="1" x14ac:dyDescent="0.15">
      <c r="A53" s="8" t="s">
        <v>72</v>
      </c>
      <c r="B53" s="29">
        <v>22</v>
      </c>
      <c r="C53" s="10">
        <v>20</v>
      </c>
      <c r="D53" s="9">
        <v>42</v>
      </c>
    </row>
    <row r="54" spans="1:4" ht="18" customHeight="1" x14ac:dyDescent="0.15">
      <c r="A54" s="16">
        <v>40</v>
      </c>
      <c r="B54" s="29">
        <v>7</v>
      </c>
      <c r="C54" s="10">
        <v>5</v>
      </c>
      <c r="D54" s="9">
        <v>12</v>
      </c>
    </row>
    <row r="55" spans="1:4" ht="18" customHeight="1" x14ac:dyDescent="0.15">
      <c r="A55" s="16">
        <v>41</v>
      </c>
      <c r="B55" s="29">
        <v>2</v>
      </c>
      <c r="C55" s="10">
        <v>7</v>
      </c>
      <c r="D55" s="9">
        <v>9</v>
      </c>
    </row>
    <row r="56" spans="1:4" ht="18" customHeight="1" x14ac:dyDescent="0.15">
      <c r="A56" s="16">
        <v>42</v>
      </c>
      <c r="B56" s="29">
        <v>7</v>
      </c>
      <c r="C56" s="10">
        <v>8</v>
      </c>
      <c r="D56" s="9">
        <v>15</v>
      </c>
    </row>
    <row r="57" spans="1:4" ht="18" customHeight="1" x14ac:dyDescent="0.15">
      <c r="A57" s="16">
        <v>43</v>
      </c>
      <c r="B57" s="29">
        <v>6</v>
      </c>
      <c r="C57" s="10">
        <v>6</v>
      </c>
      <c r="D57" s="9">
        <v>12</v>
      </c>
    </row>
    <row r="58" spans="1:4" ht="18" customHeight="1" x14ac:dyDescent="0.15">
      <c r="A58" s="16">
        <v>44</v>
      </c>
      <c r="B58" s="29">
        <v>5</v>
      </c>
      <c r="C58" s="10">
        <v>12</v>
      </c>
      <c r="D58" s="9">
        <v>17</v>
      </c>
    </row>
    <row r="59" spans="1:4" ht="18" customHeight="1" x14ac:dyDescent="0.15">
      <c r="A59" s="8" t="s">
        <v>46</v>
      </c>
      <c r="B59" s="29">
        <v>27</v>
      </c>
      <c r="C59" s="10">
        <v>38</v>
      </c>
      <c r="D59" s="9">
        <v>65</v>
      </c>
    </row>
    <row r="60" spans="1:4" ht="18" customHeight="1" x14ac:dyDescent="0.15">
      <c r="A60" s="16">
        <v>45</v>
      </c>
      <c r="B60" s="29">
        <v>8</v>
      </c>
      <c r="C60" s="10">
        <v>4</v>
      </c>
      <c r="D60" s="9">
        <v>12</v>
      </c>
    </row>
    <row r="61" spans="1:4" ht="18" customHeight="1" x14ac:dyDescent="0.15">
      <c r="A61" s="16">
        <v>46</v>
      </c>
      <c r="B61" s="29">
        <v>6</v>
      </c>
      <c r="C61" s="10">
        <v>4</v>
      </c>
      <c r="D61" s="9">
        <v>10</v>
      </c>
    </row>
    <row r="62" spans="1:4" ht="18" customHeight="1" x14ac:dyDescent="0.15">
      <c r="A62" s="16">
        <v>47</v>
      </c>
      <c r="B62" s="29">
        <v>9</v>
      </c>
      <c r="C62" s="10">
        <v>7</v>
      </c>
      <c r="D62" s="9">
        <v>16</v>
      </c>
    </row>
    <row r="63" spans="1:4" ht="18" customHeight="1" x14ac:dyDescent="0.15">
      <c r="A63" s="16">
        <v>48</v>
      </c>
      <c r="B63" s="29">
        <v>7</v>
      </c>
      <c r="C63" s="10">
        <v>8</v>
      </c>
      <c r="D63" s="9">
        <v>15</v>
      </c>
    </row>
    <row r="64" spans="1:4" ht="18" customHeight="1" x14ac:dyDescent="0.15">
      <c r="A64" s="16">
        <v>49</v>
      </c>
      <c r="B64" s="29">
        <v>9</v>
      </c>
      <c r="C64" s="10">
        <v>7</v>
      </c>
      <c r="D64" s="9">
        <v>16</v>
      </c>
    </row>
    <row r="65" spans="1:4" ht="18" customHeight="1" x14ac:dyDescent="0.15">
      <c r="A65" s="8" t="s">
        <v>45</v>
      </c>
      <c r="B65" s="29">
        <v>39</v>
      </c>
      <c r="C65" s="10">
        <v>30</v>
      </c>
      <c r="D65" s="9">
        <v>69</v>
      </c>
    </row>
    <row r="66" spans="1:4" ht="18" customHeight="1" x14ac:dyDescent="0.15">
      <c r="A66" s="16">
        <v>50</v>
      </c>
      <c r="B66" s="29">
        <v>15</v>
      </c>
      <c r="C66" s="10">
        <v>15</v>
      </c>
      <c r="D66" s="9">
        <v>30</v>
      </c>
    </row>
    <row r="67" spans="1:4" ht="18" customHeight="1" x14ac:dyDescent="0.15">
      <c r="A67" s="16">
        <v>51</v>
      </c>
      <c r="B67" s="29">
        <v>5</v>
      </c>
      <c r="C67" s="10">
        <v>7</v>
      </c>
      <c r="D67" s="9">
        <v>12</v>
      </c>
    </row>
    <row r="68" spans="1:4" ht="18" customHeight="1" x14ac:dyDescent="0.15">
      <c r="A68" s="16">
        <v>52</v>
      </c>
      <c r="B68" s="29">
        <v>4</v>
      </c>
      <c r="C68" s="10">
        <v>8</v>
      </c>
      <c r="D68" s="9">
        <v>12</v>
      </c>
    </row>
    <row r="69" spans="1:4" ht="18" customHeight="1" x14ac:dyDescent="0.15">
      <c r="A69" s="16">
        <v>53</v>
      </c>
      <c r="B69" s="29">
        <v>10</v>
      </c>
      <c r="C69" s="10">
        <v>4</v>
      </c>
      <c r="D69" s="9">
        <v>14</v>
      </c>
    </row>
    <row r="70" spans="1:4" ht="18" customHeight="1" x14ac:dyDescent="0.15">
      <c r="A70" s="16">
        <v>54</v>
      </c>
      <c r="B70" s="29">
        <v>8</v>
      </c>
      <c r="C70" s="10">
        <v>4</v>
      </c>
      <c r="D70" s="9">
        <v>12</v>
      </c>
    </row>
    <row r="71" spans="1:4" ht="18" customHeight="1" x14ac:dyDescent="0.15">
      <c r="A71" s="8" t="s">
        <v>58</v>
      </c>
      <c r="B71" s="29">
        <v>42</v>
      </c>
      <c r="C71" s="10">
        <v>38</v>
      </c>
      <c r="D71" s="9">
        <v>80</v>
      </c>
    </row>
    <row r="72" spans="1:4" ht="18" customHeight="1" x14ac:dyDescent="0.15">
      <c r="A72" s="16">
        <v>55</v>
      </c>
      <c r="B72" s="29">
        <v>2</v>
      </c>
      <c r="C72" s="10">
        <v>5</v>
      </c>
      <c r="D72" s="9">
        <v>7</v>
      </c>
    </row>
    <row r="73" spans="1:4" ht="18" customHeight="1" x14ac:dyDescent="0.15">
      <c r="A73" s="16">
        <v>56</v>
      </c>
      <c r="B73" s="29">
        <v>3</v>
      </c>
      <c r="C73" s="10">
        <v>7</v>
      </c>
      <c r="D73" s="9">
        <v>10</v>
      </c>
    </row>
    <row r="74" spans="1:4" ht="18" customHeight="1" x14ac:dyDescent="0.15">
      <c r="A74" s="16">
        <v>57</v>
      </c>
      <c r="B74" s="29">
        <v>7</v>
      </c>
      <c r="C74" s="10">
        <v>5</v>
      </c>
      <c r="D74" s="9">
        <v>12</v>
      </c>
    </row>
    <row r="75" spans="1:4" ht="18" customHeight="1" x14ac:dyDescent="0.15">
      <c r="A75" s="16">
        <v>58</v>
      </c>
      <c r="B75" s="29">
        <v>3</v>
      </c>
      <c r="C75" s="10">
        <v>8</v>
      </c>
      <c r="D75" s="9">
        <v>11</v>
      </c>
    </row>
    <row r="76" spans="1:4" ht="18" customHeight="1" x14ac:dyDescent="0.15">
      <c r="A76" s="16">
        <v>59</v>
      </c>
      <c r="B76" s="29">
        <v>3</v>
      </c>
      <c r="C76" s="10">
        <v>6</v>
      </c>
      <c r="D76" s="9">
        <v>9</v>
      </c>
    </row>
    <row r="77" spans="1:4" ht="18" customHeight="1" x14ac:dyDescent="0.15">
      <c r="A77" s="8" t="s">
        <v>195</v>
      </c>
      <c r="B77" s="29">
        <v>18</v>
      </c>
      <c r="C77" s="10">
        <v>31</v>
      </c>
      <c r="D77" s="9">
        <v>49</v>
      </c>
    </row>
    <row r="78" spans="1:4" ht="18" customHeight="1" x14ac:dyDescent="0.15">
      <c r="A78" s="16">
        <v>60</v>
      </c>
      <c r="B78" s="29">
        <v>7</v>
      </c>
      <c r="C78" s="10">
        <v>8</v>
      </c>
      <c r="D78" s="9">
        <v>15</v>
      </c>
    </row>
    <row r="79" spans="1:4" ht="18" customHeight="1" x14ac:dyDescent="0.15">
      <c r="A79" s="16">
        <v>61</v>
      </c>
      <c r="B79" s="29">
        <v>7</v>
      </c>
      <c r="C79" s="10">
        <v>7</v>
      </c>
      <c r="D79" s="9">
        <v>14</v>
      </c>
    </row>
    <row r="80" spans="1:4" ht="18" customHeight="1" x14ac:dyDescent="0.15">
      <c r="A80" s="16">
        <v>62</v>
      </c>
      <c r="B80" s="29">
        <v>9</v>
      </c>
      <c r="C80" s="10">
        <v>13</v>
      </c>
      <c r="D80" s="9">
        <v>22</v>
      </c>
    </row>
    <row r="81" spans="1:4" ht="18" customHeight="1" x14ac:dyDescent="0.15">
      <c r="A81" s="16">
        <v>63</v>
      </c>
      <c r="B81" s="29">
        <v>5</v>
      </c>
      <c r="C81" s="10">
        <v>5</v>
      </c>
      <c r="D81" s="9">
        <v>10</v>
      </c>
    </row>
    <row r="82" spans="1:4" ht="18" customHeight="1" x14ac:dyDescent="0.15">
      <c r="A82" s="16">
        <v>64</v>
      </c>
      <c r="B82" s="29">
        <v>6</v>
      </c>
      <c r="C82" s="10">
        <v>4</v>
      </c>
      <c r="D82" s="9">
        <v>10</v>
      </c>
    </row>
    <row r="83" spans="1:4" ht="18" customHeight="1" x14ac:dyDescent="0.15">
      <c r="A83" s="8" t="s">
        <v>194</v>
      </c>
      <c r="B83" s="29">
        <v>34</v>
      </c>
      <c r="C83" s="10">
        <v>37</v>
      </c>
      <c r="D83" s="9">
        <v>71</v>
      </c>
    </row>
    <row r="84" spans="1:4" ht="18" customHeight="1" x14ac:dyDescent="0.15">
      <c r="A84" s="8" t="s">
        <v>43</v>
      </c>
      <c r="B84" s="29">
        <v>256</v>
      </c>
      <c r="C84" s="10">
        <v>269</v>
      </c>
      <c r="D84" s="9">
        <v>525</v>
      </c>
    </row>
    <row r="85" spans="1:4" ht="18" customHeight="1" x14ac:dyDescent="0.15">
      <c r="A85" s="16">
        <v>65</v>
      </c>
      <c r="B85" s="29">
        <v>6</v>
      </c>
      <c r="C85" s="10">
        <v>8</v>
      </c>
      <c r="D85" s="9">
        <v>14</v>
      </c>
    </row>
    <row r="86" spans="1:4" ht="18" customHeight="1" x14ac:dyDescent="0.15">
      <c r="A86" s="16">
        <v>66</v>
      </c>
      <c r="B86" s="29">
        <v>5</v>
      </c>
      <c r="C86" s="10">
        <v>5</v>
      </c>
      <c r="D86" s="9">
        <v>10</v>
      </c>
    </row>
    <row r="87" spans="1:4" ht="18" customHeight="1" x14ac:dyDescent="0.15">
      <c r="A87" s="16">
        <v>67</v>
      </c>
      <c r="B87" s="29">
        <v>6</v>
      </c>
      <c r="C87" s="10">
        <v>8</v>
      </c>
      <c r="D87" s="9">
        <v>14</v>
      </c>
    </row>
    <row r="88" spans="1:4" ht="18" customHeight="1" x14ac:dyDescent="0.15">
      <c r="A88" s="16">
        <v>68</v>
      </c>
      <c r="B88" s="29">
        <v>9</v>
      </c>
      <c r="C88" s="10">
        <v>6</v>
      </c>
      <c r="D88" s="9">
        <v>15</v>
      </c>
    </row>
    <row r="89" spans="1:4" ht="18" customHeight="1" x14ac:dyDescent="0.15">
      <c r="A89" s="16">
        <v>69</v>
      </c>
      <c r="B89" s="29">
        <v>6</v>
      </c>
      <c r="C89" s="10">
        <v>12</v>
      </c>
      <c r="D89" s="9">
        <v>18</v>
      </c>
    </row>
    <row r="90" spans="1:4" ht="18" customHeight="1" x14ac:dyDescent="0.15">
      <c r="A90" s="8" t="s">
        <v>193</v>
      </c>
      <c r="B90" s="29">
        <v>32</v>
      </c>
      <c r="C90" s="10">
        <v>39</v>
      </c>
      <c r="D90" s="9">
        <v>71</v>
      </c>
    </row>
    <row r="91" spans="1:4" ht="18" customHeight="1" x14ac:dyDescent="0.15">
      <c r="A91" s="16">
        <v>70</v>
      </c>
      <c r="B91" s="29">
        <v>7</v>
      </c>
      <c r="C91" s="10">
        <v>7</v>
      </c>
      <c r="D91" s="9">
        <v>14</v>
      </c>
    </row>
    <row r="92" spans="1:4" ht="18" customHeight="1" x14ac:dyDescent="0.15">
      <c r="A92" s="16">
        <v>71</v>
      </c>
      <c r="B92" s="29">
        <v>9</v>
      </c>
      <c r="C92" s="10">
        <v>7</v>
      </c>
      <c r="D92" s="9">
        <v>16</v>
      </c>
    </row>
    <row r="93" spans="1:4" ht="18" customHeight="1" x14ac:dyDescent="0.15">
      <c r="A93" s="16">
        <v>72</v>
      </c>
      <c r="B93" s="29">
        <v>16</v>
      </c>
      <c r="C93" s="10">
        <v>14</v>
      </c>
      <c r="D93" s="9">
        <v>30</v>
      </c>
    </row>
    <row r="94" spans="1:4" ht="18" customHeight="1" x14ac:dyDescent="0.15">
      <c r="A94" s="16">
        <v>73</v>
      </c>
      <c r="B94" s="29">
        <v>12</v>
      </c>
      <c r="C94" s="10">
        <v>11</v>
      </c>
      <c r="D94" s="9">
        <v>23</v>
      </c>
    </row>
    <row r="95" spans="1:4" ht="18" customHeight="1" x14ac:dyDescent="0.15">
      <c r="A95" s="16">
        <v>74</v>
      </c>
      <c r="B95" s="29">
        <v>16</v>
      </c>
      <c r="C95" s="10">
        <v>15</v>
      </c>
      <c r="D95" s="9">
        <v>31</v>
      </c>
    </row>
    <row r="96" spans="1:4" ht="18" customHeight="1" x14ac:dyDescent="0.15">
      <c r="A96" s="8" t="s">
        <v>192</v>
      </c>
      <c r="B96" s="29">
        <v>60</v>
      </c>
      <c r="C96" s="10">
        <v>54</v>
      </c>
      <c r="D96" s="9">
        <v>114</v>
      </c>
    </row>
    <row r="97" spans="1:4" ht="18" customHeight="1" x14ac:dyDescent="0.15">
      <c r="A97" s="16">
        <v>75</v>
      </c>
      <c r="B97" s="29">
        <v>8</v>
      </c>
      <c r="C97" s="10">
        <v>16</v>
      </c>
      <c r="D97" s="9">
        <v>24</v>
      </c>
    </row>
    <row r="98" spans="1:4" ht="18" customHeight="1" x14ac:dyDescent="0.15">
      <c r="A98" s="16">
        <v>76</v>
      </c>
      <c r="B98" s="29">
        <v>5</v>
      </c>
      <c r="C98" s="10">
        <v>10</v>
      </c>
      <c r="D98" s="9">
        <v>15</v>
      </c>
    </row>
    <row r="99" spans="1:4" ht="18" customHeight="1" x14ac:dyDescent="0.15">
      <c r="A99" s="16">
        <v>77</v>
      </c>
      <c r="B99" s="29">
        <v>5</v>
      </c>
      <c r="C99" s="10">
        <v>3</v>
      </c>
      <c r="D99" s="9">
        <v>8</v>
      </c>
    </row>
    <row r="100" spans="1:4" ht="18" customHeight="1" x14ac:dyDescent="0.15">
      <c r="A100" s="16">
        <v>78</v>
      </c>
      <c r="B100" s="29">
        <v>8</v>
      </c>
      <c r="C100" s="10">
        <v>2</v>
      </c>
      <c r="D100" s="9">
        <v>10</v>
      </c>
    </row>
    <row r="101" spans="1:4" ht="18" customHeight="1" x14ac:dyDescent="0.15">
      <c r="A101" s="16">
        <v>79</v>
      </c>
      <c r="B101" s="29">
        <v>6</v>
      </c>
      <c r="C101" s="10">
        <v>6</v>
      </c>
      <c r="D101" s="9">
        <v>12</v>
      </c>
    </row>
    <row r="102" spans="1:4" ht="18" customHeight="1" x14ac:dyDescent="0.15">
      <c r="A102" s="8" t="s">
        <v>70</v>
      </c>
      <c r="B102" s="29">
        <v>32</v>
      </c>
      <c r="C102" s="10">
        <v>37</v>
      </c>
      <c r="D102" s="9">
        <v>69</v>
      </c>
    </row>
    <row r="103" spans="1:4" ht="18" customHeight="1" x14ac:dyDescent="0.15">
      <c r="A103" s="16">
        <v>80</v>
      </c>
      <c r="B103" s="29">
        <v>12</v>
      </c>
      <c r="C103" s="10">
        <v>2</v>
      </c>
      <c r="D103" s="9">
        <v>14</v>
      </c>
    </row>
    <row r="104" spans="1:4" ht="18" customHeight="1" x14ac:dyDescent="0.15">
      <c r="A104" s="16">
        <v>81</v>
      </c>
      <c r="B104" s="29">
        <v>7</v>
      </c>
      <c r="C104" s="10">
        <v>5</v>
      </c>
      <c r="D104" s="9">
        <v>12</v>
      </c>
    </row>
    <row r="105" spans="1:4" ht="18" customHeight="1" x14ac:dyDescent="0.15">
      <c r="A105" s="16">
        <v>82</v>
      </c>
      <c r="B105" s="29">
        <v>4</v>
      </c>
      <c r="C105" s="10">
        <v>8</v>
      </c>
      <c r="D105" s="9">
        <v>12</v>
      </c>
    </row>
    <row r="106" spans="1:4" ht="18" customHeight="1" x14ac:dyDescent="0.15">
      <c r="A106" s="16">
        <v>83</v>
      </c>
      <c r="B106" s="29">
        <v>1</v>
      </c>
      <c r="C106" s="10">
        <v>7</v>
      </c>
      <c r="D106" s="9">
        <v>8</v>
      </c>
    </row>
    <row r="107" spans="1:4" ht="18" customHeight="1" x14ac:dyDescent="0.15">
      <c r="A107" s="16">
        <v>84</v>
      </c>
      <c r="B107" s="29">
        <v>1</v>
      </c>
      <c r="C107" s="10">
        <v>5</v>
      </c>
      <c r="D107" s="9">
        <v>6</v>
      </c>
    </row>
    <row r="108" spans="1:4" ht="18" customHeight="1" x14ac:dyDescent="0.15">
      <c r="A108" s="8" t="s">
        <v>39</v>
      </c>
      <c r="B108" s="29">
        <v>25</v>
      </c>
      <c r="C108" s="10">
        <v>27</v>
      </c>
      <c r="D108" s="9">
        <v>52</v>
      </c>
    </row>
    <row r="109" spans="1:4" ht="18" customHeight="1" x14ac:dyDescent="0.15">
      <c r="A109" s="16">
        <v>85</v>
      </c>
      <c r="B109" s="29">
        <v>2</v>
      </c>
      <c r="C109" s="10">
        <v>3</v>
      </c>
      <c r="D109" s="9">
        <v>5</v>
      </c>
    </row>
    <row r="110" spans="1:4" ht="18" customHeight="1" x14ac:dyDescent="0.15">
      <c r="A110" s="16">
        <v>86</v>
      </c>
      <c r="B110" s="29">
        <v>2</v>
      </c>
      <c r="C110" s="10">
        <v>8</v>
      </c>
      <c r="D110" s="9">
        <v>10</v>
      </c>
    </row>
    <row r="111" spans="1:4" ht="18" customHeight="1" x14ac:dyDescent="0.15">
      <c r="A111" s="16">
        <v>87</v>
      </c>
      <c r="B111" s="29">
        <v>2</v>
      </c>
      <c r="C111" s="10">
        <v>6</v>
      </c>
      <c r="D111" s="9">
        <v>8</v>
      </c>
    </row>
    <row r="112" spans="1:4" ht="18" customHeight="1" x14ac:dyDescent="0.15">
      <c r="A112" s="16">
        <v>88</v>
      </c>
      <c r="B112" s="29">
        <v>3</v>
      </c>
      <c r="C112" s="10">
        <v>5</v>
      </c>
      <c r="D112" s="9">
        <v>8</v>
      </c>
    </row>
    <row r="113" spans="1:4" ht="18" customHeight="1" x14ac:dyDescent="0.15">
      <c r="A113" s="16">
        <v>89</v>
      </c>
      <c r="B113" s="29">
        <v>3</v>
      </c>
      <c r="C113" s="10">
        <v>6</v>
      </c>
      <c r="D113" s="9">
        <v>9</v>
      </c>
    </row>
    <row r="114" spans="1:4" ht="18" customHeight="1" x14ac:dyDescent="0.15">
      <c r="A114" s="8" t="s">
        <v>38</v>
      </c>
      <c r="B114" s="29">
        <v>12</v>
      </c>
      <c r="C114" s="10">
        <v>28</v>
      </c>
      <c r="D114" s="9">
        <v>40</v>
      </c>
    </row>
    <row r="115" spans="1:4" ht="18" customHeight="1" x14ac:dyDescent="0.15">
      <c r="A115" s="16">
        <v>90</v>
      </c>
      <c r="B115" s="29">
        <v>2</v>
      </c>
      <c r="C115" s="10">
        <v>4</v>
      </c>
      <c r="D115" s="9">
        <v>6</v>
      </c>
    </row>
    <row r="116" spans="1:4" ht="18" customHeight="1" x14ac:dyDescent="0.15">
      <c r="A116" s="16">
        <v>91</v>
      </c>
      <c r="B116" s="29">
        <v>0</v>
      </c>
      <c r="C116" s="10">
        <v>3</v>
      </c>
      <c r="D116" s="9">
        <v>3</v>
      </c>
    </row>
    <row r="117" spans="1:4" ht="18" customHeight="1" x14ac:dyDescent="0.15">
      <c r="A117" s="16">
        <v>92</v>
      </c>
      <c r="B117" s="29">
        <v>0</v>
      </c>
      <c r="C117" s="10">
        <v>1</v>
      </c>
      <c r="D117" s="9">
        <v>1</v>
      </c>
    </row>
    <row r="118" spans="1:4" ht="18" customHeight="1" x14ac:dyDescent="0.15">
      <c r="A118" s="16">
        <v>93</v>
      </c>
      <c r="B118" s="29">
        <v>1</v>
      </c>
      <c r="C118" s="10">
        <v>3</v>
      </c>
      <c r="D118" s="9">
        <v>4</v>
      </c>
    </row>
    <row r="119" spans="1:4" ht="18" customHeight="1" x14ac:dyDescent="0.15">
      <c r="A119" s="16">
        <v>94</v>
      </c>
      <c r="B119" s="29">
        <v>0</v>
      </c>
      <c r="C119" s="10">
        <v>3</v>
      </c>
      <c r="D119" s="9">
        <v>3</v>
      </c>
    </row>
    <row r="120" spans="1:4" ht="18" customHeight="1" x14ac:dyDescent="0.15">
      <c r="A120" s="8" t="s">
        <v>69</v>
      </c>
      <c r="B120" s="29">
        <v>3</v>
      </c>
      <c r="C120" s="10">
        <v>14</v>
      </c>
      <c r="D120" s="9">
        <v>17</v>
      </c>
    </row>
    <row r="121" spans="1:4" ht="18" customHeight="1" x14ac:dyDescent="0.15">
      <c r="A121" s="16">
        <v>95</v>
      </c>
      <c r="B121" s="29">
        <v>2</v>
      </c>
      <c r="C121" s="10">
        <v>0</v>
      </c>
      <c r="D121" s="9">
        <v>2</v>
      </c>
    </row>
    <row r="122" spans="1:4" ht="18" customHeight="1" x14ac:dyDescent="0.15">
      <c r="A122" s="16">
        <v>96</v>
      </c>
      <c r="B122" s="29">
        <v>0</v>
      </c>
      <c r="C122" s="10">
        <v>2</v>
      </c>
      <c r="D122" s="9">
        <v>2</v>
      </c>
    </row>
    <row r="123" spans="1:4" ht="18" customHeight="1" x14ac:dyDescent="0.15">
      <c r="A123" s="16">
        <v>97</v>
      </c>
      <c r="B123" s="29">
        <v>0</v>
      </c>
      <c r="C123" s="10">
        <v>1</v>
      </c>
      <c r="D123" s="9">
        <v>1</v>
      </c>
    </row>
    <row r="124" spans="1:4" ht="18" customHeight="1" x14ac:dyDescent="0.15">
      <c r="A124" s="16">
        <v>98</v>
      </c>
      <c r="B124" s="29">
        <v>0</v>
      </c>
      <c r="C124" s="10">
        <v>0</v>
      </c>
      <c r="D124" s="9">
        <v>0</v>
      </c>
    </row>
    <row r="125" spans="1:4" ht="18" customHeight="1" x14ac:dyDescent="0.15">
      <c r="A125" s="16">
        <v>99</v>
      </c>
      <c r="B125" s="29">
        <v>1</v>
      </c>
      <c r="C125" s="10">
        <v>0</v>
      </c>
      <c r="D125" s="9">
        <v>1</v>
      </c>
    </row>
    <row r="126" spans="1:4" ht="18" customHeight="1" x14ac:dyDescent="0.15">
      <c r="A126" s="8" t="s">
        <v>68</v>
      </c>
      <c r="B126" s="29">
        <v>3</v>
      </c>
      <c r="C126" s="10">
        <v>3</v>
      </c>
      <c r="D126" s="9">
        <v>6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155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35</v>
      </c>
      <c r="B130" s="28">
        <v>167</v>
      </c>
      <c r="C130" s="6">
        <v>202</v>
      </c>
      <c r="D130" s="5">
        <v>369</v>
      </c>
    </row>
    <row r="131" spans="1:4" ht="18" customHeight="1" x14ac:dyDescent="0.15">
      <c r="A131" s="4" t="s">
        <v>0</v>
      </c>
      <c r="B131" s="27">
        <v>466</v>
      </c>
      <c r="C131" s="2">
        <v>519</v>
      </c>
      <c r="D131" s="1">
        <v>98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19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</v>
      </c>
      <c r="C5" s="18">
        <v>4</v>
      </c>
      <c r="D5" s="17">
        <v>10</v>
      </c>
    </row>
    <row r="6" spans="1:4" ht="18" customHeight="1" x14ac:dyDescent="0.15">
      <c r="A6" s="16">
        <v>1</v>
      </c>
      <c r="B6" s="29">
        <v>3</v>
      </c>
      <c r="C6" s="10">
        <v>10</v>
      </c>
      <c r="D6" s="9">
        <v>13</v>
      </c>
    </row>
    <row r="7" spans="1:4" ht="18" customHeight="1" x14ac:dyDescent="0.15">
      <c r="A7" s="16">
        <v>2</v>
      </c>
      <c r="B7" s="29">
        <v>10</v>
      </c>
      <c r="C7" s="10">
        <v>14</v>
      </c>
      <c r="D7" s="9">
        <v>24</v>
      </c>
    </row>
    <row r="8" spans="1:4" ht="18" customHeight="1" x14ac:dyDescent="0.15">
      <c r="A8" s="16">
        <v>3</v>
      </c>
      <c r="B8" s="29">
        <v>7</v>
      </c>
      <c r="C8" s="10">
        <v>5</v>
      </c>
      <c r="D8" s="9">
        <v>12</v>
      </c>
    </row>
    <row r="9" spans="1:4" ht="18" customHeight="1" x14ac:dyDescent="0.15">
      <c r="A9" s="16">
        <v>4</v>
      </c>
      <c r="B9" s="29">
        <v>9</v>
      </c>
      <c r="C9" s="10">
        <v>8</v>
      </c>
      <c r="D9" s="9">
        <v>17</v>
      </c>
    </row>
    <row r="10" spans="1:4" ht="18" customHeight="1" x14ac:dyDescent="0.15">
      <c r="A10" s="8" t="s">
        <v>76</v>
      </c>
      <c r="B10" s="29">
        <v>35</v>
      </c>
      <c r="C10" s="10">
        <v>41</v>
      </c>
      <c r="D10" s="9">
        <v>76</v>
      </c>
    </row>
    <row r="11" spans="1:4" ht="18" customHeight="1" x14ac:dyDescent="0.15">
      <c r="A11" s="16">
        <v>5</v>
      </c>
      <c r="B11" s="29">
        <v>10</v>
      </c>
      <c r="C11" s="10">
        <v>5</v>
      </c>
      <c r="D11" s="9">
        <v>15</v>
      </c>
    </row>
    <row r="12" spans="1:4" ht="18" customHeight="1" x14ac:dyDescent="0.15">
      <c r="A12" s="16">
        <v>6</v>
      </c>
      <c r="B12" s="29">
        <v>7</v>
      </c>
      <c r="C12" s="10">
        <v>18</v>
      </c>
      <c r="D12" s="9">
        <v>25</v>
      </c>
    </row>
    <row r="13" spans="1:4" ht="18" customHeight="1" x14ac:dyDescent="0.15">
      <c r="A13" s="16">
        <v>7</v>
      </c>
      <c r="B13" s="29">
        <v>7</v>
      </c>
      <c r="C13" s="10">
        <v>9</v>
      </c>
      <c r="D13" s="9">
        <v>16</v>
      </c>
    </row>
    <row r="14" spans="1:4" ht="18" customHeight="1" x14ac:dyDescent="0.15">
      <c r="A14" s="16">
        <v>8</v>
      </c>
      <c r="B14" s="29">
        <v>14</v>
      </c>
      <c r="C14" s="10">
        <v>8</v>
      </c>
      <c r="D14" s="9">
        <v>22</v>
      </c>
    </row>
    <row r="15" spans="1:4" ht="18" customHeight="1" x14ac:dyDescent="0.15">
      <c r="A15" s="16">
        <v>9</v>
      </c>
      <c r="B15" s="29">
        <v>17</v>
      </c>
      <c r="C15" s="10">
        <v>9</v>
      </c>
      <c r="D15" s="9">
        <v>26</v>
      </c>
    </row>
    <row r="16" spans="1:4" ht="18" customHeight="1" x14ac:dyDescent="0.15">
      <c r="A16" s="8" t="s">
        <v>50</v>
      </c>
      <c r="B16" s="29">
        <v>55</v>
      </c>
      <c r="C16" s="10">
        <v>49</v>
      </c>
      <c r="D16" s="9">
        <v>104</v>
      </c>
    </row>
    <row r="17" spans="1:4" ht="18" customHeight="1" x14ac:dyDescent="0.15">
      <c r="A17" s="16">
        <v>10</v>
      </c>
      <c r="B17" s="29">
        <v>8</v>
      </c>
      <c r="C17" s="10">
        <v>12</v>
      </c>
      <c r="D17" s="9">
        <v>20</v>
      </c>
    </row>
    <row r="18" spans="1:4" ht="18" customHeight="1" x14ac:dyDescent="0.15">
      <c r="A18" s="16">
        <v>11</v>
      </c>
      <c r="B18" s="29">
        <v>14</v>
      </c>
      <c r="C18" s="10">
        <v>9</v>
      </c>
      <c r="D18" s="9">
        <v>23</v>
      </c>
    </row>
    <row r="19" spans="1:4" ht="18" customHeight="1" x14ac:dyDescent="0.15">
      <c r="A19" s="16">
        <v>12</v>
      </c>
      <c r="B19" s="29">
        <v>9</v>
      </c>
      <c r="C19" s="10">
        <v>11</v>
      </c>
      <c r="D19" s="9">
        <v>20</v>
      </c>
    </row>
    <row r="20" spans="1:4" ht="18" customHeight="1" x14ac:dyDescent="0.15">
      <c r="A20" s="16">
        <v>13</v>
      </c>
      <c r="B20" s="29">
        <v>17</v>
      </c>
      <c r="C20" s="10">
        <v>12</v>
      </c>
      <c r="D20" s="9">
        <v>29</v>
      </c>
    </row>
    <row r="21" spans="1:4" ht="18" customHeight="1" x14ac:dyDescent="0.15">
      <c r="A21" s="16">
        <v>14</v>
      </c>
      <c r="B21" s="29">
        <v>6</v>
      </c>
      <c r="C21" s="10">
        <v>12</v>
      </c>
      <c r="D21" s="9">
        <v>18</v>
      </c>
    </row>
    <row r="22" spans="1:4" ht="18" customHeight="1" x14ac:dyDescent="0.15">
      <c r="A22" s="8" t="s">
        <v>75</v>
      </c>
      <c r="B22" s="29">
        <v>54</v>
      </c>
      <c r="C22" s="10">
        <v>56</v>
      </c>
      <c r="D22" s="9">
        <v>110</v>
      </c>
    </row>
    <row r="23" spans="1:4" ht="18" customHeight="1" x14ac:dyDescent="0.15">
      <c r="A23" s="8" t="s">
        <v>65</v>
      </c>
      <c r="B23" s="29">
        <v>144</v>
      </c>
      <c r="C23" s="10">
        <v>146</v>
      </c>
      <c r="D23" s="9">
        <v>290</v>
      </c>
    </row>
    <row r="24" spans="1:4" ht="18" customHeight="1" x14ac:dyDescent="0.15">
      <c r="A24" s="16">
        <v>15</v>
      </c>
      <c r="B24" s="29">
        <v>15</v>
      </c>
      <c r="C24" s="10">
        <v>13</v>
      </c>
      <c r="D24" s="9">
        <v>28</v>
      </c>
    </row>
    <row r="25" spans="1:4" ht="18" customHeight="1" x14ac:dyDescent="0.15">
      <c r="A25" s="16">
        <v>16</v>
      </c>
      <c r="B25" s="29">
        <v>11</v>
      </c>
      <c r="C25" s="10">
        <v>9</v>
      </c>
      <c r="D25" s="9">
        <v>20</v>
      </c>
    </row>
    <row r="26" spans="1:4" ht="18" customHeight="1" x14ac:dyDescent="0.15">
      <c r="A26" s="16">
        <v>17</v>
      </c>
      <c r="B26" s="29">
        <v>8</v>
      </c>
      <c r="C26" s="10">
        <v>12</v>
      </c>
      <c r="D26" s="9">
        <v>20</v>
      </c>
    </row>
    <row r="27" spans="1:4" ht="18" customHeight="1" x14ac:dyDescent="0.15">
      <c r="A27" s="16">
        <v>18</v>
      </c>
      <c r="B27" s="29">
        <v>13</v>
      </c>
      <c r="C27" s="10">
        <v>12</v>
      </c>
      <c r="D27" s="9">
        <v>25</v>
      </c>
    </row>
    <row r="28" spans="1:4" ht="18" customHeight="1" x14ac:dyDescent="0.15">
      <c r="A28" s="16">
        <v>19</v>
      </c>
      <c r="B28" s="29">
        <v>11</v>
      </c>
      <c r="C28" s="10">
        <v>14</v>
      </c>
      <c r="D28" s="9">
        <v>25</v>
      </c>
    </row>
    <row r="29" spans="1:4" ht="18" customHeight="1" x14ac:dyDescent="0.15">
      <c r="A29" s="8" t="s">
        <v>48</v>
      </c>
      <c r="B29" s="29">
        <v>58</v>
      </c>
      <c r="C29" s="10">
        <v>60</v>
      </c>
      <c r="D29" s="9">
        <v>118</v>
      </c>
    </row>
    <row r="30" spans="1:4" ht="18" customHeight="1" x14ac:dyDescent="0.15">
      <c r="A30" s="16">
        <v>20</v>
      </c>
      <c r="B30" s="29">
        <v>16</v>
      </c>
      <c r="C30" s="10">
        <v>22</v>
      </c>
      <c r="D30" s="9">
        <v>38</v>
      </c>
    </row>
    <row r="31" spans="1:4" ht="18" customHeight="1" x14ac:dyDescent="0.15">
      <c r="A31" s="16">
        <v>21</v>
      </c>
      <c r="B31" s="29">
        <v>13</v>
      </c>
      <c r="C31" s="10">
        <v>11</v>
      </c>
      <c r="D31" s="9">
        <v>24</v>
      </c>
    </row>
    <row r="32" spans="1:4" ht="18" customHeight="1" x14ac:dyDescent="0.15">
      <c r="A32" s="16">
        <v>22</v>
      </c>
      <c r="B32" s="29">
        <v>14</v>
      </c>
      <c r="C32" s="10">
        <v>12</v>
      </c>
      <c r="D32" s="9">
        <v>26</v>
      </c>
    </row>
    <row r="33" spans="1:4" ht="18" customHeight="1" x14ac:dyDescent="0.15">
      <c r="A33" s="16">
        <v>23</v>
      </c>
      <c r="B33" s="29">
        <v>7</v>
      </c>
      <c r="C33" s="10">
        <v>9</v>
      </c>
      <c r="D33" s="9">
        <v>16</v>
      </c>
    </row>
    <row r="34" spans="1:4" ht="18" customHeight="1" x14ac:dyDescent="0.15">
      <c r="A34" s="16">
        <v>24</v>
      </c>
      <c r="B34" s="29">
        <v>14</v>
      </c>
      <c r="C34" s="10">
        <v>10</v>
      </c>
      <c r="D34" s="9">
        <v>24</v>
      </c>
    </row>
    <row r="35" spans="1:4" ht="18" customHeight="1" x14ac:dyDescent="0.15">
      <c r="A35" s="8" t="s">
        <v>74</v>
      </c>
      <c r="B35" s="29">
        <v>64</v>
      </c>
      <c r="C35" s="10">
        <v>64</v>
      </c>
      <c r="D35" s="9">
        <v>128</v>
      </c>
    </row>
    <row r="36" spans="1:4" ht="18" customHeight="1" x14ac:dyDescent="0.15">
      <c r="A36" s="16">
        <v>25</v>
      </c>
      <c r="B36" s="29">
        <v>13</v>
      </c>
      <c r="C36" s="10">
        <v>12</v>
      </c>
      <c r="D36" s="9">
        <v>25</v>
      </c>
    </row>
    <row r="37" spans="1:4" ht="18" customHeight="1" x14ac:dyDescent="0.15">
      <c r="A37" s="16">
        <v>26</v>
      </c>
      <c r="B37" s="29">
        <v>11</v>
      </c>
      <c r="C37" s="10">
        <v>15</v>
      </c>
      <c r="D37" s="9">
        <v>26</v>
      </c>
    </row>
    <row r="38" spans="1:4" ht="18" customHeight="1" x14ac:dyDescent="0.15">
      <c r="A38" s="16">
        <v>27</v>
      </c>
      <c r="B38" s="29">
        <v>15</v>
      </c>
      <c r="C38" s="10">
        <v>16</v>
      </c>
      <c r="D38" s="9">
        <v>31</v>
      </c>
    </row>
    <row r="39" spans="1:4" ht="18" customHeight="1" x14ac:dyDescent="0.15">
      <c r="A39" s="16">
        <v>28</v>
      </c>
      <c r="B39" s="29">
        <v>17</v>
      </c>
      <c r="C39" s="10">
        <v>6</v>
      </c>
      <c r="D39" s="9">
        <v>23</v>
      </c>
    </row>
    <row r="40" spans="1:4" ht="18" customHeight="1" x14ac:dyDescent="0.15">
      <c r="A40" s="16">
        <v>29</v>
      </c>
      <c r="B40" s="29">
        <v>11</v>
      </c>
      <c r="C40" s="10">
        <v>8</v>
      </c>
      <c r="D40" s="9">
        <v>19</v>
      </c>
    </row>
    <row r="41" spans="1:4" ht="18" customHeight="1" x14ac:dyDescent="0.15">
      <c r="A41" s="8" t="s">
        <v>73</v>
      </c>
      <c r="B41" s="29">
        <v>67</v>
      </c>
      <c r="C41" s="10">
        <v>57</v>
      </c>
      <c r="D41" s="9">
        <v>124</v>
      </c>
    </row>
    <row r="42" spans="1:4" ht="18" customHeight="1" x14ac:dyDescent="0.15">
      <c r="A42" s="16">
        <v>30</v>
      </c>
      <c r="B42" s="29">
        <v>10</v>
      </c>
      <c r="C42" s="10">
        <v>6</v>
      </c>
      <c r="D42" s="9">
        <v>16</v>
      </c>
    </row>
    <row r="43" spans="1:4" ht="18" customHeight="1" x14ac:dyDescent="0.15">
      <c r="A43" s="16">
        <v>31</v>
      </c>
      <c r="B43" s="29">
        <v>12</v>
      </c>
      <c r="C43" s="10">
        <v>13</v>
      </c>
      <c r="D43" s="9">
        <v>25</v>
      </c>
    </row>
    <row r="44" spans="1:4" ht="18" customHeight="1" x14ac:dyDescent="0.15">
      <c r="A44" s="16">
        <v>32</v>
      </c>
      <c r="B44" s="29">
        <v>8</v>
      </c>
      <c r="C44" s="10">
        <v>8</v>
      </c>
      <c r="D44" s="9">
        <v>16</v>
      </c>
    </row>
    <row r="45" spans="1:4" ht="18" customHeight="1" x14ac:dyDescent="0.15">
      <c r="A45" s="16">
        <v>33</v>
      </c>
      <c r="B45" s="29">
        <v>15</v>
      </c>
      <c r="C45" s="10">
        <v>11</v>
      </c>
      <c r="D45" s="9">
        <v>26</v>
      </c>
    </row>
    <row r="46" spans="1:4" ht="18" customHeight="1" x14ac:dyDescent="0.15">
      <c r="A46" s="16">
        <v>34</v>
      </c>
      <c r="B46" s="29">
        <v>12</v>
      </c>
      <c r="C46" s="10">
        <v>10</v>
      </c>
      <c r="D46" s="9">
        <v>22</v>
      </c>
    </row>
    <row r="47" spans="1:4" ht="18" customHeight="1" x14ac:dyDescent="0.15">
      <c r="A47" s="8" t="s">
        <v>61</v>
      </c>
      <c r="B47" s="29">
        <v>57</v>
      </c>
      <c r="C47" s="10">
        <v>48</v>
      </c>
      <c r="D47" s="9">
        <v>105</v>
      </c>
    </row>
    <row r="48" spans="1:4" ht="18" customHeight="1" x14ac:dyDescent="0.15">
      <c r="A48" s="16">
        <v>35</v>
      </c>
      <c r="B48" s="29">
        <v>7</v>
      </c>
      <c r="C48" s="10">
        <v>9</v>
      </c>
      <c r="D48" s="9">
        <v>16</v>
      </c>
    </row>
    <row r="49" spans="1:4" ht="18" customHeight="1" x14ac:dyDescent="0.15">
      <c r="A49" s="16">
        <v>36</v>
      </c>
      <c r="B49" s="29">
        <v>11</v>
      </c>
      <c r="C49" s="10">
        <v>7</v>
      </c>
      <c r="D49" s="9">
        <v>18</v>
      </c>
    </row>
    <row r="50" spans="1:4" ht="18" customHeight="1" x14ac:dyDescent="0.15">
      <c r="A50" s="16">
        <v>37</v>
      </c>
      <c r="B50" s="29">
        <v>12</v>
      </c>
      <c r="C50" s="10">
        <v>16</v>
      </c>
      <c r="D50" s="9">
        <v>28</v>
      </c>
    </row>
    <row r="51" spans="1:4" ht="18" customHeight="1" x14ac:dyDescent="0.15">
      <c r="A51" s="16">
        <v>38</v>
      </c>
      <c r="B51" s="29">
        <v>13</v>
      </c>
      <c r="C51" s="10">
        <v>11</v>
      </c>
      <c r="D51" s="9">
        <v>24</v>
      </c>
    </row>
    <row r="52" spans="1:4" ht="18" customHeight="1" x14ac:dyDescent="0.15">
      <c r="A52" s="16">
        <v>39</v>
      </c>
      <c r="B52" s="29">
        <v>17</v>
      </c>
      <c r="C52" s="10">
        <v>9</v>
      </c>
      <c r="D52" s="9">
        <v>26</v>
      </c>
    </row>
    <row r="53" spans="1:4" ht="18" customHeight="1" x14ac:dyDescent="0.15">
      <c r="A53" s="8" t="s">
        <v>72</v>
      </c>
      <c r="B53" s="29">
        <v>60</v>
      </c>
      <c r="C53" s="10">
        <v>52</v>
      </c>
      <c r="D53" s="9">
        <v>112</v>
      </c>
    </row>
    <row r="54" spans="1:4" ht="18" customHeight="1" x14ac:dyDescent="0.15">
      <c r="A54" s="16">
        <v>40</v>
      </c>
      <c r="B54" s="29">
        <v>11</v>
      </c>
      <c r="C54" s="10">
        <v>12</v>
      </c>
      <c r="D54" s="9">
        <v>23</v>
      </c>
    </row>
    <row r="55" spans="1:4" ht="18" customHeight="1" x14ac:dyDescent="0.15">
      <c r="A55" s="16">
        <v>41</v>
      </c>
      <c r="B55" s="29">
        <v>12</v>
      </c>
      <c r="C55" s="10">
        <v>18</v>
      </c>
      <c r="D55" s="9">
        <v>30</v>
      </c>
    </row>
    <row r="56" spans="1:4" ht="18" customHeight="1" x14ac:dyDescent="0.15">
      <c r="A56" s="16">
        <v>42</v>
      </c>
      <c r="B56" s="29">
        <v>16</v>
      </c>
      <c r="C56" s="10">
        <v>20</v>
      </c>
      <c r="D56" s="9">
        <v>36</v>
      </c>
    </row>
    <row r="57" spans="1:4" ht="18" customHeight="1" x14ac:dyDescent="0.15">
      <c r="A57" s="16">
        <v>43</v>
      </c>
      <c r="B57" s="29">
        <v>15</v>
      </c>
      <c r="C57" s="10">
        <v>12</v>
      </c>
      <c r="D57" s="9">
        <v>27</v>
      </c>
    </row>
    <row r="58" spans="1:4" ht="18" customHeight="1" x14ac:dyDescent="0.15">
      <c r="A58" s="16">
        <v>44</v>
      </c>
      <c r="B58" s="29">
        <v>17</v>
      </c>
      <c r="C58" s="10">
        <v>18</v>
      </c>
      <c r="D58" s="9">
        <v>35</v>
      </c>
    </row>
    <row r="59" spans="1:4" ht="18" customHeight="1" x14ac:dyDescent="0.15">
      <c r="A59" s="8" t="s">
        <v>46</v>
      </c>
      <c r="B59" s="29">
        <v>71</v>
      </c>
      <c r="C59" s="10">
        <v>80</v>
      </c>
      <c r="D59" s="9">
        <v>151</v>
      </c>
    </row>
    <row r="60" spans="1:4" ht="18" customHeight="1" x14ac:dyDescent="0.15">
      <c r="A60" s="16">
        <v>45</v>
      </c>
      <c r="B60" s="29">
        <v>19</v>
      </c>
      <c r="C60" s="10">
        <v>21</v>
      </c>
      <c r="D60" s="9">
        <v>40</v>
      </c>
    </row>
    <row r="61" spans="1:4" ht="18" customHeight="1" x14ac:dyDescent="0.15">
      <c r="A61" s="16">
        <v>46</v>
      </c>
      <c r="B61" s="29">
        <v>13</v>
      </c>
      <c r="C61" s="10">
        <v>13</v>
      </c>
      <c r="D61" s="9">
        <v>26</v>
      </c>
    </row>
    <row r="62" spans="1:4" ht="18" customHeight="1" x14ac:dyDescent="0.15">
      <c r="A62" s="16">
        <v>47</v>
      </c>
      <c r="B62" s="29">
        <v>25</v>
      </c>
      <c r="C62" s="10">
        <v>15</v>
      </c>
      <c r="D62" s="9">
        <v>40</v>
      </c>
    </row>
    <row r="63" spans="1:4" ht="18" customHeight="1" x14ac:dyDescent="0.15">
      <c r="A63" s="16">
        <v>48</v>
      </c>
      <c r="B63" s="29">
        <v>31</v>
      </c>
      <c r="C63" s="10">
        <v>22</v>
      </c>
      <c r="D63" s="9">
        <v>53</v>
      </c>
    </row>
    <row r="64" spans="1:4" ht="18" customHeight="1" x14ac:dyDescent="0.15">
      <c r="A64" s="16">
        <v>49</v>
      </c>
      <c r="B64" s="29">
        <v>26</v>
      </c>
      <c r="C64" s="10">
        <v>19</v>
      </c>
      <c r="D64" s="9">
        <v>45</v>
      </c>
    </row>
    <row r="65" spans="1:4" ht="18" customHeight="1" x14ac:dyDescent="0.15">
      <c r="A65" s="8" t="s">
        <v>45</v>
      </c>
      <c r="B65" s="29">
        <v>114</v>
      </c>
      <c r="C65" s="10">
        <v>90</v>
      </c>
      <c r="D65" s="9">
        <v>204</v>
      </c>
    </row>
    <row r="66" spans="1:4" ht="18" customHeight="1" x14ac:dyDescent="0.15">
      <c r="A66" s="16">
        <v>50</v>
      </c>
      <c r="B66" s="29">
        <v>20</v>
      </c>
      <c r="C66" s="10">
        <v>22</v>
      </c>
      <c r="D66" s="9">
        <v>42</v>
      </c>
    </row>
    <row r="67" spans="1:4" ht="18" customHeight="1" x14ac:dyDescent="0.15">
      <c r="A67" s="16">
        <v>51</v>
      </c>
      <c r="B67" s="29">
        <v>34</v>
      </c>
      <c r="C67" s="10">
        <v>33</v>
      </c>
      <c r="D67" s="9">
        <v>67</v>
      </c>
    </row>
    <row r="68" spans="1:4" ht="18" customHeight="1" x14ac:dyDescent="0.15">
      <c r="A68" s="16">
        <v>52</v>
      </c>
      <c r="B68" s="29">
        <v>29</v>
      </c>
      <c r="C68" s="10">
        <v>22</v>
      </c>
      <c r="D68" s="9">
        <v>51</v>
      </c>
    </row>
    <row r="69" spans="1:4" ht="18" customHeight="1" x14ac:dyDescent="0.15">
      <c r="A69" s="16">
        <v>53</v>
      </c>
      <c r="B69" s="29">
        <v>26</v>
      </c>
      <c r="C69" s="10">
        <v>28</v>
      </c>
      <c r="D69" s="9">
        <v>54</v>
      </c>
    </row>
    <row r="70" spans="1:4" ht="18" customHeight="1" x14ac:dyDescent="0.15">
      <c r="A70" s="16">
        <v>54</v>
      </c>
      <c r="B70" s="29">
        <v>28</v>
      </c>
      <c r="C70" s="10">
        <v>19</v>
      </c>
      <c r="D70" s="9">
        <v>47</v>
      </c>
    </row>
    <row r="71" spans="1:4" ht="18" customHeight="1" x14ac:dyDescent="0.15">
      <c r="A71" s="8" t="s">
        <v>58</v>
      </c>
      <c r="B71" s="29">
        <v>137</v>
      </c>
      <c r="C71" s="10">
        <v>124</v>
      </c>
      <c r="D71" s="9">
        <v>261</v>
      </c>
    </row>
    <row r="72" spans="1:4" ht="18" customHeight="1" x14ac:dyDescent="0.15">
      <c r="A72" s="16">
        <v>55</v>
      </c>
      <c r="B72" s="29">
        <v>23</v>
      </c>
      <c r="C72" s="10">
        <v>22</v>
      </c>
      <c r="D72" s="9">
        <v>45</v>
      </c>
    </row>
    <row r="73" spans="1:4" ht="18" customHeight="1" x14ac:dyDescent="0.15">
      <c r="A73" s="16">
        <v>56</v>
      </c>
      <c r="B73" s="29">
        <v>24</v>
      </c>
      <c r="C73" s="10">
        <v>22</v>
      </c>
      <c r="D73" s="9">
        <v>46</v>
      </c>
    </row>
    <row r="74" spans="1:4" ht="18" customHeight="1" x14ac:dyDescent="0.15">
      <c r="A74" s="16">
        <v>57</v>
      </c>
      <c r="B74" s="29">
        <v>19</v>
      </c>
      <c r="C74" s="10">
        <v>18</v>
      </c>
      <c r="D74" s="9">
        <v>37</v>
      </c>
    </row>
    <row r="75" spans="1:4" ht="18" customHeight="1" x14ac:dyDescent="0.15">
      <c r="A75" s="16">
        <v>58</v>
      </c>
      <c r="B75" s="29">
        <v>18</v>
      </c>
      <c r="C75" s="10">
        <v>17</v>
      </c>
      <c r="D75" s="9">
        <v>35</v>
      </c>
    </row>
    <row r="76" spans="1:4" ht="18" customHeight="1" x14ac:dyDescent="0.15">
      <c r="A76" s="16">
        <v>59</v>
      </c>
      <c r="B76" s="29">
        <v>15</v>
      </c>
      <c r="C76" s="10">
        <v>12</v>
      </c>
      <c r="D76" s="9">
        <v>27</v>
      </c>
    </row>
    <row r="77" spans="1:4" ht="18" customHeight="1" x14ac:dyDescent="0.15">
      <c r="A77" s="8" t="s">
        <v>71</v>
      </c>
      <c r="B77" s="29">
        <v>99</v>
      </c>
      <c r="C77" s="10">
        <v>91</v>
      </c>
      <c r="D77" s="9">
        <v>190</v>
      </c>
    </row>
    <row r="78" spans="1:4" ht="18" customHeight="1" x14ac:dyDescent="0.15">
      <c r="A78" s="16">
        <v>60</v>
      </c>
      <c r="B78" s="29">
        <v>14</v>
      </c>
      <c r="C78" s="10">
        <v>15</v>
      </c>
      <c r="D78" s="9">
        <v>29</v>
      </c>
    </row>
    <row r="79" spans="1:4" ht="18" customHeight="1" x14ac:dyDescent="0.15">
      <c r="A79" s="16">
        <v>61</v>
      </c>
      <c r="B79" s="29">
        <v>15</v>
      </c>
      <c r="C79" s="10">
        <v>17</v>
      </c>
      <c r="D79" s="9">
        <v>32</v>
      </c>
    </row>
    <row r="80" spans="1:4" ht="18" customHeight="1" x14ac:dyDescent="0.15">
      <c r="A80" s="16">
        <v>62</v>
      </c>
      <c r="B80" s="29">
        <v>12</v>
      </c>
      <c r="C80" s="10">
        <v>21</v>
      </c>
      <c r="D80" s="9">
        <v>33</v>
      </c>
    </row>
    <row r="81" spans="1:4" ht="18" customHeight="1" x14ac:dyDescent="0.15">
      <c r="A81" s="16">
        <v>63</v>
      </c>
      <c r="B81" s="29">
        <v>8</v>
      </c>
      <c r="C81" s="10">
        <v>20</v>
      </c>
      <c r="D81" s="9">
        <v>28</v>
      </c>
    </row>
    <row r="82" spans="1:4" ht="18" customHeight="1" x14ac:dyDescent="0.15">
      <c r="A82" s="16">
        <v>64</v>
      </c>
      <c r="B82" s="29">
        <v>24</v>
      </c>
      <c r="C82" s="10">
        <v>29</v>
      </c>
      <c r="D82" s="9">
        <v>53</v>
      </c>
    </row>
    <row r="83" spans="1:4" ht="18" customHeight="1" x14ac:dyDescent="0.15">
      <c r="A83" s="8" t="s">
        <v>44</v>
      </c>
      <c r="B83" s="29">
        <v>73</v>
      </c>
      <c r="C83" s="10">
        <v>102</v>
      </c>
      <c r="D83" s="9">
        <v>175</v>
      </c>
    </row>
    <row r="84" spans="1:4" ht="18" customHeight="1" x14ac:dyDescent="0.15">
      <c r="A84" s="8" t="s">
        <v>43</v>
      </c>
      <c r="B84" s="29">
        <v>800</v>
      </c>
      <c r="C84" s="10">
        <v>768</v>
      </c>
      <c r="D84" s="9">
        <v>1568</v>
      </c>
    </row>
    <row r="85" spans="1:4" ht="18" customHeight="1" x14ac:dyDescent="0.15">
      <c r="A85" s="16">
        <v>65</v>
      </c>
      <c r="B85" s="29">
        <v>26</v>
      </c>
      <c r="C85" s="10">
        <v>14</v>
      </c>
      <c r="D85" s="9">
        <v>40</v>
      </c>
    </row>
    <row r="86" spans="1:4" ht="18" customHeight="1" x14ac:dyDescent="0.15">
      <c r="A86" s="16">
        <v>66</v>
      </c>
      <c r="B86" s="29">
        <v>20</v>
      </c>
      <c r="C86" s="10">
        <v>25</v>
      </c>
      <c r="D86" s="9">
        <v>45</v>
      </c>
    </row>
    <row r="87" spans="1:4" ht="18" customHeight="1" x14ac:dyDescent="0.15">
      <c r="A87" s="16">
        <v>67</v>
      </c>
      <c r="B87" s="29">
        <v>25</v>
      </c>
      <c r="C87" s="10">
        <v>29</v>
      </c>
      <c r="D87" s="9">
        <v>54</v>
      </c>
    </row>
    <row r="88" spans="1:4" ht="18" customHeight="1" x14ac:dyDescent="0.15">
      <c r="A88" s="16">
        <v>68</v>
      </c>
      <c r="B88" s="29">
        <v>23</v>
      </c>
      <c r="C88" s="10">
        <v>32</v>
      </c>
      <c r="D88" s="9">
        <v>55</v>
      </c>
    </row>
    <row r="89" spans="1:4" ht="18" customHeight="1" x14ac:dyDescent="0.15">
      <c r="A89" s="16">
        <v>69</v>
      </c>
      <c r="B89" s="29">
        <v>30</v>
      </c>
      <c r="C89" s="10">
        <v>29</v>
      </c>
      <c r="D89" s="9">
        <v>59</v>
      </c>
    </row>
    <row r="90" spans="1:4" ht="18" customHeight="1" x14ac:dyDescent="0.15">
      <c r="A90" s="8" t="s">
        <v>99</v>
      </c>
      <c r="B90" s="29">
        <v>124</v>
      </c>
      <c r="C90" s="10">
        <v>129</v>
      </c>
      <c r="D90" s="9">
        <v>253</v>
      </c>
    </row>
    <row r="91" spans="1:4" ht="18" customHeight="1" x14ac:dyDescent="0.15">
      <c r="A91" s="16">
        <v>70</v>
      </c>
      <c r="B91" s="29">
        <v>26</v>
      </c>
      <c r="C91" s="10">
        <v>24</v>
      </c>
      <c r="D91" s="9">
        <v>50</v>
      </c>
    </row>
    <row r="92" spans="1:4" ht="18" customHeight="1" x14ac:dyDescent="0.15">
      <c r="A92" s="16">
        <v>71</v>
      </c>
      <c r="B92" s="29">
        <v>20</v>
      </c>
      <c r="C92" s="10">
        <v>33</v>
      </c>
      <c r="D92" s="9">
        <v>53</v>
      </c>
    </row>
    <row r="93" spans="1:4" ht="18" customHeight="1" x14ac:dyDescent="0.15">
      <c r="A93" s="16">
        <v>72</v>
      </c>
      <c r="B93" s="29">
        <v>39</v>
      </c>
      <c r="C93" s="10">
        <v>36</v>
      </c>
      <c r="D93" s="9">
        <v>75</v>
      </c>
    </row>
    <row r="94" spans="1:4" ht="18" customHeight="1" x14ac:dyDescent="0.15">
      <c r="A94" s="16">
        <v>73</v>
      </c>
      <c r="B94" s="29">
        <v>38</v>
      </c>
      <c r="C94" s="10">
        <v>44</v>
      </c>
      <c r="D94" s="9">
        <v>82</v>
      </c>
    </row>
    <row r="95" spans="1:4" ht="18" customHeight="1" x14ac:dyDescent="0.15">
      <c r="A95" s="16">
        <v>74</v>
      </c>
      <c r="B95" s="29">
        <v>35</v>
      </c>
      <c r="C95" s="10">
        <v>53</v>
      </c>
      <c r="D95" s="9">
        <v>88</v>
      </c>
    </row>
    <row r="96" spans="1:4" ht="18" customHeight="1" x14ac:dyDescent="0.15">
      <c r="A96" s="8" t="s">
        <v>41</v>
      </c>
      <c r="B96" s="29">
        <v>158</v>
      </c>
      <c r="C96" s="10">
        <v>190</v>
      </c>
      <c r="D96" s="9">
        <v>348</v>
      </c>
    </row>
    <row r="97" spans="1:4" ht="18" customHeight="1" x14ac:dyDescent="0.15">
      <c r="A97" s="16">
        <v>75</v>
      </c>
      <c r="B97" s="29">
        <v>47</v>
      </c>
      <c r="C97" s="10">
        <v>59</v>
      </c>
      <c r="D97" s="9">
        <v>106</v>
      </c>
    </row>
    <row r="98" spans="1:4" ht="18" customHeight="1" x14ac:dyDescent="0.15">
      <c r="A98" s="16">
        <v>76</v>
      </c>
      <c r="B98" s="29">
        <v>31</v>
      </c>
      <c r="C98" s="10">
        <v>29</v>
      </c>
      <c r="D98" s="9">
        <v>60</v>
      </c>
    </row>
    <row r="99" spans="1:4" ht="18" customHeight="1" x14ac:dyDescent="0.15">
      <c r="A99" s="16">
        <v>77</v>
      </c>
      <c r="B99" s="29">
        <v>17</v>
      </c>
      <c r="C99" s="10">
        <v>23</v>
      </c>
      <c r="D99" s="9">
        <v>40</v>
      </c>
    </row>
    <row r="100" spans="1:4" ht="18" customHeight="1" x14ac:dyDescent="0.15">
      <c r="A100" s="16">
        <v>78</v>
      </c>
      <c r="B100" s="29">
        <v>37</v>
      </c>
      <c r="C100" s="10">
        <v>34</v>
      </c>
      <c r="D100" s="9">
        <v>71</v>
      </c>
    </row>
    <row r="101" spans="1:4" ht="18" customHeight="1" x14ac:dyDescent="0.15">
      <c r="A101" s="16">
        <v>79</v>
      </c>
      <c r="B101" s="29">
        <v>31</v>
      </c>
      <c r="C101" s="10">
        <v>34</v>
      </c>
      <c r="D101" s="9">
        <v>65</v>
      </c>
    </row>
    <row r="102" spans="1:4" ht="18" customHeight="1" x14ac:dyDescent="0.15">
      <c r="A102" s="8" t="s">
        <v>70</v>
      </c>
      <c r="B102" s="29">
        <v>163</v>
      </c>
      <c r="C102" s="10">
        <v>179</v>
      </c>
      <c r="D102" s="9">
        <v>342</v>
      </c>
    </row>
    <row r="103" spans="1:4" ht="18" customHeight="1" x14ac:dyDescent="0.15">
      <c r="A103" s="16">
        <v>80</v>
      </c>
      <c r="B103" s="29">
        <v>21</v>
      </c>
      <c r="C103" s="10">
        <v>33</v>
      </c>
      <c r="D103" s="9">
        <v>54</v>
      </c>
    </row>
    <row r="104" spans="1:4" ht="18" customHeight="1" x14ac:dyDescent="0.15">
      <c r="A104" s="16">
        <v>81</v>
      </c>
      <c r="B104" s="29">
        <v>19</v>
      </c>
      <c r="C104" s="10">
        <v>48</v>
      </c>
      <c r="D104" s="9">
        <v>67</v>
      </c>
    </row>
    <row r="105" spans="1:4" ht="18" customHeight="1" x14ac:dyDescent="0.15">
      <c r="A105" s="16">
        <v>82</v>
      </c>
      <c r="B105" s="29">
        <v>33</v>
      </c>
      <c r="C105" s="10">
        <v>34</v>
      </c>
      <c r="D105" s="9">
        <v>67</v>
      </c>
    </row>
    <row r="106" spans="1:4" ht="18" customHeight="1" x14ac:dyDescent="0.15">
      <c r="A106" s="16">
        <v>83</v>
      </c>
      <c r="B106" s="29">
        <v>17</v>
      </c>
      <c r="C106" s="10">
        <v>32</v>
      </c>
      <c r="D106" s="9">
        <v>49</v>
      </c>
    </row>
    <row r="107" spans="1:4" ht="18" customHeight="1" x14ac:dyDescent="0.15">
      <c r="A107" s="16">
        <v>84</v>
      </c>
      <c r="B107" s="29">
        <v>8</v>
      </c>
      <c r="C107" s="10">
        <v>23</v>
      </c>
      <c r="D107" s="9">
        <v>31</v>
      </c>
    </row>
    <row r="108" spans="1:4" ht="18" customHeight="1" x14ac:dyDescent="0.15">
      <c r="A108" s="8" t="s">
        <v>39</v>
      </c>
      <c r="B108" s="29">
        <v>98</v>
      </c>
      <c r="C108" s="10">
        <v>170</v>
      </c>
      <c r="D108" s="9">
        <v>268</v>
      </c>
    </row>
    <row r="109" spans="1:4" ht="18" customHeight="1" x14ac:dyDescent="0.15">
      <c r="A109" s="16">
        <v>85</v>
      </c>
      <c r="B109" s="29">
        <v>13</v>
      </c>
      <c r="C109" s="10">
        <v>27</v>
      </c>
      <c r="D109" s="9">
        <v>40</v>
      </c>
    </row>
    <row r="110" spans="1:4" ht="18" customHeight="1" x14ac:dyDescent="0.15">
      <c r="A110" s="16">
        <v>86</v>
      </c>
      <c r="B110" s="29">
        <v>15</v>
      </c>
      <c r="C110" s="10">
        <v>15</v>
      </c>
      <c r="D110" s="9">
        <v>30</v>
      </c>
    </row>
    <row r="111" spans="1:4" ht="18" customHeight="1" x14ac:dyDescent="0.15">
      <c r="A111" s="16">
        <v>87</v>
      </c>
      <c r="B111" s="29">
        <v>16</v>
      </c>
      <c r="C111" s="10">
        <v>22</v>
      </c>
      <c r="D111" s="9">
        <v>38</v>
      </c>
    </row>
    <row r="112" spans="1:4" ht="18" customHeight="1" x14ac:dyDescent="0.15">
      <c r="A112" s="16">
        <v>88</v>
      </c>
      <c r="B112" s="29">
        <v>5</v>
      </c>
      <c r="C112" s="10">
        <v>14</v>
      </c>
      <c r="D112" s="9">
        <v>19</v>
      </c>
    </row>
    <row r="113" spans="1:4" ht="18" customHeight="1" x14ac:dyDescent="0.15">
      <c r="A113" s="16">
        <v>89</v>
      </c>
      <c r="B113" s="29">
        <v>5</v>
      </c>
      <c r="C113" s="10">
        <v>18</v>
      </c>
      <c r="D113" s="9">
        <v>23</v>
      </c>
    </row>
    <row r="114" spans="1:4" ht="18" customHeight="1" x14ac:dyDescent="0.15">
      <c r="A114" s="8" t="s">
        <v>38</v>
      </c>
      <c r="B114" s="29">
        <v>54</v>
      </c>
      <c r="C114" s="10">
        <v>96</v>
      </c>
      <c r="D114" s="9">
        <v>150</v>
      </c>
    </row>
    <row r="115" spans="1:4" ht="18" customHeight="1" x14ac:dyDescent="0.15">
      <c r="A115" s="16">
        <v>90</v>
      </c>
      <c r="B115" s="29">
        <v>4</v>
      </c>
      <c r="C115" s="10">
        <v>22</v>
      </c>
      <c r="D115" s="9">
        <v>26</v>
      </c>
    </row>
    <row r="116" spans="1:4" ht="18" customHeight="1" x14ac:dyDescent="0.15">
      <c r="A116" s="16">
        <v>91</v>
      </c>
      <c r="B116" s="29">
        <v>3</v>
      </c>
      <c r="C116" s="10">
        <v>9</v>
      </c>
      <c r="D116" s="9">
        <v>12</v>
      </c>
    </row>
    <row r="117" spans="1:4" ht="18" customHeight="1" x14ac:dyDescent="0.15">
      <c r="A117" s="16">
        <v>92</v>
      </c>
      <c r="B117" s="29">
        <v>1</v>
      </c>
      <c r="C117" s="10">
        <v>11</v>
      </c>
      <c r="D117" s="9">
        <v>12</v>
      </c>
    </row>
    <row r="118" spans="1:4" ht="18" customHeight="1" x14ac:dyDescent="0.15">
      <c r="A118" s="16">
        <v>93</v>
      </c>
      <c r="B118" s="29">
        <v>4</v>
      </c>
      <c r="C118" s="10">
        <v>7</v>
      </c>
      <c r="D118" s="9">
        <v>11</v>
      </c>
    </row>
    <row r="119" spans="1:4" ht="18" customHeight="1" x14ac:dyDescent="0.15">
      <c r="A119" s="16">
        <v>94</v>
      </c>
      <c r="B119" s="29">
        <v>3</v>
      </c>
      <c r="C119" s="10">
        <v>7</v>
      </c>
      <c r="D119" s="9">
        <v>10</v>
      </c>
    </row>
    <row r="120" spans="1:4" ht="18" customHeight="1" x14ac:dyDescent="0.15">
      <c r="A120" s="8" t="s">
        <v>69</v>
      </c>
      <c r="B120" s="29">
        <v>15</v>
      </c>
      <c r="C120" s="10">
        <v>56</v>
      </c>
      <c r="D120" s="9">
        <v>71</v>
      </c>
    </row>
    <row r="121" spans="1:4" ht="18" customHeight="1" x14ac:dyDescent="0.15">
      <c r="A121" s="16">
        <v>95</v>
      </c>
      <c r="B121" s="29">
        <v>1</v>
      </c>
      <c r="C121" s="10">
        <v>6</v>
      </c>
      <c r="D121" s="9">
        <v>7</v>
      </c>
    </row>
    <row r="122" spans="1:4" ht="18" customHeight="1" x14ac:dyDescent="0.15">
      <c r="A122" s="16">
        <v>96</v>
      </c>
      <c r="B122" s="29">
        <v>1</v>
      </c>
      <c r="C122" s="10">
        <v>2</v>
      </c>
      <c r="D122" s="9">
        <v>3</v>
      </c>
    </row>
    <row r="123" spans="1:4" ht="18" customHeight="1" x14ac:dyDescent="0.15">
      <c r="A123" s="16">
        <v>97</v>
      </c>
      <c r="B123" s="29">
        <v>1</v>
      </c>
      <c r="C123" s="10">
        <v>6</v>
      </c>
      <c r="D123" s="9">
        <v>7</v>
      </c>
    </row>
    <row r="124" spans="1:4" ht="18" customHeight="1" x14ac:dyDescent="0.15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4</v>
      </c>
      <c r="C126" s="10">
        <v>17</v>
      </c>
      <c r="D126" s="9">
        <v>21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1</v>
      </c>
      <c r="C128" s="10">
        <v>5</v>
      </c>
      <c r="D128" s="9">
        <v>6</v>
      </c>
    </row>
    <row r="129" spans="1:4" ht="18" customHeight="1" x14ac:dyDescent="0.15">
      <c r="A129" s="8" t="s">
        <v>36</v>
      </c>
      <c r="B129" s="29">
        <v>1</v>
      </c>
      <c r="C129" s="10">
        <v>8</v>
      </c>
      <c r="D129" s="9">
        <v>9</v>
      </c>
    </row>
    <row r="130" spans="1:4" ht="18" customHeight="1" x14ac:dyDescent="0.15">
      <c r="A130" s="8" t="s">
        <v>35</v>
      </c>
      <c r="B130" s="28">
        <v>617</v>
      </c>
      <c r="C130" s="6">
        <v>845</v>
      </c>
      <c r="D130" s="5">
        <v>1462</v>
      </c>
    </row>
    <row r="131" spans="1:4" ht="18" customHeight="1" x14ac:dyDescent="0.15">
      <c r="A131" s="4" t="s">
        <v>0</v>
      </c>
      <c r="B131" s="27">
        <v>1561</v>
      </c>
      <c r="C131" s="2">
        <v>1759</v>
      </c>
      <c r="D131" s="1">
        <v>332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0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6</v>
      </c>
      <c r="C5" s="18">
        <v>7</v>
      </c>
      <c r="D5" s="17">
        <v>13</v>
      </c>
    </row>
    <row r="6" spans="1:4" ht="18" customHeight="1" x14ac:dyDescent="0.15">
      <c r="A6" s="16">
        <v>1</v>
      </c>
      <c r="B6" s="29">
        <v>15</v>
      </c>
      <c r="C6" s="10">
        <v>6</v>
      </c>
      <c r="D6" s="9">
        <v>21</v>
      </c>
    </row>
    <row r="7" spans="1:4" ht="18" customHeight="1" x14ac:dyDescent="0.15">
      <c r="A7" s="16">
        <v>2</v>
      </c>
      <c r="B7" s="29">
        <v>10</v>
      </c>
      <c r="C7" s="10">
        <v>5</v>
      </c>
      <c r="D7" s="9">
        <v>15</v>
      </c>
    </row>
    <row r="8" spans="1:4" ht="18" customHeight="1" x14ac:dyDescent="0.15">
      <c r="A8" s="16">
        <v>3</v>
      </c>
      <c r="B8" s="29">
        <v>10</v>
      </c>
      <c r="C8" s="10">
        <v>13</v>
      </c>
      <c r="D8" s="9">
        <v>23</v>
      </c>
    </row>
    <row r="9" spans="1:4" ht="18" customHeight="1" x14ac:dyDescent="0.15">
      <c r="A9" s="16">
        <v>4</v>
      </c>
      <c r="B9" s="29">
        <v>12</v>
      </c>
      <c r="C9" s="10">
        <v>13</v>
      </c>
      <c r="D9" s="9">
        <v>25</v>
      </c>
    </row>
    <row r="10" spans="1:4" ht="18" customHeight="1" x14ac:dyDescent="0.15">
      <c r="A10" s="8" t="s">
        <v>76</v>
      </c>
      <c r="B10" s="29">
        <v>53</v>
      </c>
      <c r="C10" s="10">
        <v>44</v>
      </c>
      <c r="D10" s="9">
        <v>97</v>
      </c>
    </row>
    <row r="11" spans="1:4" ht="18" customHeight="1" x14ac:dyDescent="0.15">
      <c r="A11" s="16">
        <v>5</v>
      </c>
      <c r="B11" s="29">
        <v>7</v>
      </c>
      <c r="C11" s="10">
        <v>7</v>
      </c>
      <c r="D11" s="9">
        <v>14</v>
      </c>
    </row>
    <row r="12" spans="1:4" ht="18" customHeight="1" x14ac:dyDescent="0.15">
      <c r="A12" s="16">
        <v>6</v>
      </c>
      <c r="B12" s="29">
        <v>17</v>
      </c>
      <c r="C12" s="10">
        <v>7</v>
      </c>
      <c r="D12" s="9">
        <v>24</v>
      </c>
    </row>
    <row r="13" spans="1:4" ht="18" customHeight="1" x14ac:dyDescent="0.15">
      <c r="A13" s="16">
        <v>7</v>
      </c>
      <c r="B13" s="29">
        <v>15</v>
      </c>
      <c r="C13" s="10">
        <v>10</v>
      </c>
      <c r="D13" s="9">
        <v>25</v>
      </c>
    </row>
    <row r="14" spans="1:4" ht="18" customHeight="1" x14ac:dyDescent="0.15">
      <c r="A14" s="16">
        <v>8</v>
      </c>
      <c r="B14" s="29">
        <v>11</v>
      </c>
      <c r="C14" s="10">
        <v>8</v>
      </c>
      <c r="D14" s="9">
        <v>19</v>
      </c>
    </row>
    <row r="15" spans="1:4" ht="18" customHeight="1" x14ac:dyDescent="0.15">
      <c r="A15" s="16">
        <v>9</v>
      </c>
      <c r="B15" s="29">
        <v>7</v>
      </c>
      <c r="C15" s="10">
        <v>11</v>
      </c>
      <c r="D15" s="9">
        <v>18</v>
      </c>
    </row>
    <row r="16" spans="1:4" ht="18" customHeight="1" x14ac:dyDescent="0.15">
      <c r="A16" s="8" t="s">
        <v>50</v>
      </c>
      <c r="B16" s="29">
        <v>57</v>
      </c>
      <c r="C16" s="10">
        <v>43</v>
      </c>
      <c r="D16" s="9">
        <v>100</v>
      </c>
    </row>
    <row r="17" spans="1:4" ht="18" customHeight="1" x14ac:dyDescent="0.15">
      <c r="A17" s="16">
        <v>10</v>
      </c>
      <c r="B17" s="29">
        <v>18</v>
      </c>
      <c r="C17" s="10">
        <v>6</v>
      </c>
      <c r="D17" s="9">
        <v>24</v>
      </c>
    </row>
    <row r="18" spans="1:4" ht="18" customHeight="1" x14ac:dyDescent="0.15">
      <c r="A18" s="16">
        <v>11</v>
      </c>
      <c r="B18" s="29">
        <v>15</v>
      </c>
      <c r="C18" s="10">
        <v>11</v>
      </c>
      <c r="D18" s="9">
        <v>26</v>
      </c>
    </row>
    <row r="19" spans="1:4" ht="18" customHeight="1" x14ac:dyDescent="0.15">
      <c r="A19" s="16">
        <v>12</v>
      </c>
      <c r="B19" s="29">
        <v>14</v>
      </c>
      <c r="C19" s="10">
        <v>16</v>
      </c>
      <c r="D19" s="9">
        <v>30</v>
      </c>
    </row>
    <row r="20" spans="1:4" ht="18" customHeight="1" x14ac:dyDescent="0.15">
      <c r="A20" s="16">
        <v>13</v>
      </c>
      <c r="B20" s="29">
        <v>9</v>
      </c>
      <c r="C20" s="10">
        <v>13</v>
      </c>
      <c r="D20" s="9">
        <v>22</v>
      </c>
    </row>
    <row r="21" spans="1:4" ht="18" customHeight="1" x14ac:dyDescent="0.15">
      <c r="A21" s="16">
        <v>14</v>
      </c>
      <c r="B21" s="29">
        <v>20</v>
      </c>
      <c r="C21" s="10">
        <v>12</v>
      </c>
      <c r="D21" s="9">
        <v>32</v>
      </c>
    </row>
    <row r="22" spans="1:4" ht="18" customHeight="1" x14ac:dyDescent="0.15">
      <c r="A22" s="8" t="s">
        <v>75</v>
      </c>
      <c r="B22" s="29">
        <v>76</v>
      </c>
      <c r="C22" s="10">
        <v>58</v>
      </c>
      <c r="D22" s="9">
        <v>134</v>
      </c>
    </row>
    <row r="23" spans="1:4" ht="18" customHeight="1" x14ac:dyDescent="0.15">
      <c r="A23" s="8" t="s">
        <v>65</v>
      </c>
      <c r="B23" s="29">
        <v>186</v>
      </c>
      <c r="C23" s="10">
        <v>145</v>
      </c>
      <c r="D23" s="9">
        <v>331</v>
      </c>
    </row>
    <row r="24" spans="1:4" ht="18" customHeight="1" x14ac:dyDescent="0.15">
      <c r="A24" s="16">
        <v>15</v>
      </c>
      <c r="B24" s="29">
        <v>12</v>
      </c>
      <c r="C24" s="10">
        <v>11</v>
      </c>
      <c r="D24" s="9">
        <v>23</v>
      </c>
    </row>
    <row r="25" spans="1:4" ht="18" customHeight="1" x14ac:dyDescent="0.15">
      <c r="A25" s="16">
        <v>16</v>
      </c>
      <c r="B25" s="29">
        <v>14</v>
      </c>
      <c r="C25" s="10">
        <v>22</v>
      </c>
      <c r="D25" s="9">
        <v>36</v>
      </c>
    </row>
    <row r="26" spans="1:4" ht="18" customHeight="1" x14ac:dyDescent="0.15">
      <c r="A26" s="16">
        <v>17</v>
      </c>
      <c r="B26" s="29">
        <v>15</v>
      </c>
      <c r="C26" s="10">
        <v>14</v>
      </c>
      <c r="D26" s="9">
        <v>29</v>
      </c>
    </row>
    <row r="27" spans="1:4" ht="18" customHeight="1" x14ac:dyDescent="0.15">
      <c r="A27" s="16">
        <v>18</v>
      </c>
      <c r="B27" s="29">
        <v>12</v>
      </c>
      <c r="C27" s="10">
        <v>13</v>
      </c>
      <c r="D27" s="9">
        <v>25</v>
      </c>
    </row>
    <row r="28" spans="1:4" ht="18" customHeight="1" x14ac:dyDescent="0.15">
      <c r="A28" s="16">
        <v>19</v>
      </c>
      <c r="B28" s="29">
        <v>17</v>
      </c>
      <c r="C28" s="10">
        <v>11</v>
      </c>
      <c r="D28" s="9">
        <v>28</v>
      </c>
    </row>
    <row r="29" spans="1:4" ht="18" customHeight="1" x14ac:dyDescent="0.15">
      <c r="A29" s="8" t="s">
        <v>200</v>
      </c>
      <c r="B29" s="29">
        <v>70</v>
      </c>
      <c r="C29" s="10">
        <v>71</v>
      </c>
      <c r="D29" s="9">
        <v>141</v>
      </c>
    </row>
    <row r="30" spans="1:4" ht="18" customHeight="1" x14ac:dyDescent="0.15">
      <c r="A30" s="16">
        <v>20</v>
      </c>
      <c r="B30" s="29">
        <v>14</v>
      </c>
      <c r="C30" s="10">
        <v>21</v>
      </c>
      <c r="D30" s="9">
        <v>35</v>
      </c>
    </row>
    <row r="31" spans="1:4" ht="18" customHeight="1" x14ac:dyDescent="0.15">
      <c r="A31" s="16">
        <v>21</v>
      </c>
      <c r="B31" s="29">
        <v>18</v>
      </c>
      <c r="C31" s="10">
        <v>18</v>
      </c>
      <c r="D31" s="9">
        <v>36</v>
      </c>
    </row>
    <row r="32" spans="1:4" ht="18" customHeight="1" x14ac:dyDescent="0.15">
      <c r="A32" s="16">
        <v>22</v>
      </c>
      <c r="B32" s="29">
        <v>21</v>
      </c>
      <c r="C32" s="10">
        <v>18</v>
      </c>
      <c r="D32" s="9">
        <v>39</v>
      </c>
    </row>
    <row r="33" spans="1:4" ht="18" customHeight="1" x14ac:dyDescent="0.15">
      <c r="A33" s="16">
        <v>23</v>
      </c>
      <c r="B33" s="29">
        <v>12</v>
      </c>
      <c r="C33" s="10">
        <v>13</v>
      </c>
      <c r="D33" s="9">
        <v>25</v>
      </c>
    </row>
    <row r="34" spans="1:4" ht="18" customHeight="1" x14ac:dyDescent="0.15">
      <c r="A34" s="16">
        <v>24</v>
      </c>
      <c r="B34" s="29">
        <v>26</v>
      </c>
      <c r="C34" s="10">
        <v>19</v>
      </c>
      <c r="D34" s="9">
        <v>45</v>
      </c>
    </row>
    <row r="35" spans="1:4" ht="18" customHeight="1" x14ac:dyDescent="0.15">
      <c r="A35" s="8" t="s">
        <v>74</v>
      </c>
      <c r="B35" s="29">
        <v>91</v>
      </c>
      <c r="C35" s="10">
        <v>89</v>
      </c>
      <c r="D35" s="9">
        <v>180</v>
      </c>
    </row>
    <row r="36" spans="1:4" ht="18" customHeight="1" x14ac:dyDescent="0.15">
      <c r="A36" s="16">
        <v>25</v>
      </c>
      <c r="B36" s="29">
        <v>14</v>
      </c>
      <c r="C36" s="10">
        <v>13</v>
      </c>
      <c r="D36" s="9">
        <v>27</v>
      </c>
    </row>
    <row r="37" spans="1:4" ht="18" customHeight="1" x14ac:dyDescent="0.15">
      <c r="A37" s="16">
        <v>26</v>
      </c>
      <c r="B37" s="29">
        <v>22</v>
      </c>
      <c r="C37" s="10">
        <v>27</v>
      </c>
      <c r="D37" s="9">
        <v>49</v>
      </c>
    </row>
    <row r="38" spans="1:4" ht="18" customHeight="1" x14ac:dyDescent="0.15">
      <c r="A38" s="16">
        <v>27</v>
      </c>
      <c r="B38" s="29">
        <v>20</v>
      </c>
      <c r="C38" s="10">
        <v>16</v>
      </c>
      <c r="D38" s="9">
        <v>36</v>
      </c>
    </row>
    <row r="39" spans="1:4" ht="18" customHeight="1" x14ac:dyDescent="0.15">
      <c r="A39" s="16">
        <v>28</v>
      </c>
      <c r="B39" s="29">
        <v>18</v>
      </c>
      <c r="C39" s="10">
        <v>11</v>
      </c>
      <c r="D39" s="9">
        <v>29</v>
      </c>
    </row>
    <row r="40" spans="1:4" ht="18" customHeight="1" x14ac:dyDescent="0.15">
      <c r="A40" s="16">
        <v>29</v>
      </c>
      <c r="B40" s="29">
        <v>16</v>
      </c>
      <c r="C40" s="10">
        <v>16</v>
      </c>
      <c r="D40" s="9">
        <v>32</v>
      </c>
    </row>
    <row r="41" spans="1:4" ht="18" customHeight="1" x14ac:dyDescent="0.15">
      <c r="A41" s="8" t="s">
        <v>73</v>
      </c>
      <c r="B41" s="29">
        <v>90</v>
      </c>
      <c r="C41" s="10">
        <v>83</v>
      </c>
      <c r="D41" s="9">
        <v>173</v>
      </c>
    </row>
    <row r="42" spans="1:4" ht="18" customHeight="1" x14ac:dyDescent="0.15">
      <c r="A42" s="16">
        <v>30</v>
      </c>
      <c r="B42" s="29">
        <v>14</v>
      </c>
      <c r="C42" s="10">
        <v>8</v>
      </c>
      <c r="D42" s="9">
        <v>22</v>
      </c>
    </row>
    <row r="43" spans="1:4" ht="18" customHeight="1" x14ac:dyDescent="0.15">
      <c r="A43" s="16">
        <v>31</v>
      </c>
      <c r="B43" s="29">
        <v>17</v>
      </c>
      <c r="C43" s="10">
        <v>12</v>
      </c>
      <c r="D43" s="9">
        <v>29</v>
      </c>
    </row>
    <row r="44" spans="1:4" ht="18" customHeight="1" x14ac:dyDescent="0.15">
      <c r="A44" s="16">
        <v>32</v>
      </c>
      <c r="B44" s="29">
        <v>16</v>
      </c>
      <c r="C44" s="10">
        <v>13</v>
      </c>
      <c r="D44" s="9">
        <v>29</v>
      </c>
    </row>
    <row r="45" spans="1:4" ht="18" customHeight="1" x14ac:dyDescent="0.15">
      <c r="A45" s="16">
        <v>33</v>
      </c>
      <c r="B45" s="29">
        <v>16</v>
      </c>
      <c r="C45" s="10">
        <v>9</v>
      </c>
      <c r="D45" s="9">
        <v>25</v>
      </c>
    </row>
    <row r="46" spans="1:4" ht="18" customHeight="1" x14ac:dyDescent="0.15">
      <c r="A46" s="16">
        <v>34</v>
      </c>
      <c r="B46" s="29">
        <v>15</v>
      </c>
      <c r="C46" s="10">
        <v>16</v>
      </c>
      <c r="D46" s="9">
        <v>31</v>
      </c>
    </row>
    <row r="47" spans="1:4" ht="18" customHeight="1" x14ac:dyDescent="0.15">
      <c r="A47" s="8" t="s">
        <v>61</v>
      </c>
      <c r="B47" s="29">
        <v>78</v>
      </c>
      <c r="C47" s="10">
        <v>58</v>
      </c>
      <c r="D47" s="9">
        <v>136</v>
      </c>
    </row>
    <row r="48" spans="1:4" ht="18" customHeight="1" x14ac:dyDescent="0.15">
      <c r="A48" s="16">
        <v>35</v>
      </c>
      <c r="B48" s="29">
        <v>13</v>
      </c>
      <c r="C48" s="10">
        <v>11</v>
      </c>
      <c r="D48" s="9">
        <v>24</v>
      </c>
    </row>
    <row r="49" spans="1:4" ht="18" customHeight="1" x14ac:dyDescent="0.15">
      <c r="A49" s="16">
        <v>36</v>
      </c>
      <c r="B49" s="29">
        <v>21</v>
      </c>
      <c r="C49" s="10">
        <v>17</v>
      </c>
      <c r="D49" s="9">
        <v>38</v>
      </c>
    </row>
    <row r="50" spans="1:4" ht="18" customHeight="1" x14ac:dyDescent="0.15">
      <c r="A50" s="16">
        <v>37</v>
      </c>
      <c r="B50" s="29">
        <v>17</v>
      </c>
      <c r="C50" s="10">
        <v>16</v>
      </c>
      <c r="D50" s="9">
        <v>33</v>
      </c>
    </row>
    <row r="51" spans="1:4" ht="18" customHeight="1" x14ac:dyDescent="0.15">
      <c r="A51" s="16">
        <v>38</v>
      </c>
      <c r="B51" s="29">
        <v>16</v>
      </c>
      <c r="C51" s="10">
        <v>23</v>
      </c>
      <c r="D51" s="9">
        <v>39</v>
      </c>
    </row>
    <row r="52" spans="1:4" ht="18" customHeight="1" x14ac:dyDescent="0.15">
      <c r="A52" s="16">
        <v>39</v>
      </c>
      <c r="B52" s="29">
        <v>14</v>
      </c>
      <c r="C52" s="10">
        <v>9</v>
      </c>
      <c r="D52" s="9">
        <v>23</v>
      </c>
    </row>
    <row r="53" spans="1:4" ht="18" customHeight="1" x14ac:dyDescent="0.15">
      <c r="A53" s="8" t="s">
        <v>199</v>
      </c>
      <c r="B53" s="29">
        <v>81</v>
      </c>
      <c r="C53" s="10">
        <v>76</v>
      </c>
      <c r="D53" s="9">
        <v>157</v>
      </c>
    </row>
    <row r="54" spans="1:4" ht="18" customHeight="1" x14ac:dyDescent="0.15">
      <c r="A54" s="16">
        <v>40</v>
      </c>
      <c r="B54" s="29">
        <v>18</v>
      </c>
      <c r="C54" s="10">
        <v>15</v>
      </c>
      <c r="D54" s="9">
        <v>33</v>
      </c>
    </row>
    <row r="55" spans="1:4" ht="18" customHeight="1" x14ac:dyDescent="0.15">
      <c r="A55" s="16">
        <v>41</v>
      </c>
      <c r="B55" s="29">
        <v>24</v>
      </c>
      <c r="C55" s="10">
        <v>19</v>
      </c>
      <c r="D55" s="9">
        <v>43</v>
      </c>
    </row>
    <row r="56" spans="1:4" ht="18" customHeight="1" x14ac:dyDescent="0.15">
      <c r="A56" s="16">
        <v>42</v>
      </c>
      <c r="B56" s="29">
        <v>19</v>
      </c>
      <c r="C56" s="10">
        <v>15</v>
      </c>
      <c r="D56" s="9">
        <v>34</v>
      </c>
    </row>
    <row r="57" spans="1:4" ht="18" customHeight="1" x14ac:dyDescent="0.15">
      <c r="A57" s="16">
        <v>43</v>
      </c>
      <c r="B57" s="29">
        <v>16</v>
      </c>
      <c r="C57" s="10">
        <v>23</v>
      </c>
      <c r="D57" s="9">
        <v>39</v>
      </c>
    </row>
    <row r="58" spans="1:4" ht="18" customHeight="1" x14ac:dyDescent="0.15">
      <c r="A58" s="16">
        <v>44</v>
      </c>
      <c r="B58" s="29">
        <v>29</v>
      </c>
      <c r="C58" s="10">
        <v>26</v>
      </c>
      <c r="D58" s="9">
        <v>55</v>
      </c>
    </row>
    <row r="59" spans="1:4" ht="18" customHeight="1" x14ac:dyDescent="0.15">
      <c r="A59" s="8" t="s">
        <v>46</v>
      </c>
      <c r="B59" s="29">
        <v>106</v>
      </c>
      <c r="C59" s="10">
        <v>98</v>
      </c>
      <c r="D59" s="9">
        <v>204</v>
      </c>
    </row>
    <row r="60" spans="1:4" ht="18" customHeight="1" x14ac:dyDescent="0.15">
      <c r="A60" s="16">
        <v>45</v>
      </c>
      <c r="B60" s="29">
        <v>28</v>
      </c>
      <c r="C60" s="10">
        <v>19</v>
      </c>
      <c r="D60" s="9">
        <v>47</v>
      </c>
    </row>
    <row r="61" spans="1:4" ht="18" customHeight="1" x14ac:dyDescent="0.15">
      <c r="A61" s="16">
        <v>46</v>
      </c>
      <c r="B61" s="29">
        <v>34</v>
      </c>
      <c r="C61" s="10">
        <v>20</v>
      </c>
      <c r="D61" s="9">
        <v>54</v>
      </c>
    </row>
    <row r="62" spans="1:4" ht="18" customHeight="1" x14ac:dyDescent="0.15">
      <c r="A62" s="16">
        <v>47</v>
      </c>
      <c r="B62" s="29">
        <v>30</v>
      </c>
      <c r="C62" s="10">
        <v>30</v>
      </c>
      <c r="D62" s="9">
        <v>60</v>
      </c>
    </row>
    <row r="63" spans="1:4" ht="18" customHeight="1" x14ac:dyDescent="0.15">
      <c r="A63" s="16">
        <v>48</v>
      </c>
      <c r="B63" s="29">
        <v>29</v>
      </c>
      <c r="C63" s="10">
        <v>25</v>
      </c>
      <c r="D63" s="9">
        <v>54</v>
      </c>
    </row>
    <row r="64" spans="1:4" ht="18" customHeight="1" x14ac:dyDescent="0.15">
      <c r="A64" s="16">
        <v>49</v>
      </c>
      <c r="B64" s="29">
        <v>30</v>
      </c>
      <c r="C64" s="10">
        <v>37</v>
      </c>
      <c r="D64" s="9">
        <v>67</v>
      </c>
    </row>
    <row r="65" spans="1:4" ht="18" customHeight="1" x14ac:dyDescent="0.15">
      <c r="A65" s="8" t="s">
        <v>45</v>
      </c>
      <c r="B65" s="29">
        <v>151</v>
      </c>
      <c r="C65" s="10">
        <v>131</v>
      </c>
      <c r="D65" s="9">
        <v>282</v>
      </c>
    </row>
    <row r="66" spans="1:4" ht="18" customHeight="1" x14ac:dyDescent="0.15">
      <c r="A66" s="16">
        <v>50</v>
      </c>
      <c r="B66" s="29">
        <v>40</v>
      </c>
      <c r="C66" s="10">
        <v>34</v>
      </c>
      <c r="D66" s="9">
        <v>74</v>
      </c>
    </row>
    <row r="67" spans="1:4" ht="18" customHeight="1" x14ac:dyDescent="0.15">
      <c r="A67" s="16">
        <v>51</v>
      </c>
      <c r="B67" s="29">
        <v>46</v>
      </c>
      <c r="C67" s="10">
        <v>33</v>
      </c>
      <c r="D67" s="9">
        <v>79</v>
      </c>
    </row>
    <row r="68" spans="1:4" ht="18" customHeight="1" x14ac:dyDescent="0.15">
      <c r="A68" s="16">
        <v>52</v>
      </c>
      <c r="B68" s="29">
        <v>27</v>
      </c>
      <c r="C68" s="10">
        <v>32</v>
      </c>
      <c r="D68" s="9">
        <v>59</v>
      </c>
    </row>
    <row r="69" spans="1:4" ht="18" customHeight="1" x14ac:dyDescent="0.15">
      <c r="A69" s="16">
        <v>53</v>
      </c>
      <c r="B69" s="29">
        <v>30</v>
      </c>
      <c r="C69" s="10">
        <v>32</v>
      </c>
      <c r="D69" s="9">
        <v>62</v>
      </c>
    </row>
    <row r="70" spans="1:4" ht="18" customHeight="1" x14ac:dyDescent="0.15">
      <c r="A70" s="16">
        <v>54</v>
      </c>
      <c r="B70" s="29">
        <v>41</v>
      </c>
      <c r="C70" s="10">
        <v>30</v>
      </c>
      <c r="D70" s="9">
        <v>71</v>
      </c>
    </row>
    <row r="71" spans="1:4" ht="18" customHeight="1" x14ac:dyDescent="0.15">
      <c r="A71" s="8" t="s">
        <v>58</v>
      </c>
      <c r="B71" s="29">
        <v>184</v>
      </c>
      <c r="C71" s="10">
        <v>161</v>
      </c>
      <c r="D71" s="9">
        <v>345</v>
      </c>
    </row>
    <row r="72" spans="1:4" ht="18" customHeight="1" x14ac:dyDescent="0.15">
      <c r="A72" s="16">
        <v>55</v>
      </c>
      <c r="B72" s="29">
        <v>29</v>
      </c>
      <c r="C72" s="10">
        <v>18</v>
      </c>
      <c r="D72" s="9">
        <v>47</v>
      </c>
    </row>
    <row r="73" spans="1:4" ht="18" customHeight="1" x14ac:dyDescent="0.15">
      <c r="A73" s="16">
        <v>56</v>
      </c>
      <c r="B73" s="29">
        <v>20</v>
      </c>
      <c r="C73" s="10">
        <v>20</v>
      </c>
      <c r="D73" s="9">
        <v>40</v>
      </c>
    </row>
    <row r="74" spans="1:4" ht="18" customHeight="1" x14ac:dyDescent="0.15">
      <c r="A74" s="16">
        <v>57</v>
      </c>
      <c r="B74" s="29">
        <v>25</v>
      </c>
      <c r="C74" s="10">
        <v>16</v>
      </c>
      <c r="D74" s="9">
        <v>41</v>
      </c>
    </row>
    <row r="75" spans="1:4" ht="18" customHeight="1" x14ac:dyDescent="0.15">
      <c r="A75" s="16">
        <v>58</v>
      </c>
      <c r="B75" s="29">
        <v>24</v>
      </c>
      <c r="C75" s="10">
        <v>29</v>
      </c>
      <c r="D75" s="9">
        <v>53</v>
      </c>
    </row>
    <row r="76" spans="1:4" ht="18" customHeight="1" x14ac:dyDescent="0.15">
      <c r="A76" s="16">
        <v>59</v>
      </c>
      <c r="B76" s="29">
        <v>17</v>
      </c>
      <c r="C76" s="10">
        <v>14</v>
      </c>
      <c r="D76" s="9">
        <v>31</v>
      </c>
    </row>
    <row r="77" spans="1:4" ht="18" customHeight="1" x14ac:dyDescent="0.15">
      <c r="A77" s="8" t="s">
        <v>71</v>
      </c>
      <c r="B77" s="29">
        <v>115</v>
      </c>
      <c r="C77" s="10">
        <v>97</v>
      </c>
      <c r="D77" s="9">
        <v>212</v>
      </c>
    </row>
    <row r="78" spans="1:4" ht="18" customHeight="1" x14ac:dyDescent="0.15">
      <c r="A78" s="16">
        <v>60</v>
      </c>
      <c r="B78" s="29">
        <v>20</v>
      </c>
      <c r="C78" s="10">
        <v>30</v>
      </c>
      <c r="D78" s="9">
        <v>50</v>
      </c>
    </row>
    <row r="79" spans="1:4" ht="18" customHeight="1" x14ac:dyDescent="0.15">
      <c r="A79" s="16">
        <v>61</v>
      </c>
      <c r="B79" s="29">
        <v>22</v>
      </c>
      <c r="C79" s="10">
        <v>22</v>
      </c>
      <c r="D79" s="9">
        <v>44</v>
      </c>
    </row>
    <row r="80" spans="1:4" ht="18" customHeight="1" x14ac:dyDescent="0.15">
      <c r="A80" s="16">
        <v>62</v>
      </c>
      <c r="B80" s="29">
        <v>25</v>
      </c>
      <c r="C80" s="10">
        <v>26</v>
      </c>
      <c r="D80" s="9">
        <v>51</v>
      </c>
    </row>
    <row r="81" spans="1:4" ht="18" customHeight="1" x14ac:dyDescent="0.15">
      <c r="A81" s="16">
        <v>63</v>
      </c>
      <c r="B81" s="29">
        <v>23</v>
      </c>
      <c r="C81" s="10">
        <v>21</v>
      </c>
      <c r="D81" s="9">
        <v>44</v>
      </c>
    </row>
    <row r="82" spans="1:4" ht="18" customHeight="1" x14ac:dyDescent="0.15">
      <c r="A82" s="16">
        <v>64</v>
      </c>
      <c r="B82" s="29">
        <v>21</v>
      </c>
      <c r="C82" s="10">
        <v>18</v>
      </c>
      <c r="D82" s="9">
        <v>39</v>
      </c>
    </row>
    <row r="83" spans="1:4" ht="18" customHeight="1" x14ac:dyDescent="0.15">
      <c r="A83" s="8" t="s">
        <v>44</v>
      </c>
      <c r="B83" s="29">
        <v>111</v>
      </c>
      <c r="C83" s="10">
        <v>117</v>
      </c>
      <c r="D83" s="9">
        <v>228</v>
      </c>
    </row>
    <row r="84" spans="1:4" ht="18" customHeight="1" x14ac:dyDescent="0.15">
      <c r="A84" s="8" t="s">
        <v>43</v>
      </c>
      <c r="B84" s="29">
        <v>1077</v>
      </c>
      <c r="C84" s="10">
        <v>981</v>
      </c>
      <c r="D84" s="9">
        <v>2058</v>
      </c>
    </row>
    <row r="85" spans="1:4" ht="18" customHeight="1" x14ac:dyDescent="0.15">
      <c r="A85" s="16">
        <v>65</v>
      </c>
      <c r="B85" s="29">
        <v>15</v>
      </c>
      <c r="C85" s="10">
        <v>34</v>
      </c>
      <c r="D85" s="9">
        <v>49</v>
      </c>
    </row>
    <row r="86" spans="1:4" ht="18" customHeight="1" x14ac:dyDescent="0.15">
      <c r="A86" s="16">
        <v>66</v>
      </c>
      <c r="B86" s="29">
        <v>27</v>
      </c>
      <c r="C86" s="10">
        <v>26</v>
      </c>
      <c r="D86" s="9">
        <v>53</v>
      </c>
    </row>
    <row r="87" spans="1:4" ht="18" customHeight="1" x14ac:dyDescent="0.15">
      <c r="A87" s="16">
        <v>67</v>
      </c>
      <c r="B87" s="29">
        <v>24</v>
      </c>
      <c r="C87" s="10">
        <v>25</v>
      </c>
      <c r="D87" s="9">
        <v>49</v>
      </c>
    </row>
    <row r="88" spans="1:4" ht="18" customHeight="1" x14ac:dyDescent="0.15">
      <c r="A88" s="16">
        <v>68</v>
      </c>
      <c r="B88" s="29">
        <v>27</v>
      </c>
      <c r="C88" s="10">
        <v>22</v>
      </c>
      <c r="D88" s="9">
        <v>49</v>
      </c>
    </row>
    <row r="89" spans="1:4" ht="18" customHeight="1" x14ac:dyDescent="0.15">
      <c r="A89" s="16">
        <v>69</v>
      </c>
      <c r="B89" s="29">
        <v>23</v>
      </c>
      <c r="C89" s="10">
        <v>29</v>
      </c>
      <c r="D89" s="9">
        <v>52</v>
      </c>
    </row>
    <row r="90" spans="1:4" ht="18" customHeight="1" x14ac:dyDescent="0.15">
      <c r="A90" s="8" t="s">
        <v>42</v>
      </c>
      <c r="B90" s="29">
        <v>116</v>
      </c>
      <c r="C90" s="10">
        <v>136</v>
      </c>
      <c r="D90" s="9">
        <v>252</v>
      </c>
    </row>
    <row r="91" spans="1:4" ht="18" customHeight="1" x14ac:dyDescent="0.15">
      <c r="A91" s="16">
        <v>70</v>
      </c>
      <c r="B91" s="29">
        <v>31</v>
      </c>
      <c r="C91" s="10">
        <v>25</v>
      </c>
      <c r="D91" s="9">
        <v>56</v>
      </c>
    </row>
    <row r="92" spans="1:4" ht="18" customHeight="1" x14ac:dyDescent="0.15">
      <c r="A92" s="16">
        <v>71</v>
      </c>
      <c r="B92" s="29">
        <v>22</v>
      </c>
      <c r="C92" s="10">
        <v>36</v>
      </c>
      <c r="D92" s="9">
        <v>58</v>
      </c>
    </row>
    <row r="93" spans="1:4" ht="18" customHeight="1" x14ac:dyDescent="0.15">
      <c r="A93" s="16">
        <v>72</v>
      </c>
      <c r="B93" s="29">
        <v>34</v>
      </c>
      <c r="C93" s="10">
        <v>48</v>
      </c>
      <c r="D93" s="9">
        <v>82</v>
      </c>
    </row>
    <row r="94" spans="1:4" ht="18" customHeight="1" x14ac:dyDescent="0.15">
      <c r="A94" s="16">
        <v>73</v>
      </c>
      <c r="B94" s="29">
        <v>32</v>
      </c>
      <c r="C94" s="10">
        <v>42</v>
      </c>
      <c r="D94" s="9">
        <v>74</v>
      </c>
    </row>
    <row r="95" spans="1:4" ht="18" customHeight="1" x14ac:dyDescent="0.15">
      <c r="A95" s="16">
        <v>74</v>
      </c>
      <c r="B95" s="29">
        <v>36</v>
      </c>
      <c r="C95" s="10">
        <v>42</v>
      </c>
      <c r="D95" s="9">
        <v>78</v>
      </c>
    </row>
    <row r="96" spans="1:4" ht="18" customHeight="1" x14ac:dyDescent="0.15">
      <c r="A96" s="8" t="s">
        <v>41</v>
      </c>
      <c r="B96" s="29">
        <v>155</v>
      </c>
      <c r="C96" s="10">
        <v>193</v>
      </c>
      <c r="D96" s="9">
        <v>348</v>
      </c>
    </row>
    <row r="97" spans="1:4" ht="18" customHeight="1" x14ac:dyDescent="0.15">
      <c r="A97" s="16">
        <v>75</v>
      </c>
      <c r="B97" s="29">
        <v>37</v>
      </c>
      <c r="C97" s="10">
        <v>57</v>
      </c>
      <c r="D97" s="9">
        <v>94</v>
      </c>
    </row>
    <row r="98" spans="1:4" ht="18" customHeight="1" x14ac:dyDescent="0.15">
      <c r="A98" s="16">
        <v>76</v>
      </c>
      <c r="B98" s="29">
        <v>37</v>
      </c>
      <c r="C98" s="10">
        <v>31</v>
      </c>
      <c r="D98" s="9">
        <v>68</v>
      </c>
    </row>
    <row r="99" spans="1:4" ht="18" customHeight="1" x14ac:dyDescent="0.15">
      <c r="A99" s="16">
        <v>77</v>
      </c>
      <c r="B99" s="29">
        <v>24</v>
      </c>
      <c r="C99" s="10">
        <v>27</v>
      </c>
      <c r="D99" s="9">
        <v>51</v>
      </c>
    </row>
    <row r="100" spans="1:4" ht="18" customHeight="1" x14ac:dyDescent="0.15">
      <c r="A100" s="16">
        <v>78</v>
      </c>
      <c r="B100" s="29">
        <v>30</v>
      </c>
      <c r="C100" s="10">
        <v>28</v>
      </c>
      <c r="D100" s="9">
        <v>58</v>
      </c>
    </row>
    <row r="101" spans="1:4" ht="18" customHeight="1" x14ac:dyDescent="0.15">
      <c r="A101" s="16">
        <v>79</v>
      </c>
      <c r="B101" s="29">
        <v>23</v>
      </c>
      <c r="C101" s="10">
        <v>41</v>
      </c>
      <c r="D101" s="9">
        <v>64</v>
      </c>
    </row>
    <row r="102" spans="1:4" ht="18" customHeight="1" x14ac:dyDescent="0.15">
      <c r="A102" s="8" t="s">
        <v>70</v>
      </c>
      <c r="B102" s="29">
        <v>151</v>
      </c>
      <c r="C102" s="10">
        <v>184</v>
      </c>
      <c r="D102" s="9">
        <v>335</v>
      </c>
    </row>
    <row r="103" spans="1:4" ht="18" customHeight="1" x14ac:dyDescent="0.15">
      <c r="A103" s="16">
        <v>80</v>
      </c>
      <c r="B103" s="29">
        <v>41</v>
      </c>
      <c r="C103" s="10">
        <v>27</v>
      </c>
      <c r="D103" s="9">
        <v>68</v>
      </c>
    </row>
    <row r="104" spans="1:4" ht="18" customHeight="1" x14ac:dyDescent="0.15">
      <c r="A104" s="16">
        <v>81</v>
      </c>
      <c r="B104" s="29">
        <v>30</v>
      </c>
      <c r="C104" s="10">
        <v>44</v>
      </c>
      <c r="D104" s="9">
        <v>74</v>
      </c>
    </row>
    <row r="105" spans="1:4" ht="18" customHeight="1" x14ac:dyDescent="0.15">
      <c r="A105" s="16">
        <v>82</v>
      </c>
      <c r="B105" s="29">
        <v>20</v>
      </c>
      <c r="C105" s="10">
        <v>24</v>
      </c>
      <c r="D105" s="9">
        <v>44</v>
      </c>
    </row>
    <row r="106" spans="1:4" ht="18" customHeight="1" x14ac:dyDescent="0.15">
      <c r="A106" s="16">
        <v>83</v>
      </c>
      <c r="B106" s="29">
        <v>15</v>
      </c>
      <c r="C106" s="10">
        <v>25</v>
      </c>
      <c r="D106" s="9">
        <v>40</v>
      </c>
    </row>
    <row r="107" spans="1:4" ht="18" customHeight="1" x14ac:dyDescent="0.15">
      <c r="A107" s="16">
        <v>84</v>
      </c>
      <c r="B107" s="29">
        <v>11</v>
      </c>
      <c r="C107" s="10">
        <v>18</v>
      </c>
      <c r="D107" s="9">
        <v>29</v>
      </c>
    </row>
    <row r="108" spans="1:4" ht="18" customHeight="1" x14ac:dyDescent="0.15">
      <c r="A108" s="8" t="s">
        <v>39</v>
      </c>
      <c r="B108" s="29">
        <v>117</v>
      </c>
      <c r="C108" s="10">
        <v>138</v>
      </c>
      <c r="D108" s="9">
        <v>255</v>
      </c>
    </row>
    <row r="109" spans="1:4" ht="18" customHeight="1" x14ac:dyDescent="0.15">
      <c r="A109" s="16">
        <v>85</v>
      </c>
      <c r="B109" s="29">
        <v>12</v>
      </c>
      <c r="C109" s="10">
        <v>22</v>
      </c>
      <c r="D109" s="9">
        <v>34</v>
      </c>
    </row>
    <row r="110" spans="1:4" ht="18" customHeight="1" x14ac:dyDescent="0.15">
      <c r="A110" s="16">
        <v>86</v>
      </c>
      <c r="B110" s="29">
        <v>11</v>
      </c>
      <c r="C110" s="10">
        <v>27</v>
      </c>
      <c r="D110" s="9">
        <v>38</v>
      </c>
    </row>
    <row r="111" spans="1:4" ht="18" customHeight="1" x14ac:dyDescent="0.15">
      <c r="A111" s="16">
        <v>87</v>
      </c>
      <c r="B111" s="29">
        <v>17</v>
      </c>
      <c r="C111" s="10">
        <v>19</v>
      </c>
      <c r="D111" s="9">
        <v>36</v>
      </c>
    </row>
    <row r="112" spans="1:4" ht="18" customHeight="1" x14ac:dyDescent="0.15">
      <c r="A112" s="16">
        <v>88</v>
      </c>
      <c r="B112" s="29">
        <v>10</v>
      </c>
      <c r="C112" s="10">
        <v>14</v>
      </c>
      <c r="D112" s="9">
        <v>24</v>
      </c>
    </row>
    <row r="113" spans="1:4" ht="18" customHeight="1" x14ac:dyDescent="0.15">
      <c r="A113" s="16">
        <v>89</v>
      </c>
      <c r="B113" s="29">
        <v>4</v>
      </c>
      <c r="C113" s="10">
        <v>11</v>
      </c>
      <c r="D113" s="9">
        <v>15</v>
      </c>
    </row>
    <row r="114" spans="1:4" ht="18" customHeight="1" x14ac:dyDescent="0.15">
      <c r="A114" s="8" t="s">
        <v>38</v>
      </c>
      <c r="B114" s="29">
        <v>54</v>
      </c>
      <c r="C114" s="10">
        <v>93</v>
      </c>
      <c r="D114" s="9">
        <v>147</v>
      </c>
    </row>
    <row r="115" spans="1:4" ht="18" customHeight="1" x14ac:dyDescent="0.15">
      <c r="A115" s="16">
        <v>90</v>
      </c>
      <c r="B115" s="29">
        <v>3</v>
      </c>
      <c r="C115" s="10">
        <v>12</v>
      </c>
      <c r="D115" s="9">
        <v>15</v>
      </c>
    </row>
    <row r="116" spans="1:4" ht="18" customHeight="1" x14ac:dyDescent="0.15">
      <c r="A116" s="16">
        <v>91</v>
      </c>
      <c r="B116" s="29">
        <v>8</v>
      </c>
      <c r="C116" s="10">
        <v>20</v>
      </c>
      <c r="D116" s="9">
        <v>28</v>
      </c>
    </row>
    <row r="117" spans="1:4" ht="18" customHeight="1" x14ac:dyDescent="0.15">
      <c r="A117" s="16">
        <v>92</v>
      </c>
      <c r="B117" s="29">
        <v>4</v>
      </c>
      <c r="C117" s="10">
        <v>13</v>
      </c>
      <c r="D117" s="9">
        <v>17</v>
      </c>
    </row>
    <row r="118" spans="1:4" ht="18" customHeight="1" x14ac:dyDescent="0.15">
      <c r="A118" s="16">
        <v>93</v>
      </c>
      <c r="B118" s="29">
        <v>4</v>
      </c>
      <c r="C118" s="10">
        <v>7</v>
      </c>
      <c r="D118" s="9">
        <v>11</v>
      </c>
    </row>
    <row r="119" spans="1:4" ht="18" customHeight="1" x14ac:dyDescent="0.15">
      <c r="A119" s="16">
        <v>94</v>
      </c>
      <c r="B119" s="29">
        <v>3</v>
      </c>
      <c r="C119" s="10">
        <v>7</v>
      </c>
      <c r="D119" s="9">
        <v>10</v>
      </c>
    </row>
    <row r="120" spans="1:4" ht="18" customHeight="1" x14ac:dyDescent="0.15">
      <c r="A120" s="8" t="s">
        <v>69</v>
      </c>
      <c r="B120" s="29">
        <v>22</v>
      </c>
      <c r="C120" s="10">
        <v>59</v>
      </c>
      <c r="D120" s="9">
        <v>81</v>
      </c>
    </row>
    <row r="121" spans="1:4" ht="18" customHeight="1" x14ac:dyDescent="0.15">
      <c r="A121" s="16">
        <v>95</v>
      </c>
      <c r="B121" s="29">
        <v>2</v>
      </c>
      <c r="C121" s="10">
        <v>4</v>
      </c>
      <c r="D121" s="9">
        <v>6</v>
      </c>
    </row>
    <row r="122" spans="1:4" ht="18" customHeight="1" x14ac:dyDescent="0.15">
      <c r="A122" s="16">
        <v>96</v>
      </c>
      <c r="B122" s="29">
        <v>4</v>
      </c>
      <c r="C122" s="10">
        <v>4</v>
      </c>
      <c r="D122" s="9">
        <v>8</v>
      </c>
    </row>
    <row r="123" spans="1:4" ht="18" customHeight="1" x14ac:dyDescent="0.15">
      <c r="A123" s="16">
        <v>97</v>
      </c>
      <c r="B123" s="29">
        <v>2</v>
      </c>
      <c r="C123" s="10">
        <v>9</v>
      </c>
      <c r="D123" s="9">
        <v>11</v>
      </c>
    </row>
    <row r="124" spans="1:4" ht="18" customHeight="1" x14ac:dyDescent="0.15">
      <c r="A124" s="16">
        <v>98</v>
      </c>
      <c r="B124" s="29">
        <v>0</v>
      </c>
      <c r="C124" s="10">
        <v>3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15">
      <c r="A126" s="8" t="s">
        <v>68</v>
      </c>
      <c r="B126" s="29">
        <v>8</v>
      </c>
      <c r="C126" s="10">
        <v>20</v>
      </c>
      <c r="D126" s="9">
        <v>28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4</v>
      </c>
      <c r="D129" s="9">
        <v>4</v>
      </c>
    </row>
    <row r="130" spans="1:4" ht="18" customHeight="1" x14ac:dyDescent="0.15">
      <c r="A130" s="8" t="s">
        <v>35</v>
      </c>
      <c r="B130" s="28">
        <v>623</v>
      </c>
      <c r="C130" s="6">
        <v>827</v>
      </c>
      <c r="D130" s="5">
        <v>1450</v>
      </c>
    </row>
    <row r="131" spans="1:4" ht="18" customHeight="1" x14ac:dyDescent="0.15">
      <c r="A131" s="4" t="s">
        <v>0</v>
      </c>
      <c r="B131" s="27">
        <v>1886</v>
      </c>
      <c r="C131" s="2">
        <v>1953</v>
      </c>
      <c r="D131" s="1">
        <v>383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0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4</v>
      </c>
      <c r="C5" s="18">
        <v>5</v>
      </c>
      <c r="D5" s="17">
        <v>9</v>
      </c>
    </row>
    <row r="6" spans="1:4" ht="18" customHeight="1" x14ac:dyDescent="0.15">
      <c r="A6" s="16">
        <v>1</v>
      </c>
      <c r="B6" s="29">
        <v>4</v>
      </c>
      <c r="C6" s="10">
        <v>3</v>
      </c>
      <c r="D6" s="9">
        <v>7</v>
      </c>
    </row>
    <row r="7" spans="1:4" ht="18" customHeight="1" x14ac:dyDescent="0.15">
      <c r="A7" s="16">
        <v>2</v>
      </c>
      <c r="B7" s="29">
        <v>3</v>
      </c>
      <c r="C7" s="10">
        <v>5</v>
      </c>
      <c r="D7" s="9">
        <v>8</v>
      </c>
    </row>
    <row r="8" spans="1:4" ht="18" customHeight="1" x14ac:dyDescent="0.15">
      <c r="A8" s="16">
        <v>3</v>
      </c>
      <c r="B8" s="29">
        <v>4</v>
      </c>
      <c r="C8" s="10">
        <v>3</v>
      </c>
      <c r="D8" s="9">
        <v>7</v>
      </c>
    </row>
    <row r="9" spans="1:4" ht="18" customHeight="1" x14ac:dyDescent="0.15">
      <c r="A9" s="16">
        <v>4</v>
      </c>
      <c r="B9" s="29">
        <v>4</v>
      </c>
      <c r="C9" s="10">
        <v>1</v>
      </c>
      <c r="D9" s="9">
        <v>5</v>
      </c>
    </row>
    <row r="10" spans="1:4" ht="18" customHeight="1" x14ac:dyDescent="0.15">
      <c r="A10" s="8" t="s">
        <v>76</v>
      </c>
      <c r="B10" s="29">
        <v>19</v>
      </c>
      <c r="C10" s="10">
        <v>17</v>
      </c>
      <c r="D10" s="9">
        <v>36</v>
      </c>
    </row>
    <row r="11" spans="1:4" ht="18" customHeight="1" x14ac:dyDescent="0.15">
      <c r="A11" s="16">
        <v>5</v>
      </c>
      <c r="B11" s="29">
        <v>4</v>
      </c>
      <c r="C11" s="10">
        <v>0</v>
      </c>
      <c r="D11" s="9">
        <v>4</v>
      </c>
    </row>
    <row r="12" spans="1:4" ht="18" customHeight="1" x14ac:dyDescent="0.15">
      <c r="A12" s="16">
        <v>6</v>
      </c>
      <c r="B12" s="29">
        <v>5</v>
      </c>
      <c r="C12" s="10">
        <v>2</v>
      </c>
      <c r="D12" s="9">
        <v>7</v>
      </c>
    </row>
    <row r="13" spans="1:4" ht="18" customHeight="1" x14ac:dyDescent="0.15">
      <c r="A13" s="16">
        <v>7</v>
      </c>
      <c r="B13" s="29">
        <v>5</v>
      </c>
      <c r="C13" s="10">
        <v>11</v>
      </c>
      <c r="D13" s="9">
        <v>16</v>
      </c>
    </row>
    <row r="14" spans="1:4" ht="18" customHeight="1" x14ac:dyDescent="0.15">
      <c r="A14" s="16">
        <v>8</v>
      </c>
      <c r="B14" s="29">
        <v>1</v>
      </c>
      <c r="C14" s="10">
        <v>3</v>
      </c>
      <c r="D14" s="9">
        <v>4</v>
      </c>
    </row>
    <row r="15" spans="1:4" ht="18" customHeight="1" x14ac:dyDescent="0.15">
      <c r="A15" s="16">
        <v>9</v>
      </c>
      <c r="B15" s="29">
        <v>8</v>
      </c>
      <c r="C15" s="10">
        <v>9</v>
      </c>
      <c r="D15" s="9">
        <v>17</v>
      </c>
    </row>
    <row r="16" spans="1:4" ht="18" customHeight="1" x14ac:dyDescent="0.15">
      <c r="A16" s="8" t="s">
        <v>50</v>
      </c>
      <c r="B16" s="29">
        <v>23</v>
      </c>
      <c r="C16" s="10">
        <v>25</v>
      </c>
      <c r="D16" s="9">
        <v>48</v>
      </c>
    </row>
    <row r="17" spans="1:4" ht="18" customHeight="1" x14ac:dyDescent="0.15">
      <c r="A17" s="16">
        <v>10</v>
      </c>
      <c r="B17" s="29">
        <v>2</v>
      </c>
      <c r="C17" s="10">
        <v>5</v>
      </c>
      <c r="D17" s="9">
        <v>7</v>
      </c>
    </row>
    <row r="18" spans="1:4" ht="18" customHeight="1" x14ac:dyDescent="0.15">
      <c r="A18" s="16">
        <v>11</v>
      </c>
      <c r="B18" s="29">
        <v>9</v>
      </c>
      <c r="C18" s="10">
        <v>4</v>
      </c>
      <c r="D18" s="9">
        <v>13</v>
      </c>
    </row>
    <row r="19" spans="1:4" ht="18" customHeight="1" x14ac:dyDescent="0.15">
      <c r="A19" s="16">
        <v>12</v>
      </c>
      <c r="B19" s="29">
        <v>6</v>
      </c>
      <c r="C19" s="10">
        <v>4</v>
      </c>
      <c r="D19" s="9">
        <v>10</v>
      </c>
    </row>
    <row r="20" spans="1:4" ht="18" customHeight="1" x14ac:dyDescent="0.15">
      <c r="A20" s="16">
        <v>13</v>
      </c>
      <c r="B20" s="29">
        <v>7</v>
      </c>
      <c r="C20" s="10">
        <v>9</v>
      </c>
      <c r="D20" s="9">
        <v>16</v>
      </c>
    </row>
    <row r="21" spans="1:4" ht="18" customHeight="1" x14ac:dyDescent="0.15">
      <c r="A21" s="16">
        <v>14</v>
      </c>
      <c r="B21" s="29">
        <v>8</v>
      </c>
      <c r="C21" s="10">
        <v>6</v>
      </c>
      <c r="D21" s="9">
        <v>14</v>
      </c>
    </row>
    <row r="22" spans="1:4" ht="18" customHeight="1" x14ac:dyDescent="0.15">
      <c r="A22" s="8" t="s">
        <v>75</v>
      </c>
      <c r="B22" s="29">
        <v>32</v>
      </c>
      <c r="C22" s="10">
        <v>28</v>
      </c>
      <c r="D22" s="9">
        <v>60</v>
      </c>
    </row>
    <row r="23" spans="1:4" ht="18" customHeight="1" x14ac:dyDescent="0.15">
      <c r="A23" s="8" t="s">
        <v>65</v>
      </c>
      <c r="B23" s="29">
        <v>74</v>
      </c>
      <c r="C23" s="10">
        <v>70</v>
      </c>
      <c r="D23" s="9">
        <v>144</v>
      </c>
    </row>
    <row r="24" spans="1:4" ht="18" customHeight="1" x14ac:dyDescent="0.15">
      <c r="A24" s="16">
        <v>15</v>
      </c>
      <c r="B24" s="29">
        <v>5</v>
      </c>
      <c r="C24" s="10">
        <v>2</v>
      </c>
      <c r="D24" s="9">
        <v>7</v>
      </c>
    </row>
    <row r="25" spans="1:4" ht="18" customHeight="1" x14ac:dyDescent="0.15">
      <c r="A25" s="16">
        <v>16</v>
      </c>
      <c r="B25" s="29">
        <v>10</v>
      </c>
      <c r="C25" s="10">
        <v>5</v>
      </c>
      <c r="D25" s="9">
        <v>15</v>
      </c>
    </row>
    <row r="26" spans="1:4" ht="18" customHeight="1" x14ac:dyDescent="0.15">
      <c r="A26" s="16">
        <v>17</v>
      </c>
      <c r="B26" s="29">
        <v>5</v>
      </c>
      <c r="C26" s="10">
        <v>6</v>
      </c>
      <c r="D26" s="9">
        <v>11</v>
      </c>
    </row>
    <row r="27" spans="1:4" ht="18" customHeight="1" x14ac:dyDescent="0.15">
      <c r="A27" s="16">
        <v>18</v>
      </c>
      <c r="B27" s="29">
        <v>6</v>
      </c>
      <c r="C27" s="10">
        <v>5</v>
      </c>
      <c r="D27" s="9">
        <v>11</v>
      </c>
    </row>
    <row r="28" spans="1:4" ht="18" customHeight="1" x14ac:dyDescent="0.15">
      <c r="A28" s="16">
        <v>19</v>
      </c>
      <c r="B28" s="29">
        <v>6</v>
      </c>
      <c r="C28" s="10">
        <v>5</v>
      </c>
      <c r="D28" s="9">
        <v>11</v>
      </c>
    </row>
    <row r="29" spans="1:4" ht="18" customHeight="1" x14ac:dyDescent="0.15">
      <c r="A29" s="8" t="s">
        <v>48</v>
      </c>
      <c r="B29" s="29">
        <v>32</v>
      </c>
      <c r="C29" s="10">
        <v>23</v>
      </c>
      <c r="D29" s="9">
        <v>55</v>
      </c>
    </row>
    <row r="30" spans="1:4" ht="18" customHeight="1" x14ac:dyDescent="0.15">
      <c r="A30" s="16">
        <v>20</v>
      </c>
      <c r="B30" s="29">
        <v>4</v>
      </c>
      <c r="C30" s="10">
        <v>9</v>
      </c>
      <c r="D30" s="9">
        <v>13</v>
      </c>
    </row>
    <row r="31" spans="1:4" ht="18" customHeight="1" x14ac:dyDescent="0.15">
      <c r="A31" s="16">
        <v>21</v>
      </c>
      <c r="B31" s="29">
        <v>8</v>
      </c>
      <c r="C31" s="10">
        <v>2</v>
      </c>
      <c r="D31" s="9">
        <v>10</v>
      </c>
    </row>
    <row r="32" spans="1:4" ht="18" customHeight="1" x14ac:dyDescent="0.15">
      <c r="A32" s="16">
        <v>22</v>
      </c>
      <c r="B32" s="29">
        <v>8</v>
      </c>
      <c r="C32" s="10">
        <v>4</v>
      </c>
      <c r="D32" s="9">
        <v>12</v>
      </c>
    </row>
    <row r="33" spans="1:4" ht="18" customHeight="1" x14ac:dyDescent="0.15">
      <c r="A33" s="16">
        <v>23</v>
      </c>
      <c r="B33" s="29">
        <v>10</v>
      </c>
      <c r="C33" s="10">
        <v>4</v>
      </c>
      <c r="D33" s="9">
        <v>14</v>
      </c>
    </row>
    <row r="34" spans="1:4" ht="18" customHeight="1" x14ac:dyDescent="0.15">
      <c r="A34" s="16">
        <v>24</v>
      </c>
      <c r="B34" s="29">
        <v>2</v>
      </c>
      <c r="C34" s="10">
        <v>2</v>
      </c>
      <c r="D34" s="9">
        <v>4</v>
      </c>
    </row>
    <row r="35" spans="1:4" ht="18" customHeight="1" x14ac:dyDescent="0.15">
      <c r="A35" s="8" t="s">
        <v>207</v>
      </c>
      <c r="B35" s="29">
        <v>32</v>
      </c>
      <c r="C35" s="10">
        <v>21</v>
      </c>
      <c r="D35" s="9">
        <v>53</v>
      </c>
    </row>
    <row r="36" spans="1:4" ht="18" customHeight="1" x14ac:dyDescent="0.15">
      <c r="A36" s="16">
        <v>25</v>
      </c>
      <c r="B36" s="29">
        <v>8</v>
      </c>
      <c r="C36" s="10">
        <v>6</v>
      </c>
      <c r="D36" s="9">
        <v>14</v>
      </c>
    </row>
    <row r="37" spans="1:4" ht="18" customHeight="1" x14ac:dyDescent="0.15">
      <c r="A37" s="16">
        <v>26</v>
      </c>
      <c r="B37" s="29">
        <v>5</v>
      </c>
      <c r="C37" s="10">
        <v>3</v>
      </c>
      <c r="D37" s="9">
        <v>8</v>
      </c>
    </row>
    <row r="38" spans="1:4" ht="18" customHeight="1" x14ac:dyDescent="0.15">
      <c r="A38" s="16">
        <v>27</v>
      </c>
      <c r="B38" s="29">
        <v>15</v>
      </c>
      <c r="C38" s="10">
        <v>6</v>
      </c>
      <c r="D38" s="9">
        <v>21</v>
      </c>
    </row>
    <row r="39" spans="1:4" ht="18" customHeight="1" x14ac:dyDescent="0.15">
      <c r="A39" s="16">
        <v>28</v>
      </c>
      <c r="B39" s="29">
        <v>6</v>
      </c>
      <c r="C39" s="10">
        <v>5</v>
      </c>
      <c r="D39" s="9">
        <v>11</v>
      </c>
    </row>
    <row r="40" spans="1:4" ht="18" customHeight="1" x14ac:dyDescent="0.15">
      <c r="A40" s="16">
        <v>29</v>
      </c>
      <c r="B40" s="29">
        <v>6</v>
      </c>
      <c r="C40" s="10">
        <v>3</v>
      </c>
      <c r="D40" s="9">
        <v>9</v>
      </c>
    </row>
    <row r="41" spans="1:4" ht="18" customHeight="1" x14ac:dyDescent="0.15">
      <c r="A41" s="8" t="s">
        <v>73</v>
      </c>
      <c r="B41" s="29">
        <v>40</v>
      </c>
      <c r="C41" s="10">
        <v>23</v>
      </c>
      <c r="D41" s="9">
        <v>63</v>
      </c>
    </row>
    <row r="42" spans="1:4" ht="18" customHeight="1" x14ac:dyDescent="0.15">
      <c r="A42" s="16">
        <v>30</v>
      </c>
      <c r="B42" s="29">
        <v>7</v>
      </c>
      <c r="C42" s="10">
        <v>6</v>
      </c>
      <c r="D42" s="9">
        <v>13</v>
      </c>
    </row>
    <row r="43" spans="1:4" ht="18" customHeight="1" x14ac:dyDescent="0.15">
      <c r="A43" s="16">
        <v>31</v>
      </c>
      <c r="B43" s="29">
        <v>5</v>
      </c>
      <c r="C43" s="10">
        <v>7</v>
      </c>
      <c r="D43" s="9">
        <v>12</v>
      </c>
    </row>
    <row r="44" spans="1:4" ht="18" customHeight="1" x14ac:dyDescent="0.15">
      <c r="A44" s="16">
        <v>32</v>
      </c>
      <c r="B44" s="29">
        <v>8</v>
      </c>
      <c r="C44" s="10">
        <v>6</v>
      </c>
      <c r="D44" s="9">
        <v>14</v>
      </c>
    </row>
    <row r="45" spans="1:4" ht="18" customHeight="1" x14ac:dyDescent="0.15">
      <c r="A45" s="16">
        <v>33</v>
      </c>
      <c r="B45" s="29">
        <v>7</v>
      </c>
      <c r="C45" s="10">
        <v>6</v>
      </c>
      <c r="D45" s="9">
        <v>13</v>
      </c>
    </row>
    <row r="46" spans="1:4" ht="18" customHeight="1" x14ac:dyDescent="0.15">
      <c r="A46" s="16">
        <v>34</v>
      </c>
      <c r="B46" s="29">
        <v>9</v>
      </c>
      <c r="C46" s="10">
        <v>4</v>
      </c>
      <c r="D46" s="9">
        <v>13</v>
      </c>
    </row>
    <row r="47" spans="1:4" ht="18" customHeight="1" x14ac:dyDescent="0.15">
      <c r="A47" s="8" t="s">
        <v>61</v>
      </c>
      <c r="B47" s="29">
        <v>36</v>
      </c>
      <c r="C47" s="10">
        <v>29</v>
      </c>
      <c r="D47" s="9">
        <v>65</v>
      </c>
    </row>
    <row r="48" spans="1:4" ht="18" customHeight="1" x14ac:dyDescent="0.15">
      <c r="A48" s="16">
        <v>35</v>
      </c>
      <c r="B48" s="29">
        <v>8</v>
      </c>
      <c r="C48" s="10">
        <v>2</v>
      </c>
      <c r="D48" s="9">
        <v>10</v>
      </c>
    </row>
    <row r="49" spans="1:4" ht="18" customHeight="1" x14ac:dyDescent="0.15">
      <c r="A49" s="16">
        <v>36</v>
      </c>
      <c r="B49" s="29">
        <v>13</v>
      </c>
      <c r="C49" s="10">
        <v>6</v>
      </c>
      <c r="D49" s="9">
        <v>19</v>
      </c>
    </row>
    <row r="50" spans="1:4" ht="18" customHeight="1" x14ac:dyDescent="0.15">
      <c r="A50" s="16">
        <v>37</v>
      </c>
      <c r="B50" s="29">
        <v>10</v>
      </c>
      <c r="C50" s="10">
        <v>12</v>
      </c>
      <c r="D50" s="9">
        <v>22</v>
      </c>
    </row>
    <row r="51" spans="1:4" ht="18" customHeight="1" x14ac:dyDescent="0.15">
      <c r="A51" s="16">
        <v>38</v>
      </c>
      <c r="B51" s="29">
        <v>9</v>
      </c>
      <c r="C51" s="10">
        <v>7</v>
      </c>
      <c r="D51" s="9">
        <v>16</v>
      </c>
    </row>
    <row r="52" spans="1:4" ht="18" customHeight="1" x14ac:dyDescent="0.15">
      <c r="A52" s="16">
        <v>39</v>
      </c>
      <c r="B52" s="29">
        <v>7</v>
      </c>
      <c r="C52" s="10">
        <v>8</v>
      </c>
      <c r="D52" s="9">
        <v>15</v>
      </c>
    </row>
    <row r="53" spans="1:4" ht="18" customHeight="1" x14ac:dyDescent="0.15">
      <c r="A53" s="8" t="s">
        <v>72</v>
      </c>
      <c r="B53" s="29">
        <v>47</v>
      </c>
      <c r="C53" s="10">
        <v>35</v>
      </c>
      <c r="D53" s="9">
        <v>82</v>
      </c>
    </row>
    <row r="54" spans="1:4" ht="18" customHeight="1" x14ac:dyDescent="0.15">
      <c r="A54" s="16">
        <v>40</v>
      </c>
      <c r="B54" s="29">
        <v>8</v>
      </c>
      <c r="C54" s="10">
        <v>4</v>
      </c>
      <c r="D54" s="9">
        <v>12</v>
      </c>
    </row>
    <row r="55" spans="1:4" ht="18" customHeight="1" x14ac:dyDescent="0.15">
      <c r="A55" s="16">
        <v>41</v>
      </c>
      <c r="B55" s="29">
        <v>11</v>
      </c>
      <c r="C55" s="10">
        <v>9</v>
      </c>
      <c r="D55" s="9">
        <v>20</v>
      </c>
    </row>
    <row r="56" spans="1:4" ht="18" customHeight="1" x14ac:dyDescent="0.15">
      <c r="A56" s="16">
        <v>42</v>
      </c>
      <c r="B56" s="29">
        <v>6</v>
      </c>
      <c r="C56" s="10">
        <v>3</v>
      </c>
      <c r="D56" s="9">
        <v>9</v>
      </c>
    </row>
    <row r="57" spans="1:4" ht="18" customHeight="1" x14ac:dyDescent="0.15">
      <c r="A57" s="16">
        <v>43</v>
      </c>
      <c r="B57" s="29">
        <v>11</v>
      </c>
      <c r="C57" s="10">
        <v>7</v>
      </c>
      <c r="D57" s="9">
        <v>18</v>
      </c>
    </row>
    <row r="58" spans="1:4" ht="18" customHeight="1" x14ac:dyDescent="0.15">
      <c r="A58" s="16">
        <v>44</v>
      </c>
      <c r="B58" s="29">
        <v>11</v>
      </c>
      <c r="C58" s="10">
        <v>12</v>
      </c>
      <c r="D58" s="9">
        <v>23</v>
      </c>
    </row>
    <row r="59" spans="1:4" ht="18" customHeight="1" x14ac:dyDescent="0.15">
      <c r="A59" s="8" t="s">
        <v>186</v>
      </c>
      <c r="B59" s="29">
        <v>47</v>
      </c>
      <c r="C59" s="10">
        <v>35</v>
      </c>
      <c r="D59" s="9">
        <v>82</v>
      </c>
    </row>
    <row r="60" spans="1:4" ht="18" customHeight="1" x14ac:dyDescent="0.15">
      <c r="A60" s="16">
        <v>45</v>
      </c>
      <c r="B60" s="29">
        <v>9</v>
      </c>
      <c r="C60" s="10">
        <v>8</v>
      </c>
      <c r="D60" s="9">
        <v>17</v>
      </c>
    </row>
    <row r="61" spans="1:4" ht="18" customHeight="1" x14ac:dyDescent="0.15">
      <c r="A61" s="16">
        <v>46</v>
      </c>
      <c r="B61" s="29">
        <v>15</v>
      </c>
      <c r="C61" s="10">
        <v>12</v>
      </c>
      <c r="D61" s="9">
        <v>27</v>
      </c>
    </row>
    <row r="62" spans="1:4" ht="18" customHeight="1" x14ac:dyDescent="0.15">
      <c r="A62" s="16">
        <v>47</v>
      </c>
      <c r="B62" s="29">
        <v>12</v>
      </c>
      <c r="C62" s="10">
        <v>10</v>
      </c>
      <c r="D62" s="9">
        <v>22</v>
      </c>
    </row>
    <row r="63" spans="1:4" ht="18" customHeight="1" x14ac:dyDescent="0.15">
      <c r="A63" s="16">
        <v>48</v>
      </c>
      <c r="B63" s="29">
        <v>13</v>
      </c>
      <c r="C63" s="10">
        <v>14</v>
      </c>
      <c r="D63" s="9">
        <v>27</v>
      </c>
    </row>
    <row r="64" spans="1:4" ht="18" customHeight="1" x14ac:dyDescent="0.15">
      <c r="A64" s="16">
        <v>49</v>
      </c>
      <c r="B64" s="29">
        <v>18</v>
      </c>
      <c r="C64" s="10">
        <v>15</v>
      </c>
      <c r="D64" s="9">
        <v>33</v>
      </c>
    </row>
    <row r="65" spans="1:4" ht="18" customHeight="1" x14ac:dyDescent="0.15">
      <c r="A65" s="8" t="s">
        <v>45</v>
      </c>
      <c r="B65" s="29">
        <v>67</v>
      </c>
      <c r="C65" s="10">
        <v>59</v>
      </c>
      <c r="D65" s="9">
        <v>126</v>
      </c>
    </row>
    <row r="66" spans="1:4" ht="18" customHeight="1" x14ac:dyDescent="0.15">
      <c r="A66" s="16">
        <v>50</v>
      </c>
      <c r="B66" s="29">
        <v>15</v>
      </c>
      <c r="C66" s="10">
        <v>12</v>
      </c>
      <c r="D66" s="9">
        <v>27</v>
      </c>
    </row>
    <row r="67" spans="1:4" ht="18" customHeight="1" x14ac:dyDescent="0.15">
      <c r="A67" s="16">
        <v>51</v>
      </c>
      <c r="B67" s="29">
        <v>12</v>
      </c>
      <c r="C67" s="10">
        <v>10</v>
      </c>
      <c r="D67" s="9">
        <v>22</v>
      </c>
    </row>
    <row r="68" spans="1:4" ht="18" customHeight="1" x14ac:dyDescent="0.15">
      <c r="A68" s="16">
        <v>52</v>
      </c>
      <c r="B68" s="29">
        <v>14</v>
      </c>
      <c r="C68" s="10">
        <v>17</v>
      </c>
      <c r="D68" s="9">
        <v>31</v>
      </c>
    </row>
    <row r="69" spans="1:4" ht="18" customHeight="1" x14ac:dyDescent="0.15">
      <c r="A69" s="16">
        <v>53</v>
      </c>
      <c r="B69" s="29">
        <v>11</v>
      </c>
      <c r="C69" s="10">
        <v>7</v>
      </c>
      <c r="D69" s="9">
        <v>18</v>
      </c>
    </row>
    <row r="70" spans="1:4" ht="18" customHeight="1" x14ac:dyDescent="0.15">
      <c r="A70" s="16">
        <v>54</v>
      </c>
      <c r="B70" s="29">
        <v>12</v>
      </c>
      <c r="C70" s="10">
        <v>8</v>
      </c>
      <c r="D70" s="9">
        <v>20</v>
      </c>
    </row>
    <row r="71" spans="1:4" ht="18" customHeight="1" x14ac:dyDescent="0.15">
      <c r="A71" s="8" t="s">
        <v>58</v>
      </c>
      <c r="B71" s="29">
        <v>64</v>
      </c>
      <c r="C71" s="10">
        <v>54</v>
      </c>
      <c r="D71" s="9">
        <v>118</v>
      </c>
    </row>
    <row r="72" spans="1:4" ht="18" customHeight="1" x14ac:dyDescent="0.15">
      <c r="A72" s="16">
        <v>55</v>
      </c>
      <c r="B72" s="29">
        <v>17</v>
      </c>
      <c r="C72" s="10">
        <v>8</v>
      </c>
      <c r="D72" s="9">
        <v>25</v>
      </c>
    </row>
    <row r="73" spans="1:4" ht="18" customHeight="1" x14ac:dyDescent="0.15">
      <c r="A73" s="16">
        <v>56</v>
      </c>
      <c r="B73" s="29">
        <v>7</v>
      </c>
      <c r="C73" s="10">
        <v>11</v>
      </c>
      <c r="D73" s="9">
        <v>18</v>
      </c>
    </row>
    <row r="74" spans="1:4" ht="18" customHeight="1" x14ac:dyDescent="0.15">
      <c r="A74" s="16">
        <v>57</v>
      </c>
      <c r="B74" s="29">
        <v>7</v>
      </c>
      <c r="C74" s="10">
        <v>16</v>
      </c>
      <c r="D74" s="9">
        <v>23</v>
      </c>
    </row>
    <row r="75" spans="1:4" ht="18" customHeight="1" x14ac:dyDescent="0.15">
      <c r="A75" s="16">
        <v>58</v>
      </c>
      <c r="B75" s="29">
        <v>15</v>
      </c>
      <c r="C75" s="10">
        <v>13</v>
      </c>
      <c r="D75" s="9">
        <v>28</v>
      </c>
    </row>
    <row r="76" spans="1:4" ht="18" customHeight="1" x14ac:dyDescent="0.15">
      <c r="A76" s="16">
        <v>59</v>
      </c>
      <c r="B76" s="29">
        <v>2</v>
      </c>
      <c r="C76" s="10">
        <v>10</v>
      </c>
      <c r="D76" s="9">
        <v>12</v>
      </c>
    </row>
    <row r="77" spans="1:4" ht="18" customHeight="1" x14ac:dyDescent="0.15">
      <c r="A77" s="8" t="s">
        <v>206</v>
      </c>
      <c r="B77" s="29">
        <v>48</v>
      </c>
      <c r="C77" s="10">
        <v>58</v>
      </c>
      <c r="D77" s="9">
        <v>106</v>
      </c>
    </row>
    <row r="78" spans="1:4" ht="18" customHeight="1" x14ac:dyDescent="0.15">
      <c r="A78" s="16">
        <v>60</v>
      </c>
      <c r="B78" s="29">
        <v>10</v>
      </c>
      <c r="C78" s="10">
        <v>14</v>
      </c>
      <c r="D78" s="9">
        <v>24</v>
      </c>
    </row>
    <row r="79" spans="1:4" ht="18" customHeight="1" x14ac:dyDescent="0.15">
      <c r="A79" s="16">
        <v>61</v>
      </c>
      <c r="B79" s="29">
        <v>13</v>
      </c>
      <c r="C79" s="10">
        <v>13</v>
      </c>
      <c r="D79" s="9">
        <v>26</v>
      </c>
    </row>
    <row r="80" spans="1:4" ht="18" customHeight="1" x14ac:dyDescent="0.15">
      <c r="A80" s="16">
        <v>62</v>
      </c>
      <c r="B80" s="29">
        <v>14</v>
      </c>
      <c r="C80" s="10">
        <v>10</v>
      </c>
      <c r="D80" s="9">
        <v>24</v>
      </c>
    </row>
    <row r="81" spans="1:4" ht="18" customHeight="1" x14ac:dyDescent="0.15">
      <c r="A81" s="16">
        <v>63</v>
      </c>
      <c r="B81" s="29">
        <v>14</v>
      </c>
      <c r="C81" s="10">
        <v>11</v>
      </c>
      <c r="D81" s="9">
        <v>25</v>
      </c>
    </row>
    <row r="82" spans="1:4" ht="18" customHeight="1" x14ac:dyDescent="0.15">
      <c r="A82" s="16">
        <v>64</v>
      </c>
      <c r="B82" s="29">
        <v>15</v>
      </c>
      <c r="C82" s="10">
        <v>11</v>
      </c>
      <c r="D82" s="9">
        <v>26</v>
      </c>
    </row>
    <row r="83" spans="1:4" ht="18" customHeight="1" x14ac:dyDescent="0.15">
      <c r="A83" s="8" t="s">
        <v>44</v>
      </c>
      <c r="B83" s="29">
        <v>66</v>
      </c>
      <c r="C83" s="10">
        <v>59</v>
      </c>
      <c r="D83" s="9">
        <v>125</v>
      </c>
    </row>
    <row r="84" spans="1:4" ht="18" customHeight="1" x14ac:dyDescent="0.15">
      <c r="A84" s="8" t="s">
        <v>43</v>
      </c>
      <c r="B84" s="29">
        <v>479</v>
      </c>
      <c r="C84" s="10">
        <v>396</v>
      </c>
      <c r="D84" s="9">
        <v>875</v>
      </c>
    </row>
    <row r="85" spans="1:4" ht="18" customHeight="1" x14ac:dyDescent="0.15">
      <c r="A85" s="16">
        <v>65</v>
      </c>
      <c r="B85" s="29">
        <v>15</v>
      </c>
      <c r="C85" s="10">
        <v>15</v>
      </c>
      <c r="D85" s="9">
        <v>30</v>
      </c>
    </row>
    <row r="86" spans="1:4" ht="18" customHeight="1" x14ac:dyDescent="0.15">
      <c r="A86" s="16">
        <v>66</v>
      </c>
      <c r="B86" s="29">
        <v>8</v>
      </c>
      <c r="C86" s="10">
        <v>11</v>
      </c>
      <c r="D86" s="9">
        <v>19</v>
      </c>
    </row>
    <row r="87" spans="1:4" ht="18" customHeight="1" x14ac:dyDescent="0.15">
      <c r="A87" s="16">
        <v>67</v>
      </c>
      <c r="B87" s="29">
        <v>15</v>
      </c>
      <c r="C87" s="10">
        <v>11</v>
      </c>
      <c r="D87" s="9">
        <v>26</v>
      </c>
    </row>
    <row r="88" spans="1:4" ht="18" customHeight="1" x14ac:dyDescent="0.15">
      <c r="A88" s="16">
        <v>68</v>
      </c>
      <c r="B88" s="29">
        <v>11</v>
      </c>
      <c r="C88" s="10">
        <v>15</v>
      </c>
      <c r="D88" s="9">
        <v>26</v>
      </c>
    </row>
    <row r="89" spans="1:4" ht="18" customHeight="1" x14ac:dyDescent="0.15">
      <c r="A89" s="16">
        <v>69</v>
      </c>
      <c r="B89" s="29">
        <v>13</v>
      </c>
      <c r="C89" s="10">
        <v>15</v>
      </c>
      <c r="D89" s="9">
        <v>28</v>
      </c>
    </row>
    <row r="90" spans="1:4" ht="18" customHeight="1" x14ac:dyDescent="0.15">
      <c r="A90" s="8" t="s">
        <v>205</v>
      </c>
      <c r="B90" s="29">
        <v>62</v>
      </c>
      <c r="C90" s="10">
        <v>67</v>
      </c>
      <c r="D90" s="9">
        <v>129</v>
      </c>
    </row>
    <row r="91" spans="1:4" ht="18" customHeight="1" x14ac:dyDescent="0.15">
      <c r="A91" s="16">
        <v>70</v>
      </c>
      <c r="B91" s="29">
        <v>14</v>
      </c>
      <c r="C91" s="10">
        <v>17</v>
      </c>
      <c r="D91" s="9">
        <v>31</v>
      </c>
    </row>
    <row r="92" spans="1:4" ht="18" customHeight="1" x14ac:dyDescent="0.15">
      <c r="A92" s="16">
        <v>71</v>
      </c>
      <c r="B92" s="29">
        <v>20</v>
      </c>
      <c r="C92" s="10">
        <v>17</v>
      </c>
      <c r="D92" s="9">
        <v>37</v>
      </c>
    </row>
    <row r="93" spans="1:4" ht="18" customHeight="1" x14ac:dyDescent="0.15">
      <c r="A93" s="16">
        <v>72</v>
      </c>
      <c r="B93" s="29">
        <v>23</v>
      </c>
      <c r="C93" s="10">
        <v>21</v>
      </c>
      <c r="D93" s="9">
        <v>44</v>
      </c>
    </row>
    <row r="94" spans="1:4" ht="18" customHeight="1" x14ac:dyDescent="0.15">
      <c r="A94" s="16">
        <v>73</v>
      </c>
      <c r="B94" s="29">
        <v>18</v>
      </c>
      <c r="C94" s="10">
        <v>24</v>
      </c>
      <c r="D94" s="9">
        <v>42</v>
      </c>
    </row>
    <row r="95" spans="1:4" ht="18" customHeight="1" x14ac:dyDescent="0.15">
      <c r="A95" s="16">
        <v>74</v>
      </c>
      <c r="B95" s="29">
        <v>23</v>
      </c>
      <c r="C95" s="10">
        <v>28</v>
      </c>
      <c r="D95" s="9">
        <v>51</v>
      </c>
    </row>
    <row r="96" spans="1:4" ht="18" customHeight="1" x14ac:dyDescent="0.15">
      <c r="A96" s="8" t="s">
        <v>204</v>
      </c>
      <c r="B96" s="29">
        <v>98</v>
      </c>
      <c r="C96" s="10">
        <v>107</v>
      </c>
      <c r="D96" s="9">
        <v>205</v>
      </c>
    </row>
    <row r="97" spans="1:4" ht="18" customHeight="1" x14ac:dyDescent="0.15">
      <c r="A97" s="16">
        <v>75</v>
      </c>
      <c r="B97" s="29">
        <v>22</v>
      </c>
      <c r="C97" s="10">
        <v>32</v>
      </c>
      <c r="D97" s="9">
        <v>54</v>
      </c>
    </row>
    <row r="98" spans="1:4" ht="18" customHeight="1" x14ac:dyDescent="0.15">
      <c r="A98" s="16">
        <v>76</v>
      </c>
      <c r="B98" s="29">
        <v>26</v>
      </c>
      <c r="C98" s="10">
        <v>29</v>
      </c>
      <c r="D98" s="9">
        <v>55</v>
      </c>
    </row>
    <row r="99" spans="1:4" ht="18" customHeight="1" x14ac:dyDescent="0.15">
      <c r="A99" s="16">
        <v>77</v>
      </c>
      <c r="B99" s="29">
        <v>10</v>
      </c>
      <c r="C99" s="10">
        <v>20</v>
      </c>
      <c r="D99" s="9">
        <v>30</v>
      </c>
    </row>
    <row r="100" spans="1:4" ht="18" customHeight="1" x14ac:dyDescent="0.15">
      <c r="A100" s="16">
        <v>78</v>
      </c>
      <c r="B100" s="29">
        <v>13</v>
      </c>
      <c r="C100" s="10">
        <v>9</v>
      </c>
      <c r="D100" s="9">
        <v>22</v>
      </c>
    </row>
    <row r="101" spans="1:4" ht="18" customHeight="1" x14ac:dyDescent="0.15">
      <c r="A101" s="16">
        <v>79</v>
      </c>
      <c r="B101" s="29">
        <v>21</v>
      </c>
      <c r="C101" s="10">
        <v>17</v>
      </c>
      <c r="D101" s="9">
        <v>38</v>
      </c>
    </row>
    <row r="102" spans="1:4" ht="18" customHeight="1" x14ac:dyDescent="0.15">
      <c r="A102" s="8" t="s">
        <v>40</v>
      </c>
      <c r="B102" s="29">
        <v>92</v>
      </c>
      <c r="C102" s="10">
        <v>107</v>
      </c>
      <c r="D102" s="9">
        <v>199</v>
      </c>
    </row>
    <row r="103" spans="1:4" ht="18" customHeight="1" x14ac:dyDescent="0.15">
      <c r="A103" s="16">
        <v>80</v>
      </c>
      <c r="B103" s="29">
        <v>11</v>
      </c>
      <c r="C103" s="10">
        <v>18</v>
      </c>
      <c r="D103" s="9">
        <v>29</v>
      </c>
    </row>
    <row r="104" spans="1:4" ht="18" customHeight="1" x14ac:dyDescent="0.15">
      <c r="A104" s="16">
        <v>81</v>
      </c>
      <c r="B104" s="29">
        <v>20</v>
      </c>
      <c r="C104" s="10">
        <v>11</v>
      </c>
      <c r="D104" s="9">
        <v>31</v>
      </c>
    </row>
    <row r="105" spans="1:4" ht="18" customHeight="1" x14ac:dyDescent="0.15">
      <c r="A105" s="16">
        <v>82</v>
      </c>
      <c r="B105" s="29">
        <v>8</v>
      </c>
      <c r="C105" s="10">
        <v>11</v>
      </c>
      <c r="D105" s="9">
        <v>19</v>
      </c>
    </row>
    <row r="106" spans="1:4" ht="18" customHeight="1" x14ac:dyDescent="0.15">
      <c r="A106" s="16">
        <v>83</v>
      </c>
      <c r="B106" s="29">
        <v>7</v>
      </c>
      <c r="C106" s="10">
        <v>15</v>
      </c>
      <c r="D106" s="9">
        <v>22</v>
      </c>
    </row>
    <row r="107" spans="1:4" ht="18" customHeight="1" x14ac:dyDescent="0.15">
      <c r="A107" s="16">
        <v>84</v>
      </c>
      <c r="B107" s="29">
        <v>4</v>
      </c>
      <c r="C107" s="10">
        <v>14</v>
      </c>
      <c r="D107" s="9">
        <v>18</v>
      </c>
    </row>
    <row r="108" spans="1:4" ht="18" customHeight="1" x14ac:dyDescent="0.15">
      <c r="A108" s="8" t="s">
        <v>39</v>
      </c>
      <c r="B108" s="29">
        <v>50</v>
      </c>
      <c r="C108" s="10">
        <v>69</v>
      </c>
      <c r="D108" s="9">
        <v>119</v>
      </c>
    </row>
    <row r="109" spans="1:4" ht="18" customHeight="1" x14ac:dyDescent="0.15">
      <c r="A109" s="16">
        <v>85</v>
      </c>
      <c r="B109" s="29">
        <v>7</v>
      </c>
      <c r="C109" s="10">
        <v>10</v>
      </c>
      <c r="D109" s="9">
        <v>17</v>
      </c>
    </row>
    <row r="110" spans="1:4" ht="18" customHeight="1" x14ac:dyDescent="0.15">
      <c r="A110" s="16">
        <v>86</v>
      </c>
      <c r="B110" s="29">
        <v>10</v>
      </c>
      <c r="C110" s="10">
        <v>15</v>
      </c>
      <c r="D110" s="9">
        <v>25</v>
      </c>
    </row>
    <row r="111" spans="1:4" ht="18" customHeight="1" x14ac:dyDescent="0.15">
      <c r="A111" s="16">
        <v>87</v>
      </c>
      <c r="B111" s="29">
        <v>4</v>
      </c>
      <c r="C111" s="10">
        <v>13</v>
      </c>
      <c r="D111" s="9">
        <v>17</v>
      </c>
    </row>
    <row r="112" spans="1:4" ht="18" customHeight="1" x14ac:dyDescent="0.15">
      <c r="A112" s="16">
        <v>88</v>
      </c>
      <c r="B112" s="29">
        <v>2</v>
      </c>
      <c r="C112" s="10">
        <v>6</v>
      </c>
      <c r="D112" s="9">
        <v>8</v>
      </c>
    </row>
    <row r="113" spans="1:4" ht="18" customHeight="1" x14ac:dyDescent="0.15">
      <c r="A113" s="16">
        <v>89</v>
      </c>
      <c r="B113" s="29">
        <v>7</v>
      </c>
      <c r="C113" s="10">
        <v>11</v>
      </c>
      <c r="D113" s="9">
        <v>18</v>
      </c>
    </row>
    <row r="114" spans="1:4" ht="18" customHeight="1" x14ac:dyDescent="0.15">
      <c r="A114" s="8" t="s">
        <v>38</v>
      </c>
      <c r="B114" s="29">
        <v>30</v>
      </c>
      <c r="C114" s="10">
        <v>55</v>
      </c>
      <c r="D114" s="9">
        <v>85</v>
      </c>
    </row>
    <row r="115" spans="1:4" ht="18" customHeight="1" x14ac:dyDescent="0.15">
      <c r="A115" s="16">
        <v>90</v>
      </c>
      <c r="B115" s="29">
        <v>3</v>
      </c>
      <c r="C115" s="10">
        <v>6</v>
      </c>
      <c r="D115" s="9">
        <v>9</v>
      </c>
    </row>
    <row r="116" spans="1:4" ht="18" customHeight="1" x14ac:dyDescent="0.15">
      <c r="A116" s="16">
        <v>91</v>
      </c>
      <c r="B116" s="29">
        <v>2</v>
      </c>
      <c r="C116" s="10">
        <v>6</v>
      </c>
      <c r="D116" s="9">
        <v>8</v>
      </c>
    </row>
    <row r="117" spans="1:4" ht="18" customHeight="1" x14ac:dyDescent="0.15">
      <c r="A117" s="16">
        <v>92</v>
      </c>
      <c r="B117" s="29">
        <v>3</v>
      </c>
      <c r="C117" s="10">
        <v>7</v>
      </c>
      <c r="D117" s="9">
        <v>10</v>
      </c>
    </row>
    <row r="118" spans="1:4" ht="18" customHeight="1" x14ac:dyDescent="0.15">
      <c r="A118" s="16">
        <v>93</v>
      </c>
      <c r="B118" s="29">
        <v>1</v>
      </c>
      <c r="C118" s="10">
        <v>4</v>
      </c>
      <c r="D118" s="9">
        <v>5</v>
      </c>
    </row>
    <row r="119" spans="1:4" ht="18" customHeight="1" x14ac:dyDescent="0.15">
      <c r="A119" s="16">
        <v>94</v>
      </c>
      <c r="B119" s="29">
        <v>3</v>
      </c>
      <c r="C119" s="10">
        <v>1</v>
      </c>
      <c r="D119" s="9">
        <v>4</v>
      </c>
    </row>
    <row r="120" spans="1:4" ht="18" customHeight="1" x14ac:dyDescent="0.15">
      <c r="A120" s="8" t="s">
        <v>69</v>
      </c>
      <c r="B120" s="29">
        <v>12</v>
      </c>
      <c r="C120" s="10">
        <v>24</v>
      </c>
      <c r="D120" s="9">
        <v>36</v>
      </c>
    </row>
    <row r="121" spans="1:4" ht="18" customHeight="1" x14ac:dyDescent="0.15">
      <c r="A121" s="16">
        <v>95</v>
      </c>
      <c r="B121" s="29">
        <v>1</v>
      </c>
      <c r="C121" s="10">
        <v>4</v>
      </c>
      <c r="D121" s="9">
        <v>5</v>
      </c>
    </row>
    <row r="122" spans="1:4" ht="18" customHeight="1" x14ac:dyDescent="0.15">
      <c r="A122" s="16">
        <v>96</v>
      </c>
      <c r="B122" s="29">
        <v>0</v>
      </c>
      <c r="C122" s="10">
        <v>6</v>
      </c>
      <c r="D122" s="9">
        <v>6</v>
      </c>
    </row>
    <row r="123" spans="1:4" ht="18" customHeight="1" x14ac:dyDescent="0.15">
      <c r="A123" s="16">
        <v>97</v>
      </c>
      <c r="B123" s="29">
        <v>0</v>
      </c>
      <c r="C123" s="10">
        <v>0</v>
      </c>
      <c r="D123" s="9">
        <v>0</v>
      </c>
    </row>
    <row r="124" spans="1:4" ht="18" customHeight="1" x14ac:dyDescent="0.15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15">
      <c r="A125" s="16">
        <v>99</v>
      </c>
      <c r="B125" s="29">
        <v>0</v>
      </c>
      <c r="C125" s="10">
        <v>0</v>
      </c>
      <c r="D125" s="9">
        <v>0</v>
      </c>
    </row>
    <row r="126" spans="1:4" ht="18" customHeight="1" x14ac:dyDescent="0.15">
      <c r="A126" s="8" t="s">
        <v>68</v>
      </c>
      <c r="B126" s="29">
        <v>1</v>
      </c>
      <c r="C126" s="10">
        <v>12</v>
      </c>
      <c r="D126" s="9">
        <v>13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203</v>
      </c>
      <c r="B128" s="29">
        <v>0</v>
      </c>
      <c r="C128" s="10">
        <v>1</v>
      </c>
      <c r="D128" s="9">
        <v>1</v>
      </c>
    </row>
    <row r="129" spans="1:4" ht="18" customHeight="1" x14ac:dyDescent="0.15">
      <c r="A129" s="8" t="s">
        <v>202</v>
      </c>
      <c r="B129" s="29">
        <v>0</v>
      </c>
      <c r="C129" s="10">
        <v>1</v>
      </c>
      <c r="D129" s="9">
        <v>1</v>
      </c>
    </row>
    <row r="130" spans="1:4" ht="18" customHeight="1" x14ac:dyDescent="0.15">
      <c r="A130" s="8" t="s">
        <v>35</v>
      </c>
      <c r="B130" s="28">
        <v>345</v>
      </c>
      <c r="C130" s="6">
        <v>442</v>
      </c>
      <c r="D130" s="5">
        <v>787</v>
      </c>
    </row>
    <row r="131" spans="1:4" ht="18" customHeight="1" x14ac:dyDescent="0.15">
      <c r="A131" s="4" t="s">
        <v>0</v>
      </c>
      <c r="B131" s="27">
        <v>898</v>
      </c>
      <c r="C131" s="2">
        <v>908</v>
      </c>
      <c r="D131" s="1">
        <v>180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0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8</v>
      </c>
      <c r="C5" s="18">
        <v>9</v>
      </c>
      <c r="D5" s="17">
        <v>17</v>
      </c>
    </row>
    <row r="6" spans="1:4" ht="18" customHeight="1" x14ac:dyDescent="0.15">
      <c r="A6" s="16">
        <v>1</v>
      </c>
      <c r="B6" s="29">
        <v>12</v>
      </c>
      <c r="C6" s="10">
        <v>11</v>
      </c>
      <c r="D6" s="9">
        <v>23</v>
      </c>
    </row>
    <row r="7" spans="1:4" ht="18" customHeight="1" x14ac:dyDescent="0.15">
      <c r="A7" s="16">
        <v>2</v>
      </c>
      <c r="B7" s="29">
        <v>12</v>
      </c>
      <c r="C7" s="10">
        <v>7</v>
      </c>
      <c r="D7" s="9">
        <v>19</v>
      </c>
    </row>
    <row r="8" spans="1:4" ht="18" customHeight="1" x14ac:dyDescent="0.15">
      <c r="A8" s="16">
        <v>3</v>
      </c>
      <c r="B8" s="29">
        <v>6</v>
      </c>
      <c r="C8" s="10">
        <v>4</v>
      </c>
      <c r="D8" s="9">
        <v>10</v>
      </c>
    </row>
    <row r="9" spans="1:4" ht="18" customHeight="1" x14ac:dyDescent="0.15">
      <c r="A9" s="16">
        <v>4</v>
      </c>
      <c r="B9" s="29">
        <v>6</v>
      </c>
      <c r="C9" s="10">
        <v>8</v>
      </c>
      <c r="D9" s="9">
        <v>14</v>
      </c>
    </row>
    <row r="10" spans="1:4" ht="18" customHeight="1" x14ac:dyDescent="0.15">
      <c r="A10" s="8" t="s">
        <v>76</v>
      </c>
      <c r="B10" s="29">
        <v>44</v>
      </c>
      <c r="C10" s="10">
        <v>39</v>
      </c>
      <c r="D10" s="9">
        <v>83</v>
      </c>
    </row>
    <row r="11" spans="1:4" ht="18" customHeight="1" x14ac:dyDescent="0.15">
      <c r="A11" s="16">
        <v>5</v>
      </c>
      <c r="B11" s="29">
        <v>14</v>
      </c>
      <c r="C11" s="10">
        <v>9</v>
      </c>
      <c r="D11" s="9">
        <v>23</v>
      </c>
    </row>
    <row r="12" spans="1:4" ht="18" customHeight="1" x14ac:dyDescent="0.15">
      <c r="A12" s="16">
        <v>6</v>
      </c>
      <c r="B12" s="29">
        <v>6</v>
      </c>
      <c r="C12" s="10">
        <v>12</v>
      </c>
      <c r="D12" s="9">
        <v>18</v>
      </c>
    </row>
    <row r="13" spans="1:4" ht="18" customHeight="1" x14ac:dyDescent="0.15">
      <c r="A13" s="16">
        <v>7</v>
      </c>
      <c r="B13" s="29">
        <v>12</v>
      </c>
      <c r="C13" s="10">
        <v>10</v>
      </c>
      <c r="D13" s="9">
        <v>22</v>
      </c>
    </row>
    <row r="14" spans="1:4" ht="18" customHeight="1" x14ac:dyDescent="0.15">
      <c r="A14" s="16">
        <v>8</v>
      </c>
      <c r="B14" s="29">
        <v>16</v>
      </c>
      <c r="C14" s="10">
        <v>8</v>
      </c>
      <c r="D14" s="9">
        <v>24</v>
      </c>
    </row>
    <row r="15" spans="1:4" ht="18" customHeight="1" x14ac:dyDescent="0.15">
      <c r="A15" s="16">
        <v>9</v>
      </c>
      <c r="B15" s="29">
        <v>11</v>
      </c>
      <c r="C15" s="10">
        <v>10</v>
      </c>
      <c r="D15" s="9">
        <v>21</v>
      </c>
    </row>
    <row r="16" spans="1:4" ht="18" customHeight="1" x14ac:dyDescent="0.15">
      <c r="A16" s="8" t="s">
        <v>50</v>
      </c>
      <c r="B16" s="29">
        <v>59</v>
      </c>
      <c r="C16" s="10">
        <v>49</v>
      </c>
      <c r="D16" s="9">
        <v>108</v>
      </c>
    </row>
    <row r="17" spans="1:4" ht="18" customHeight="1" x14ac:dyDescent="0.15">
      <c r="A17" s="16">
        <v>10</v>
      </c>
      <c r="B17" s="29">
        <v>7</v>
      </c>
      <c r="C17" s="10">
        <v>10</v>
      </c>
      <c r="D17" s="9">
        <v>17</v>
      </c>
    </row>
    <row r="18" spans="1:4" ht="18" customHeight="1" x14ac:dyDescent="0.15">
      <c r="A18" s="16">
        <v>11</v>
      </c>
      <c r="B18" s="29">
        <v>15</v>
      </c>
      <c r="C18" s="10">
        <v>11</v>
      </c>
      <c r="D18" s="9">
        <v>26</v>
      </c>
    </row>
    <row r="19" spans="1:4" ht="18" customHeight="1" x14ac:dyDescent="0.15">
      <c r="A19" s="16">
        <v>12</v>
      </c>
      <c r="B19" s="29">
        <v>17</v>
      </c>
      <c r="C19" s="10">
        <v>10</v>
      </c>
      <c r="D19" s="9">
        <v>27</v>
      </c>
    </row>
    <row r="20" spans="1:4" ht="18" customHeight="1" x14ac:dyDescent="0.15">
      <c r="A20" s="16">
        <v>13</v>
      </c>
      <c r="B20" s="29">
        <v>9</v>
      </c>
      <c r="C20" s="10">
        <v>12</v>
      </c>
      <c r="D20" s="9">
        <v>21</v>
      </c>
    </row>
    <row r="21" spans="1:4" ht="18" customHeight="1" x14ac:dyDescent="0.15">
      <c r="A21" s="16">
        <v>14</v>
      </c>
      <c r="B21" s="29">
        <v>10</v>
      </c>
      <c r="C21" s="10">
        <v>18</v>
      </c>
      <c r="D21" s="9">
        <v>28</v>
      </c>
    </row>
    <row r="22" spans="1:4" ht="18" customHeight="1" x14ac:dyDescent="0.15">
      <c r="A22" s="8" t="s">
        <v>75</v>
      </c>
      <c r="B22" s="29">
        <v>58</v>
      </c>
      <c r="C22" s="10">
        <v>61</v>
      </c>
      <c r="D22" s="9">
        <v>119</v>
      </c>
    </row>
    <row r="23" spans="1:4" ht="18" customHeight="1" x14ac:dyDescent="0.15">
      <c r="A23" s="8" t="s">
        <v>65</v>
      </c>
      <c r="B23" s="29">
        <v>161</v>
      </c>
      <c r="C23" s="10">
        <v>149</v>
      </c>
      <c r="D23" s="9">
        <v>310</v>
      </c>
    </row>
    <row r="24" spans="1:4" ht="18" customHeight="1" x14ac:dyDescent="0.15">
      <c r="A24" s="16">
        <v>15</v>
      </c>
      <c r="B24" s="29">
        <v>18</v>
      </c>
      <c r="C24" s="10">
        <v>15</v>
      </c>
      <c r="D24" s="9">
        <v>33</v>
      </c>
    </row>
    <row r="25" spans="1:4" ht="18" customHeight="1" x14ac:dyDescent="0.15">
      <c r="A25" s="16">
        <v>16</v>
      </c>
      <c r="B25" s="29">
        <v>12</v>
      </c>
      <c r="C25" s="10">
        <v>11</v>
      </c>
      <c r="D25" s="9">
        <v>23</v>
      </c>
    </row>
    <row r="26" spans="1:4" ht="18" customHeight="1" x14ac:dyDescent="0.15">
      <c r="A26" s="16">
        <v>17</v>
      </c>
      <c r="B26" s="29">
        <v>19</v>
      </c>
      <c r="C26" s="10">
        <v>16</v>
      </c>
      <c r="D26" s="9">
        <v>35</v>
      </c>
    </row>
    <row r="27" spans="1:4" ht="18" customHeight="1" x14ac:dyDescent="0.15">
      <c r="A27" s="16">
        <v>18</v>
      </c>
      <c r="B27" s="29">
        <v>13</v>
      </c>
      <c r="C27" s="10">
        <v>17</v>
      </c>
      <c r="D27" s="9">
        <v>30</v>
      </c>
    </row>
    <row r="28" spans="1:4" ht="18" customHeight="1" x14ac:dyDescent="0.15">
      <c r="A28" s="16">
        <v>19</v>
      </c>
      <c r="B28" s="29">
        <v>13</v>
      </c>
      <c r="C28" s="10">
        <v>14</v>
      </c>
      <c r="D28" s="9">
        <v>27</v>
      </c>
    </row>
    <row r="29" spans="1:4" ht="18" customHeight="1" x14ac:dyDescent="0.15">
      <c r="A29" s="8" t="s">
        <v>48</v>
      </c>
      <c r="B29" s="29">
        <v>75</v>
      </c>
      <c r="C29" s="10">
        <v>73</v>
      </c>
      <c r="D29" s="9">
        <v>148</v>
      </c>
    </row>
    <row r="30" spans="1:4" ht="18" customHeight="1" x14ac:dyDescent="0.15">
      <c r="A30" s="16">
        <v>20</v>
      </c>
      <c r="B30" s="29">
        <v>10</v>
      </c>
      <c r="C30" s="10">
        <v>22</v>
      </c>
      <c r="D30" s="9">
        <v>32</v>
      </c>
    </row>
    <row r="31" spans="1:4" ht="18" customHeight="1" x14ac:dyDescent="0.15">
      <c r="A31" s="16">
        <v>21</v>
      </c>
      <c r="B31" s="29">
        <v>18</v>
      </c>
      <c r="C31" s="10">
        <v>17</v>
      </c>
      <c r="D31" s="9">
        <v>35</v>
      </c>
    </row>
    <row r="32" spans="1:4" ht="18" customHeight="1" x14ac:dyDescent="0.15">
      <c r="A32" s="16">
        <v>22</v>
      </c>
      <c r="B32" s="29">
        <v>17</v>
      </c>
      <c r="C32" s="10">
        <v>17</v>
      </c>
      <c r="D32" s="9">
        <v>34</v>
      </c>
    </row>
    <row r="33" spans="1:4" ht="18" customHeight="1" x14ac:dyDescent="0.15">
      <c r="A33" s="16">
        <v>23</v>
      </c>
      <c r="B33" s="29">
        <v>23</v>
      </c>
      <c r="C33" s="10">
        <v>14</v>
      </c>
      <c r="D33" s="9">
        <v>37</v>
      </c>
    </row>
    <row r="34" spans="1:4" ht="18" customHeight="1" x14ac:dyDescent="0.15">
      <c r="A34" s="16">
        <v>24</v>
      </c>
      <c r="B34" s="29">
        <v>19</v>
      </c>
      <c r="C34" s="10">
        <v>13</v>
      </c>
      <c r="D34" s="9">
        <v>32</v>
      </c>
    </row>
    <row r="35" spans="1:4" ht="18" customHeight="1" x14ac:dyDescent="0.15">
      <c r="A35" s="8" t="s">
        <v>74</v>
      </c>
      <c r="B35" s="29">
        <v>87</v>
      </c>
      <c r="C35" s="10">
        <v>83</v>
      </c>
      <c r="D35" s="9">
        <v>170</v>
      </c>
    </row>
    <row r="36" spans="1:4" ht="18" customHeight="1" x14ac:dyDescent="0.15">
      <c r="A36" s="16">
        <v>25</v>
      </c>
      <c r="B36" s="29">
        <v>18</v>
      </c>
      <c r="C36" s="10">
        <v>8</v>
      </c>
      <c r="D36" s="9">
        <v>26</v>
      </c>
    </row>
    <row r="37" spans="1:4" ht="18" customHeight="1" x14ac:dyDescent="0.15">
      <c r="A37" s="16">
        <v>26</v>
      </c>
      <c r="B37" s="29">
        <v>19</v>
      </c>
      <c r="C37" s="10">
        <v>16</v>
      </c>
      <c r="D37" s="9">
        <v>35</v>
      </c>
    </row>
    <row r="38" spans="1:4" ht="18" customHeight="1" x14ac:dyDescent="0.15">
      <c r="A38" s="16">
        <v>27</v>
      </c>
      <c r="B38" s="29">
        <v>15</v>
      </c>
      <c r="C38" s="10">
        <v>12</v>
      </c>
      <c r="D38" s="9">
        <v>27</v>
      </c>
    </row>
    <row r="39" spans="1:4" ht="18" customHeight="1" x14ac:dyDescent="0.15">
      <c r="A39" s="16">
        <v>28</v>
      </c>
      <c r="B39" s="29">
        <v>15</v>
      </c>
      <c r="C39" s="10">
        <v>14</v>
      </c>
      <c r="D39" s="9">
        <v>29</v>
      </c>
    </row>
    <row r="40" spans="1:4" ht="18" customHeight="1" x14ac:dyDescent="0.15">
      <c r="A40" s="16">
        <v>29</v>
      </c>
      <c r="B40" s="29">
        <v>17</v>
      </c>
      <c r="C40" s="10">
        <v>18</v>
      </c>
      <c r="D40" s="9">
        <v>35</v>
      </c>
    </row>
    <row r="41" spans="1:4" ht="18" customHeight="1" x14ac:dyDescent="0.15">
      <c r="A41" s="8" t="s">
        <v>73</v>
      </c>
      <c r="B41" s="29">
        <v>84</v>
      </c>
      <c r="C41" s="10">
        <v>68</v>
      </c>
      <c r="D41" s="9">
        <v>152</v>
      </c>
    </row>
    <row r="42" spans="1:4" ht="18" customHeight="1" x14ac:dyDescent="0.15">
      <c r="A42" s="16">
        <v>30</v>
      </c>
      <c r="B42" s="29">
        <v>9</v>
      </c>
      <c r="C42" s="10">
        <v>14</v>
      </c>
      <c r="D42" s="9">
        <v>23</v>
      </c>
    </row>
    <row r="43" spans="1:4" ht="18" customHeight="1" x14ac:dyDescent="0.15">
      <c r="A43" s="16">
        <v>31</v>
      </c>
      <c r="B43" s="29">
        <v>18</v>
      </c>
      <c r="C43" s="10">
        <v>24</v>
      </c>
      <c r="D43" s="9">
        <v>42</v>
      </c>
    </row>
    <row r="44" spans="1:4" ht="18" customHeight="1" x14ac:dyDescent="0.15">
      <c r="A44" s="16">
        <v>32</v>
      </c>
      <c r="B44" s="29">
        <v>11</v>
      </c>
      <c r="C44" s="10">
        <v>13</v>
      </c>
      <c r="D44" s="9">
        <v>24</v>
      </c>
    </row>
    <row r="45" spans="1:4" ht="18" customHeight="1" x14ac:dyDescent="0.15">
      <c r="A45" s="16">
        <v>33</v>
      </c>
      <c r="B45" s="29">
        <v>14</v>
      </c>
      <c r="C45" s="10">
        <v>12</v>
      </c>
      <c r="D45" s="9">
        <v>26</v>
      </c>
    </row>
    <row r="46" spans="1:4" ht="18" customHeight="1" x14ac:dyDescent="0.15">
      <c r="A46" s="16">
        <v>34</v>
      </c>
      <c r="B46" s="29">
        <v>22</v>
      </c>
      <c r="C46" s="10">
        <v>19</v>
      </c>
      <c r="D46" s="9">
        <v>41</v>
      </c>
    </row>
    <row r="47" spans="1:4" ht="18" customHeight="1" x14ac:dyDescent="0.15">
      <c r="A47" s="8" t="s">
        <v>61</v>
      </c>
      <c r="B47" s="29">
        <v>74</v>
      </c>
      <c r="C47" s="10">
        <v>82</v>
      </c>
      <c r="D47" s="9">
        <v>156</v>
      </c>
    </row>
    <row r="48" spans="1:4" ht="18" customHeight="1" x14ac:dyDescent="0.15">
      <c r="A48" s="16">
        <v>35</v>
      </c>
      <c r="B48" s="29">
        <v>14</v>
      </c>
      <c r="C48" s="10">
        <v>22</v>
      </c>
      <c r="D48" s="9">
        <v>36</v>
      </c>
    </row>
    <row r="49" spans="1:4" ht="18" customHeight="1" x14ac:dyDescent="0.15">
      <c r="A49" s="16">
        <v>36</v>
      </c>
      <c r="B49" s="29">
        <v>26</v>
      </c>
      <c r="C49" s="10">
        <v>19</v>
      </c>
      <c r="D49" s="9">
        <v>45</v>
      </c>
    </row>
    <row r="50" spans="1:4" ht="18" customHeight="1" x14ac:dyDescent="0.15">
      <c r="A50" s="16">
        <v>37</v>
      </c>
      <c r="B50" s="29">
        <v>25</v>
      </c>
      <c r="C50" s="10">
        <v>15</v>
      </c>
      <c r="D50" s="9">
        <v>40</v>
      </c>
    </row>
    <row r="51" spans="1:4" ht="18" customHeight="1" x14ac:dyDescent="0.15">
      <c r="A51" s="16">
        <v>38</v>
      </c>
      <c r="B51" s="29">
        <v>16</v>
      </c>
      <c r="C51" s="10">
        <v>8</v>
      </c>
      <c r="D51" s="9">
        <v>24</v>
      </c>
    </row>
    <row r="52" spans="1:4" ht="18" customHeight="1" x14ac:dyDescent="0.15">
      <c r="A52" s="16">
        <v>39</v>
      </c>
      <c r="B52" s="29">
        <v>25</v>
      </c>
      <c r="C52" s="10">
        <v>16</v>
      </c>
      <c r="D52" s="9">
        <v>41</v>
      </c>
    </row>
    <row r="53" spans="1:4" ht="18" customHeight="1" x14ac:dyDescent="0.15">
      <c r="A53" s="8" t="s">
        <v>72</v>
      </c>
      <c r="B53" s="29">
        <v>106</v>
      </c>
      <c r="C53" s="10">
        <v>80</v>
      </c>
      <c r="D53" s="9">
        <v>186</v>
      </c>
    </row>
    <row r="54" spans="1:4" ht="18" customHeight="1" x14ac:dyDescent="0.15">
      <c r="A54" s="16">
        <v>40</v>
      </c>
      <c r="B54" s="29">
        <v>19</v>
      </c>
      <c r="C54" s="10">
        <v>20</v>
      </c>
      <c r="D54" s="9">
        <v>39</v>
      </c>
    </row>
    <row r="55" spans="1:4" ht="18" customHeight="1" x14ac:dyDescent="0.15">
      <c r="A55" s="16">
        <v>41</v>
      </c>
      <c r="B55" s="29">
        <v>17</v>
      </c>
      <c r="C55" s="10">
        <v>16</v>
      </c>
      <c r="D55" s="9">
        <v>33</v>
      </c>
    </row>
    <row r="56" spans="1:4" ht="18" customHeight="1" x14ac:dyDescent="0.15">
      <c r="A56" s="16">
        <v>42</v>
      </c>
      <c r="B56" s="29">
        <v>26</v>
      </c>
      <c r="C56" s="10">
        <v>15</v>
      </c>
      <c r="D56" s="9">
        <v>41</v>
      </c>
    </row>
    <row r="57" spans="1:4" ht="18" customHeight="1" x14ac:dyDescent="0.15">
      <c r="A57" s="16">
        <v>43</v>
      </c>
      <c r="B57" s="29">
        <v>28</v>
      </c>
      <c r="C57" s="10">
        <v>17</v>
      </c>
      <c r="D57" s="9">
        <v>45</v>
      </c>
    </row>
    <row r="58" spans="1:4" ht="18" customHeight="1" x14ac:dyDescent="0.15">
      <c r="A58" s="16">
        <v>44</v>
      </c>
      <c r="B58" s="29">
        <v>23</v>
      </c>
      <c r="C58" s="10">
        <v>11</v>
      </c>
      <c r="D58" s="9">
        <v>34</v>
      </c>
    </row>
    <row r="59" spans="1:4" ht="18" customHeight="1" x14ac:dyDescent="0.15">
      <c r="A59" s="8" t="s">
        <v>46</v>
      </c>
      <c r="B59" s="29">
        <v>113</v>
      </c>
      <c r="C59" s="10">
        <v>79</v>
      </c>
      <c r="D59" s="9">
        <v>192</v>
      </c>
    </row>
    <row r="60" spans="1:4" ht="18" customHeight="1" x14ac:dyDescent="0.15">
      <c r="A60" s="16">
        <v>45</v>
      </c>
      <c r="B60" s="29">
        <v>28</v>
      </c>
      <c r="C60" s="10">
        <v>25</v>
      </c>
      <c r="D60" s="9">
        <v>53</v>
      </c>
    </row>
    <row r="61" spans="1:4" ht="18" customHeight="1" x14ac:dyDescent="0.15">
      <c r="A61" s="16">
        <v>46</v>
      </c>
      <c r="B61" s="29">
        <v>28</v>
      </c>
      <c r="C61" s="10">
        <v>28</v>
      </c>
      <c r="D61" s="9">
        <v>56</v>
      </c>
    </row>
    <row r="62" spans="1:4" ht="18" customHeight="1" x14ac:dyDescent="0.15">
      <c r="A62" s="16">
        <v>47</v>
      </c>
      <c r="B62" s="29">
        <v>38</v>
      </c>
      <c r="C62" s="10">
        <v>20</v>
      </c>
      <c r="D62" s="9">
        <v>58</v>
      </c>
    </row>
    <row r="63" spans="1:4" ht="18" customHeight="1" x14ac:dyDescent="0.15">
      <c r="A63" s="16">
        <v>48</v>
      </c>
      <c r="B63" s="29">
        <v>37</v>
      </c>
      <c r="C63" s="10">
        <v>24</v>
      </c>
      <c r="D63" s="9">
        <v>61</v>
      </c>
    </row>
    <row r="64" spans="1:4" ht="18" customHeight="1" x14ac:dyDescent="0.15">
      <c r="A64" s="16">
        <v>49</v>
      </c>
      <c r="B64" s="29">
        <v>36</v>
      </c>
      <c r="C64" s="10">
        <v>29</v>
      </c>
      <c r="D64" s="9">
        <v>65</v>
      </c>
    </row>
    <row r="65" spans="1:4" ht="18" customHeight="1" x14ac:dyDescent="0.15">
      <c r="A65" s="8" t="s">
        <v>45</v>
      </c>
      <c r="B65" s="29">
        <v>167</v>
      </c>
      <c r="C65" s="10">
        <v>126</v>
      </c>
      <c r="D65" s="9">
        <v>293</v>
      </c>
    </row>
    <row r="66" spans="1:4" ht="18" customHeight="1" x14ac:dyDescent="0.15">
      <c r="A66" s="16">
        <v>50</v>
      </c>
      <c r="B66" s="29">
        <v>24</v>
      </c>
      <c r="C66" s="10">
        <v>25</v>
      </c>
      <c r="D66" s="9">
        <v>49</v>
      </c>
    </row>
    <row r="67" spans="1:4" ht="18" customHeight="1" x14ac:dyDescent="0.15">
      <c r="A67" s="16">
        <v>51</v>
      </c>
      <c r="B67" s="29">
        <v>32</v>
      </c>
      <c r="C67" s="10">
        <v>18</v>
      </c>
      <c r="D67" s="9">
        <v>50</v>
      </c>
    </row>
    <row r="68" spans="1:4" ht="18" customHeight="1" x14ac:dyDescent="0.15">
      <c r="A68" s="16">
        <v>52</v>
      </c>
      <c r="B68" s="29">
        <v>27</v>
      </c>
      <c r="C68" s="10">
        <v>28</v>
      </c>
      <c r="D68" s="9">
        <v>55</v>
      </c>
    </row>
    <row r="69" spans="1:4" ht="18" customHeight="1" x14ac:dyDescent="0.15">
      <c r="A69" s="16">
        <v>53</v>
      </c>
      <c r="B69" s="29">
        <v>26</v>
      </c>
      <c r="C69" s="10">
        <v>25</v>
      </c>
      <c r="D69" s="9">
        <v>51</v>
      </c>
    </row>
    <row r="70" spans="1:4" ht="18" customHeight="1" x14ac:dyDescent="0.15">
      <c r="A70" s="16">
        <v>54</v>
      </c>
      <c r="B70" s="29">
        <v>26</v>
      </c>
      <c r="C70" s="10">
        <v>18</v>
      </c>
      <c r="D70" s="9">
        <v>44</v>
      </c>
    </row>
    <row r="71" spans="1:4" ht="18" customHeight="1" x14ac:dyDescent="0.15">
      <c r="A71" s="8" t="s">
        <v>58</v>
      </c>
      <c r="B71" s="29">
        <v>135</v>
      </c>
      <c r="C71" s="10">
        <v>114</v>
      </c>
      <c r="D71" s="9">
        <v>249</v>
      </c>
    </row>
    <row r="72" spans="1:4" ht="18" customHeight="1" x14ac:dyDescent="0.15">
      <c r="A72" s="16">
        <v>55</v>
      </c>
      <c r="B72" s="29">
        <v>24</v>
      </c>
      <c r="C72" s="10">
        <v>24</v>
      </c>
      <c r="D72" s="9">
        <v>48</v>
      </c>
    </row>
    <row r="73" spans="1:4" ht="18" customHeight="1" x14ac:dyDescent="0.15">
      <c r="A73" s="16">
        <v>56</v>
      </c>
      <c r="B73" s="29">
        <v>18</v>
      </c>
      <c r="C73" s="10">
        <v>15</v>
      </c>
      <c r="D73" s="9">
        <v>33</v>
      </c>
    </row>
    <row r="74" spans="1:4" ht="18" customHeight="1" x14ac:dyDescent="0.15">
      <c r="A74" s="16">
        <v>57</v>
      </c>
      <c r="B74" s="29">
        <v>26</v>
      </c>
      <c r="C74" s="10">
        <v>22</v>
      </c>
      <c r="D74" s="9">
        <v>48</v>
      </c>
    </row>
    <row r="75" spans="1:4" ht="18" customHeight="1" x14ac:dyDescent="0.15">
      <c r="A75" s="16">
        <v>58</v>
      </c>
      <c r="B75" s="29">
        <v>24</v>
      </c>
      <c r="C75" s="10">
        <v>24</v>
      </c>
      <c r="D75" s="9">
        <v>48</v>
      </c>
    </row>
    <row r="76" spans="1:4" ht="18" customHeight="1" x14ac:dyDescent="0.15">
      <c r="A76" s="16">
        <v>59</v>
      </c>
      <c r="B76" s="29">
        <v>22</v>
      </c>
      <c r="C76" s="10">
        <v>16</v>
      </c>
      <c r="D76" s="9">
        <v>38</v>
      </c>
    </row>
    <row r="77" spans="1:4" ht="18" customHeight="1" x14ac:dyDescent="0.15">
      <c r="A77" s="8" t="s">
        <v>71</v>
      </c>
      <c r="B77" s="29">
        <v>114</v>
      </c>
      <c r="C77" s="10">
        <v>101</v>
      </c>
      <c r="D77" s="9">
        <v>215</v>
      </c>
    </row>
    <row r="78" spans="1:4" ht="18" customHeight="1" x14ac:dyDescent="0.15">
      <c r="A78" s="16">
        <v>60</v>
      </c>
      <c r="B78" s="29">
        <v>26</v>
      </c>
      <c r="C78" s="10">
        <v>30</v>
      </c>
      <c r="D78" s="9">
        <v>56</v>
      </c>
    </row>
    <row r="79" spans="1:4" ht="18" customHeight="1" x14ac:dyDescent="0.15">
      <c r="A79" s="16">
        <v>61</v>
      </c>
      <c r="B79" s="29">
        <v>29</v>
      </c>
      <c r="C79" s="10">
        <v>21</v>
      </c>
      <c r="D79" s="9">
        <v>50</v>
      </c>
    </row>
    <row r="80" spans="1:4" ht="18" customHeight="1" x14ac:dyDescent="0.15">
      <c r="A80" s="16">
        <v>62</v>
      </c>
      <c r="B80" s="29">
        <v>22</v>
      </c>
      <c r="C80" s="10">
        <v>28</v>
      </c>
      <c r="D80" s="9">
        <v>50</v>
      </c>
    </row>
    <row r="81" spans="1:4" ht="18" customHeight="1" x14ac:dyDescent="0.15">
      <c r="A81" s="16">
        <v>63</v>
      </c>
      <c r="B81" s="29">
        <v>25</v>
      </c>
      <c r="C81" s="10">
        <v>19</v>
      </c>
      <c r="D81" s="9">
        <v>44</v>
      </c>
    </row>
    <row r="82" spans="1:4" ht="18" customHeight="1" x14ac:dyDescent="0.15">
      <c r="A82" s="16">
        <v>64</v>
      </c>
      <c r="B82" s="29">
        <v>25</v>
      </c>
      <c r="C82" s="10">
        <v>35</v>
      </c>
      <c r="D82" s="9">
        <v>60</v>
      </c>
    </row>
    <row r="83" spans="1:4" ht="18" customHeight="1" x14ac:dyDescent="0.15">
      <c r="A83" s="8" t="s">
        <v>44</v>
      </c>
      <c r="B83" s="29">
        <v>127</v>
      </c>
      <c r="C83" s="10">
        <v>133</v>
      </c>
      <c r="D83" s="9">
        <v>260</v>
      </c>
    </row>
    <row r="84" spans="1:4" ht="18" customHeight="1" x14ac:dyDescent="0.15">
      <c r="A84" s="8" t="s">
        <v>43</v>
      </c>
      <c r="B84" s="29">
        <v>1082</v>
      </c>
      <c r="C84" s="10">
        <v>939</v>
      </c>
      <c r="D84" s="9">
        <v>2021</v>
      </c>
    </row>
    <row r="85" spans="1:4" ht="18" customHeight="1" x14ac:dyDescent="0.15">
      <c r="A85" s="16">
        <v>65</v>
      </c>
      <c r="B85" s="29">
        <v>24</v>
      </c>
      <c r="C85" s="10">
        <v>24</v>
      </c>
      <c r="D85" s="9">
        <v>48</v>
      </c>
    </row>
    <row r="86" spans="1:4" ht="18" customHeight="1" x14ac:dyDescent="0.15">
      <c r="A86" s="16">
        <v>66</v>
      </c>
      <c r="B86" s="29">
        <v>18</v>
      </c>
      <c r="C86" s="10">
        <v>26</v>
      </c>
      <c r="D86" s="9">
        <v>44</v>
      </c>
    </row>
    <row r="87" spans="1:4" ht="18" customHeight="1" x14ac:dyDescent="0.15">
      <c r="A87" s="16">
        <v>67</v>
      </c>
      <c r="B87" s="29">
        <v>31</v>
      </c>
      <c r="C87" s="10">
        <v>37</v>
      </c>
      <c r="D87" s="9">
        <v>68</v>
      </c>
    </row>
    <row r="88" spans="1:4" ht="18" customHeight="1" x14ac:dyDescent="0.15">
      <c r="A88" s="16">
        <v>68</v>
      </c>
      <c r="B88" s="29">
        <v>33</v>
      </c>
      <c r="C88" s="10">
        <v>31</v>
      </c>
      <c r="D88" s="9">
        <v>64</v>
      </c>
    </row>
    <row r="89" spans="1:4" ht="18" customHeight="1" x14ac:dyDescent="0.15">
      <c r="A89" s="16">
        <v>69</v>
      </c>
      <c r="B89" s="29">
        <v>27</v>
      </c>
      <c r="C89" s="10">
        <v>27</v>
      </c>
      <c r="D89" s="9">
        <v>54</v>
      </c>
    </row>
    <row r="90" spans="1:4" ht="18" customHeight="1" x14ac:dyDescent="0.15">
      <c r="A90" s="8" t="s">
        <v>42</v>
      </c>
      <c r="B90" s="29">
        <v>133</v>
      </c>
      <c r="C90" s="10">
        <v>145</v>
      </c>
      <c r="D90" s="9">
        <v>278</v>
      </c>
    </row>
    <row r="91" spans="1:4" ht="18" customHeight="1" x14ac:dyDescent="0.15">
      <c r="A91" s="16">
        <v>70</v>
      </c>
      <c r="B91" s="29">
        <v>31</v>
      </c>
      <c r="C91" s="10">
        <v>37</v>
      </c>
      <c r="D91" s="9">
        <v>68</v>
      </c>
    </row>
    <row r="92" spans="1:4" ht="18" customHeight="1" x14ac:dyDescent="0.15">
      <c r="A92" s="16">
        <v>71</v>
      </c>
      <c r="B92" s="29">
        <v>35</v>
      </c>
      <c r="C92" s="10">
        <v>25</v>
      </c>
      <c r="D92" s="9">
        <v>60</v>
      </c>
    </row>
    <row r="93" spans="1:4" ht="18" customHeight="1" x14ac:dyDescent="0.15">
      <c r="A93" s="16">
        <v>72</v>
      </c>
      <c r="B93" s="29">
        <v>32</v>
      </c>
      <c r="C93" s="10">
        <v>32</v>
      </c>
      <c r="D93" s="9">
        <v>64</v>
      </c>
    </row>
    <row r="94" spans="1:4" ht="18" customHeight="1" x14ac:dyDescent="0.15">
      <c r="A94" s="16">
        <v>73</v>
      </c>
      <c r="B94" s="29">
        <v>49</v>
      </c>
      <c r="C94" s="10">
        <v>53</v>
      </c>
      <c r="D94" s="9">
        <v>102</v>
      </c>
    </row>
    <row r="95" spans="1:4" ht="18" customHeight="1" x14ac:dyDescent="0.15">
      <c r="A95" s="16">
        <v>74</v>
      </c>
      <c r="B95" s="29">
        <v>44</v>
      </c>
      <c r="C95" s="10">
        <v>55</v>
      </c>
      <c r="D95" s="9">
        <v>99</v>
      </c>
    </row>
    <row r="96" spans="1:4" ht="18" customHeight="1" x14ac:dyDescent="0.15">
      <c r="A96" s="8" t="s">
        <v>41</v>
      </c>
      <c r="B96" s="29">
        <v>191</v>
      </c>
      <c r="C96" s="10">
        <v>202</v>
      </c>
      <c r="D96" s="9">
        <v>393</v>
      </c>
    </row>
    <row r="97" spans="1:4" ht="18" customHeight="1" x14ac:dyDescent="0.15">
      <c r="A97" s="16">
        <v>75</v>
      </c>
      <c r="B97" s="29">
        <v>49</v>
      </c>
      <c r="C97" s="10">
        <v>49</v>
      </c>
      <c r="D97" s="9">
        <v>98</v>
      </c>
    </row>
    <row r="98" spans="1:4" ht="18" customHeight="1" x14ac:dyDescent="0.15">
      <c r="A98" s="16">
        <v>76</v>
      </c>
      <c r="B98" s="29">
        <v>44</v>
      </c>
      <c r="C98" s="10">
        <v>38</v>
      </c>
      <c r="D98" s="9">
        <v>82</v>
      </c>
    </row>
    <row r="99" spans="1:4" ht="18" customHeight="1" x14ac:dyDescent="0.15">
      <c r="A99" s="16">
        <v>77</v>
      </c>
      <c r="B99" s="29">
        <v>18</v>
      </c>
      <c r="C99" s="10">
        <v>20</v>
      </c>
      <c r="D99" s="9">
        <v>38</v>
      </c>
    </row>
    <row r="100" spans="1:4" ht="18" customHeight="1" x14ac:dyDescent="0.15">
      <c r="A100" s="16">
        <v>78</v>
      </c>
      <c r="B100" s="29">
        <v>19</v>
      </c>
      <c r="C100" s="10">
        <v>22</v>
      </c>
      <c r="D100" s="9">
        <v>41</v>
      </c>
    </row>
    <row r="101" spans="1:4" ht="18" customHeight="1" x14ac:dyDescent="0.15">
      <c r="A101" s="16">
        <v>79</v>
      </c>
      <c r="B101" s="29">
        <v>30</v>
      </c>
      <c r="C101" s="10">
        <v>39</v>
      </c>
      <c r="D101" s="9">
        <v>69</v>
      </c>
    </row>
    <row r="102" spans="1:4" ht="18" customHeight="1" x14ac:dyDescent="0.15">
      <c r="A102" s="8" t="s">
        <v>70</v>
      </c>
      <c r="B102" s="29">
        <v>160</v>
      </c>
      <c r="C102" s="10">
        <v>168</v>
      </c>
      <c r="D102" s="9">
        <v>328</v>
      </c>
    </row>
    <row r="103" spans="1:4" ht="18" customHeight="1" x14ac:dyDescent="0.15">
      <c r="A103" s="16">
        <v>80</v>
      </c>
      <c r="B103" s="29">
        <v>22</v>
      </c>
      <c r="C103" s="10">
        <v>28</v>
      </c>
      <c r="D103" s="9">
        <v>50</v>
      </c>
    </row>
    <row r="104" spans="1:4" ht="18" customHeight="1" x14ac:dyDescent="0.15">
      <c r="A104" s="16">
        <v>81</v>
      </c>
      <c r="B104" s="29">
        <v>24</v>
      </c>
      <c r="C104" s="10">
        <v>38</v>
      </c>
      <c r="D104" s="9">
        <v>62</v>
      </c>
    </row>
    <row r="105" spans="1:4" ht="18" customHeight="1" x14ac:dyDescent="0.15">
      <c r="A105" s="16">
        <v>82</v>
      </c>
      <c r="B105" s="29">
        <v>24</v>
      </c>
      <c r="C105" s="10">
        <v>37</v>
      </c>
      <c r="D105" s="9">
        <v>61</v>
      </c>
    </row>
    <row r="106" spans="1:4" ht="18" customHeight="1" x14ac:dyDescent="0.15">
      <c r="A106" s="16">
        <v>83</v>
      </c>
      <c r="B106" s="29">
        <v>17</v>
      </c>
      <c r="C106" s="10">
        <v>18</v>
      </c>
      <c r="D106" s="9">
        <v>35</v>
      </c>
    </row>
    <row r="107" spans="1:4" ht="18" customHeight="1" x14ac:dyDescent="0.15">
      <c r="A107" s="16">
        <v>84</v>
      </c>
      <c r="B107" s="29">
        <v>11</v>
      </c>
      <c r="C107" s="10">
        <v>24</v>
      </c>
      <c r="D107" s="9">
        <v>35</v>
      </c>
    </row>
    <row r="108" spans="1:4" ht="18" customHeight="1" x14ac:dyDescent="0.15">
      <c r="A108" s="8" t="s">
        <v>39</v>
      </c>
      <c r="B108" s="29">
        <v>98</v>
      </c>
      <c r="C108" s="10">
        <v>145</v>
      </c>
      <c r="D108" s="9">
        <v>243</v>
      </c>
    </row>
    <row r="109" spans="1:4" ht="18" customHeight="1" x14ac:dyDescent="0.15">
      <c r="A109" s="16">
        <v>85</v>
      </c>
      <c r="B109" s="29">
        <v>17</v>
      </c>
      <c r="C109" s="10">
        <v>24</v>
      </c>
      <c r="D109" s="9">
        <v>41</v>
      </c>
    </row>
    <row r="110" spans="1:4" ht="18" customHeight="1" x14ac:dyDescent="0.15">
      <c r="A110" s="16">
        <v>86</v>
      </c>
      <c r="B110" s="29">
        <v>8</v>
      </c>
      <c r="C110" s="10">
        <v>12</v>
      </c>
      <c r="D110" s="9">
        <v>20</v>
      </c>
    </row>
    <row r="111" spans="1:4" ht="18" customHeight="1" x14ac:dyDescent="0.15">
      <c r="A111" s="16">
        <v>87</v>
      </c>
      <c r="B111" s="29">
        <v>8</v>
      </c>
      <c r="C111" s="10">
        <v>13</v>
      </c>
      <c r="D111" s="9">
        <v>21</v>
      </c>
    </row>
    <row r="112" spans="1:4" ht="18" customHeight="1" x14ac:dyDescent="0.15">
      <c r="A112" s="16">
        <v>88</v>
      </c>
      <c r="B112" s="29">
        <v>13</v>
      </c>
      <c r="C112" s="10">
        <v>16</v>
      </c>
      <c r="D112" s="9">
        <v>29</v>
      </c>
    </row>
    <row r="113" spans="1:4" ht="18" customHeight="1" x14ac:dyDescent="0.15">
      <c r="A113" s="16">
        <v>89</v>
      </c>
      <c r="B113" s="29">
        <v>8</v>
      </c>
      <c r="C113" s="10">
        <v>17</v>
      </c>
      <c r="D113" s="9">
        <v>25</v>
      </c>
    </row>
    <row r="114" spans="1:4" ht="18" customHeight="1" x14ac:dyDescent="0.15">
      <c r="A114" s="8" t="s">
        <v>38</v>
      </c>
      <c r="B114" s="29">
        <v>54</v>
      </c>
      <c r="C114" s="10">
        <v>82</v>
      </c>
      <c r="D114" s="9">
        <v>136</v>
      </c>
    </row>
    <row r="115" spans="1:4" ht="18" customHeight="1" x14ac:dyDescent="0.15">
      <c r="A115" s="16">
        <v>90</v>
      </c>
      <c r="B115" s="29">
        <v>2</v>
      </c>
      <c r="C115" s="10">
        <v>19</v>
      </c>
      <c r="D115" s="9">
        <v>21</v>
      </c>
    </row>
    <row r="116" spans="1:4" ht="18" customHeight="1" x14ac:dyDescent="0.15">
      <c r="A116" s="16">
        <v>91</v>
      </c>
      <c r="B116" s="29">
        <v>3</v>
      </c>
      <c r="C116" s="10">
        <v>10</v>
      </c>
      <c r="D116" s="9">
        <v>13</v>
      </c>
    </row>
    <row r="117" spans="1:4" ht="18" customHeight="1" x14ac:dyDescent="0.15">
      <c r="A117" s="16">
        <v>92</v>
      </c>
      <c r="B117" s="29">
        <v>2</v>
      </c>
      <c r="C117" s="10">
        <v>15</v>
      </c>
      <c r="D117" s="9">
        <v>17</v>
      </c>
    </row>
    <row r="118" spans="1:4" ht="18" customHeight="1" x14ac:dyDescent="0.15">
      <c r="A118" s="16">
        <v>93</v>
      </c>
      <c r="B118" s="29">
        <v>3</v>
      </c>
      <c r="C118" s="10">
        <v>16</v>
      </c>
      <c r="D118" s="9">
        <v>19</v>
      </c>
    </row>
    <row r="119" spans="1:4" ht="18" customHeight="1" x14ac:dyDescent="0.15">
      <c r="A119" s="16">
        <v>94</v>
      </c>
      <c r="B119" s="29">
        <v>2</v>
      </c>
      <c r="C119" s="10">
        <v>9</v>
      </c>
      <c r="D119" s="9">
        <v>11</v>
      </c>
    </row>
    <row r="120" spans="1:4" ht="18" customHeight="1" x14ac:dyDescent="0.15">
      <c r="A120" s="8" t="s">
        <v>69</v>
      </c>
      <c r="B120" s="29">
        <v>12</v>
      </c>
      <c r="C120" s="10">
        <v>69</v>
      </c>
      <c r="D120" s="9">
        <v>81</v>
      </c>
    </row>
    <row r="121" spans="1:4" ht="18" customHeight="1" x14ac:dyDescent="0.15">
      <c r="A121" s="16">
        <v>95</v>
      </c>
      <c r="B121" s="29">
        <v>3</v>
      </c>
      <c r="C121" s="10">
        <v>4</v>
      </c>
      <c r="D121" s="9">
        <v>7</v>
      </c>
    </row>
    <row r="122" spans="1:4" ht="18" customHeight="1" x14ac:dyDescent="0.15">
      <c r="A122" s="16">
        <v>96</v>
      </c>
      <c r="B122" s="29">
        <v>1</v>
      </c>
      <c r="C122" s="10">
        <v>2</v>
      </c>
      <c r="D122" s="9">
        <v>3</v>
      </c>
    </row>
    <row r="123" spans="1:4" ht="18" customHeight="1" x14ac:dyDescent="0.15">
      <c r="A123" s="16">
        <v>97</v>
      </c>
      <c r="B123" s="29">
        <v>2</v>
      </c>
      <c r="C123" s="10">
        <v>3</v>
      </c>
      <c r="D123" s="9">
        <v>5</v>
      </c>
    </row>
    <row r="124" spans="1:4" ht="18" customHeight="1" x14ac:dyDescent="0.15">
      <c r="A124" s="16">
        <v>98</v>
      </c>
      <c r="B124" s="29">
        <v>0</v>
      </c>
      <c r="C124" s="10">
        <v>5</v>
      </c>
      <c r="D124" s="9">
        <v>5</v>
      </c>
    </row>
    <row r="125" spans="1:4" ht="18" customHeight="1" x14ac:dyDescent="0.15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15">
      <c r="A126" s="8" t="s">
        <v>68</v>
      </c>
      <c r="B126" s="29">
        <v>7</v>
      </c>
      <c r="C126" s="10">
        <v>16</v>
      </c>
      <c r="D126" s="9">
        <v>23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4</v>
      </c>
      <c r="D128" s="9">
        <v>4</v>
      </c>
    </row>
    <row r="129" spans="1:4" ht="18" customHeight="1" x14ac:dyDescent="0.15">
      <c r="A129" s="8" t="s">
        <v>36</v>
      </c>
      <c r="B129" s="29">
        <v>0</v>
      </c>
      <c r="C129" s="10">
        <v>4</v>
      </c>
      <c r="D129" s="9">
        <v>4</v>
      </c>
    </row>
    <row r="130" spans="1:4" ht="18" customHeight="1" x14ac:dyDescent="0.15">
      <c r="A130" s="8" t="s">
        <v>35</v>
      </c>
      <c r="B130" s="28">
        <v>655</v>
      </c>
      <c r="C130" s="6">
        <v>831</v>
      </c>
      <c r="D130" s="5">
        <v>1486</v>
      </c>
    </row>
    <row r="131" spans="1:4" ht="18" customHeight="1" x14ac:dyDescent="0.15">
      <c r="A131" s="4" t="s">
        <v>0</v>
      </c>
      <c r="B131" s="27">
        <v>1898</v>
      </c>
      <c r="C131" s="2">
        <v>1919</v>
      </c>
      <c r="D131" s="1">
        <v>381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1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</v>
      </c>
      <c r="C5" s="18">
        <v>4</v>
      </c>
      <c r="D5" s="17">
        <v>7</v>
      </c>
    </row>
    <row r="6" spans="1:4" ht="18" customHeight="1" x14ac:dyDescent="0.15">
      <c r="A6" s="16">
        <v>1</v>
      </c>
      <c r="B6" s="29">
        <v>1</v>
      </c>
      <c r="C6" s="10">
        <v>3</v>
      </c>
      <c r="D6" s="9">
        <v>4</v>
      </c>
    </row>
    <row r="7" spans="1:4" ht="18" customHeight="1" x14ac:dyDescent="0.15">
      <c r="A7" s="16">
        <v>2</v>
      </c>
      <c r="B7" s="29">
        <v>2</v>
      </c>
      <c r="C7" s="10">
        <v>3</v>
      </c>
      <c r="D7" s="9">
        <v>5</v>
      </c>
    </row>
    <row r="8" spans="1:4" ht="18" customHeight="1" x14ac:dyDescent="0.15">
      <c r="A8" s="16">
        <v>3</v>
      </c>
      <c r="B8" s="29">
        <v>6</v>
      </c>
      <c r="C8" s="10">
        <v>7</v>
      </c>
      <c r="D8" s="9">
        <v>13</v>
      </c>
    </row>
    <row r="9" spans="1:4" ht="18" customHeight="1" x14ac:dyDescent="0.15">
      <c r="A9" s="16">
        <v>4</v>
      </c>
      <c r="B9" s="29">
        <v>3</v>
      </c>
      <c r="C9" s="10">
        <v>1</v>
      </c>
      <c r="D9" s="9">
        <v>4</v>
      </c>
    </row>
    <row r="10" spans="1:4" ht="18" customHeight="1" x14ac:dyDescent="0.15">
      <c r="A10" s="8" t="s">
        <v>76</v>
      </c>
      <c r="B10" s="29">
        <v>15</v>
      </c>
      <c r="C10" s="10">
        <v>18</v>
      </c>
      <c r="D10" s="9">
        <v>33</v>
      </c>
    </row>
    <row r="11" spans="1:4" ht="18" customHeight="1" x14ac:dyDescent="0.15">
      <c r="A11" s="16">
        <v>5</v>
      </c>
      <c r="B11" s="29">
        <v>5</v>
      </c>
      <c r="C11" s="10">
        <v>4</v>
      </c>
      <c r="D11" s="9">
        <v>9</v>
      </c>
    </row>
    <row r="12" spans="1:4" ht="18" customHeight="1" x14ac:dyDescent="0.15">
      <c r="A12" s="16">
        <v>6</v>
      </c>
      <c r="B12" s="29">
        <v>3</v>
      </c>
      <c r="C12" s="10">
        <v>8</v>
      </c>
      <c r="D12" s="9">
        <v>11</v>
      </c>
    </row>
    <row r="13" spans="1:4" ht="18" customHeight="1" x14ac:dyDescent="0.15">
      <c r="A13" s="16">
        <v>7</v>
      </c>
      <c r="B13" s="29">
        <v>3</v>
      </c>
      <c r="C13" s="10">
        <v>6</v>
      </c>
      <c r="D13" s="9">
        <v>9</v>
      </c>
    </row>
    <row r="14" spans="1:4" ht="18" customHeight="1" x14ac:dyDescent="0.15">
      <c r="A14" s="16">
        <v>8</v>
      </c>
      <c r="B14" s="29">
        <v>5</v>
      </c>
      <c r="C14" s="10">
        <v>2</v>
      </c>
      <c r="D14" s="9">
        <v>7</v>
      </c>
    </row>
    <row r="15" spans="1:4" ht="18" customHeight="1" x14ac:dyDescent="0.15">
      <c r="A15" s="16">
        <v>9</v>
      </c>
      <c r="B15" s="29">
        <v>3</v>
      </c>
      <c r="C15" s="10">
        <v>5</v>
      </c>
      <c r="D15" s="9">
        <v>8</v>
      </c>
    </row>
    <row r="16" spans="1:4" ht="18" customHeight="1" x14ac:dyDescent="0.15">
      <c r="A16" s="8" t="s">
        <v>50</v>
      </c>
      <c r="B16" s="29">
        <v>19</v>
      </c>
      <c r="C16" s="10">
        <v>25</v>
      </c>
      <c r="D16" s="9">
        <v>44</v>
      </c>
    </row>
    <row r="17" spans="1:4" ht="18" customHeight="1" x14ac:dyDescent="0.15">
      <c r="A17" s="16">
        <v>10</v>
      </c>
      <c r="B17" s="29">
        <v>3</v>
      </c>
      <c r="C17" s="10">
        <v>4</v>
      </c>
      <c r="D17" s="9">
        <v>7</v>
      </c>
    </row>
    <row r="18" spans="1:4" ht="18" customHeight="1" x14ac:dyDescent="0.15">
      <c r="A18" s="16">
        <v>11</v>
      </c>
      <c r="B18" s="29">
        <v>9</v>
      </c>
      <c r="C18" s="10">
        <v>2</v>
      </c>
      <c r="D18" s="9">
        <v>11</v>
      </c>
    </row>
    <row r="19" spans="1:4" ht="18" customHeight="1" x14ac:dyDescent="0.15">
      <c r="A19" s="16">
        <v>12</v>
      </c>
      <c r="B19" s="29">
        <v>4</v>
      </c>
      <c r="C19" s="10">
        <v>4</v>
      </c>
      <c r="D19" s="9">
        <v>8</v>
      </c>
    </row>
    <row r="20" spans="1:4" ht="18" customHeight="1" x14ac:dyDescent="0.15">
      <c r="A20" s="16">
        <v>13</v>
      </c>
      <c r="B20" s="29">
        <v>14</v>
      </c>
      <c r="C20" s="10">
        <v>6</v>
      </c>
      <c r="D20" s="9">
        <v>20</v>
      </c>
    </row>
    <row r="21" spans="1:4" ht="18" customHeight="1" x14ac:dyDescent="0.15">
      <c r="A21" s="16">
        <v>14</v>
      </c>
      <c r="B21" s="29">
        <v>12</v>
      </c>
      <c r="C21" s="10">
        <v>10</v>
      </c>
      <c r="D21" s="9">
        <v>22</v>
      </c>
    </row>
    <row r="22" spans="1:4" ht="18" customHeight="1" x14ac:dyDescent="0.15">
      <c r="A22" s="8" t="s">
        <v>75</v>
      </c>
      <c r="B22" s="29">
        <v>42</v>
      </c>
      <c r="C22" s="10">
        <v>26</v>
      </c>
      <c r="D22" s="9">
        <v>68</v>
      </c>
    </row>
    <row r="23" spans="1:4" ht="18" customHeight="1" x14ac:dyDescent="0.15">
      <c r="A23" s="8" t="s">
        <v>65</v>
      </c>
      <c r="B23" s="29">
        <v>76</v>
      </c>
      <c r="C23" s="10">
        <v>69</v>
      </c>
      <c r="D23" s="9">
        <v>145</v>
      </c>
    </row>
    <row r="24" spans="1:4" ht="18" customHeight="1" x14ac:dyDescent="0.15">
      <c r="A24" s="16">
        <v>15</v>
      </c>
      <c r="B24" s="29">
        <v>6</v>
      </c>
      <c r="C24" s="10">
        <v>8</v>
      </c>
      <c r="D24" s="9">
        <v>14</v>
      </c>
    </row>
    <row r="25" spans="1:4" ht="18" customHeight="1" x14ac:dyDescent="0.15">
      <c r="A25" s="16">
        <v>16</v>
      </c>
      <c r="B25" s="29">
        <v>12</v>
      </c>
      <c r="C25" s="10">
        <v>11</v>
      </c>
      <c r="D25" s="9">
        <v>23</v>
      </c>
    </row>
    <row r="26" spans="1:4" ht="18" customHeight="1" x14ac:dyDescent="0.15">
      <c r="A26" s="16">
        <v>17</v>
      </c>
      <c r="B26" s="29">
        <v>15</v>
      </c>
      <c r="C26" s="10">
        <v>13</v>
      </c>
      <c r="D26" s="9">
        <v>28</v>
      </c>
    </row>
    <row r="27" spans="1:4" ht="18" customHeight="1" x14ac:dyDescent="0.15">
      <c r="A27" s="16">
        <v>18</v>
      </c>
      <c r="B27" s="29">
        <v>17</v>
      </c>
      <c r="C27" s="10">
        <v>17</v>
      </c>
      <c r="D27" s="9">
        <v>34</v>
      </c>
    </row>
    <row r="28" spans="1:4" ht="18" customHeight="1" x14ac:dyDescent="0.15">
      <c r="A28" s="16">
        <v>19</v>
      </c>
      <c r="B28" s="29">
        <v>11</v>
      </c>
      <c r="C28" s="10">
        <v>21</v>
      </c>
      <c r="D28" s="9">
        <v>32</v>
      </c>
    </row>
    <row r="29" spans="1:4" ht="18" customHeight="1" x14ac:dyDescent="0.15">
      <c r="A29" s="8" t="s">
        <v>48</v>
      </c>
      <c r="B29" s="29">
        <v>61</v>
      </c>
      <c r="C29" s="10">
        <v>70</v>
      </c>
      <c r="D29" s="9">
        <v>131</v>
      </c>
    </row>
    <row r="30" spans="1:4" ht="18" customHeight="1" x14ac:dyDescent="0.15">
      <c r="A30" s="16">
        <v>20</v>
      </c>
      <c r="B30" s="29">
        <v>18</v>
      </c>
      <c r="C30" s="10">
        <v>5</v>
      </c>
      <c r="D30" s="9">
        <v>23</v>
      </c>
    </row>
    <row r="31" spans="1:4" ht="18" customHeight="1" x14ac:dyDescent="0.15">
      <c r="A31" s="16">
        <v>21</v>
      </c>
      <c r="B31" s="29">
        <v>12</v>
      </c>
      <c r="C31" s="10">
        <v>23</v>
      </c>
      <c r="D31" s="9">
        <v>35</v>
      </c>
    </row>
    <row r="32" spans="1:4" ht="18" customHeight="1" x14ac:dyDescent="0.15">
      <c r="A32" s="16">
        <v>22</v>
      </c>
      <c r="B32" s="29">
        <v>18</v>
      </c>
      <c r="C32" s="10">
        <v>5</v>
      </c>
      <c r="D32" s="9">
        <v>23</v>
      </c>
    </row>
    <row r="33" spans="1:4" ht="18" customHeight="1" x14ac:dyDescent="0.15">
      <c r="A33" s="16">
        <v>23</v>
      </c>
      <c r="B33" s="29">
        <v>17</v>
      </c>
      <c r="C33" s="10">
        <v>6</v>
      </c>
      <c r="D33" s="9">
        <v>23</v>
      </c>
    </row>
    <row r="34" spans="1:4" ht="18" customHeight="1" x14ac:dyDescent="0.15">
      <c r="A34" s="16">
        <v>24</v>
      </c>
      <c r="B34" s="29">
        <v>4</v>
      </c>
      <c r="C34" s="10">
        <v>4</v>
      </c>
      <c r="D34" s="9">
        <v>8</v>
      </c>
    </row>
    <row r="35" spans="1:4" ht="18" customHeight="1" x14ac:dyDescent="0.15">
      <c r="A35" s="8" t="s">
        <v>74</v>
      </c>
      <c r="B35" s="29">
        <v>69</v>
      </c>
      <c r="C35" s="10">
        <v>43</v>
      </c>
      <c r="D35" s="9">
        <v>112</v>
      </c>
    </row>
    <row r="36" spans="1:4" ht="18" customHeight="1" x14ac:dyDescent="0.15">
      <c r="A36" s="16">
        <v>25</v>
      </c>
      <c r="B36" s="29">
        <v>9</v>
      </c>
      <c r="C36" s="10">
        <v>6</v>
      </c>
      <c r="D36" s="9">
        <v>15</v>
      </c>
    </row>
    <row r="37" spans="1:4" ht="18" customHeight="1" x14ac:dyDescent="0.15">
      <c r="A37" s="16">
        <v>26</v>
      </c>
      <c r="B37" s="29">
        <v>4</v>
      </c>
      <c r="C37" s="10">
        <v>9</v>
      </c>
      <c r="D37" s="9">
        <v>13</v>
      </c>
    </row>
    <row r="38" spans="1:4" ht="18" customHeight="1" x14ac:dyDescent="0.15">
      <c r="A38" s="16">
        <v>27</v>
      </c>
      <c r="B38" s="29">
        <v>5</v>
      </c>
      <c r="C38" s="10">
        <v>1</v>
      </c>
      <c r="D38" s="9">
        <v>6</v>
      </c>
    </row>
    <row r="39" spans="1:4" ht="18" customHeight="1" x14ac:dyDescent="0.15">
      <c r="A39" s="16">
        <v>28</v>
      </c>
      <c r="B39" s="29">
        <v>4</v>
      </c>
      <c r="C39" s="10">
        <v>3</v>
      </c>
      <c r="D39" s="9">
        <v>7</v>
      </c>
    </row>
    <row r="40" spans="1:4" ht="18" customHeight="1" x14ac:dyDescent="0.15">
      <c r="A40" s="16">
        <v>29</v>
      </c>
      <c r="B40" s="29">
        <v>4</v>
      </c>
      <c r="C40" s="10">
        <v>4</v>
      </c>
      <c r="D40" s="9">
        <v>8</v>
      </c>
    </row>
    <row r="41" spans="1:4" ht="18" customHeight="1" x14ac:dyDescent="0.15">
      <c r="A41" s="8" t="s">
        <v>73</v>
      </c>
      <c r="B41" s="29">
        <v>26</v>
      </c>
      <c r="C41" s="10">
        <v>23</v>
      </c>
      <c r="D41" s="9">
        <v>49</v>
      </c>
    </row>
    <row r="42" spans="1:4" ht="18" customHeight="1" x14ac:dyDescent="0.15">
      <c r="A42" s="16">
        <v>30</v>
      </c>
      <c r="B42" s="29">
        <v>3</v>
      </c>
      <c r="C42" s="10">
        <v>4</v>
      </c>
      <c r="D42" s="9">
        <v>7</v>
      </c>
    </row>
    <row r="43" spans="1:4" ht="18" customHeight="1" x14ac:dyDescent="0.15">
      <c r="A43" s="16">
        <v>31</v>
      </c>
      <c r="B43" s="29">
        <v>6</v>
      </c>
      <c r="C43" s="10">
        <v>1</v>
      </c>
      <c r="D43" s="9">
        <v>7</v>
      </c>
    </row>
    <row r="44" spans="1:4" ht="18" customHeight="1" x14ac:dyDescent="0.15">
      <c r="A44" s="16">
        <v>32</v>
      </c>
      <c r="B44" s="29">
        <v>3</v>
      </c>
      <c r="C44" s="10">
        <v>5</v>
      </c>
      <c r="D44" s="9">
        <v>8</v>
      </c>
    </row>
    <row r="45" spans="1:4" ht="18" customHeight="1" x14ac:dyDescent="0.15">
      <c r="A45" s="16">
        <v>33</v>
      </c>
      <c r="B45" s="29">
        <v>6</v>
      </c>
      <c r="C45" s="10">
        <v>7</v>
      </c>
      <c r="D45" s="9">
        <v>13</v>
      </c>
    </row>
    <row r="46" spans="1:4" ht="18" customHeight="1" x14ac:dyDescent="0.15">
      <c r="A46" s="16">
        <v>34</v>
      </c>
      <c r="B46" s="29">
        <v>5</v>
      </c>
      <c r="C46" s="10">
        <v>2</v>
      </c>
      <c r="D46" s="9">
        <v>7</v>
      </c>
    </row>
    <row r="47" spans="1:4" ht="18" customHeight="1" x14ac:dyDescent="0.15">
      <c r="A47" s="8" t="s">
        <v>61</v>
      </c>
      <c r="B47" s="29">
        <v>23</v>
      </c>
      <c r="C47" s="10">
        <v>19</v>
      </c>
      <c r="D47" s="9">
        <v>42</v>
      </c>
    </row>
    <row r="48" spans="1:4" ht="18" customHeight="1" x14ac:dyDescent="0.15">
      <c r="A48" s="16">
        <v>35</v>
      </c>
      <c r="B48" s="29">
        <v>4</v>
      </c>
      <c r="C48" s="10">
        <v>5</v>
      </c>
      <c r="D48" s="9">
        <v>9</v>
      </c>
    </row>
    <row r="49" spans="1:4" ht="18" customHeight="1" x14ac:dyDescent="0.15">
      <c r="A49" s="16">
        <v>36</v>
      </c>
      <c r="B49" s="29">
        <v>9</v>
      </c>
      <c r="C49" s="10">
        <v>5</v>
      </c>
      <c r="D49" s="9">
        <v>14</v>
      </c>
    </row>
    <row r="50" spans="1:4" ht="18" customHeight="1" x14ac:dyDescent="0.15">
      <c r="A50" s="16">
        <v>37</v>
      </c>
      <c r="B50" s="29">
        <v>4</v>
      </c>
      <c r="C50" s="10">
        <v>4</v>
      </c>
      <c r="D50" s="9">
        <v>8</v>
      </c>
    </row>
    <row r="51" spans="1:4" ht="18" customHeight="1" x14ac:dyDescent="0.15">
      <c r="A51" s="16">
        <v>38</v>
      </c>
      <c r="B51" s="29">
        <v>3</v>
      </c>
      <c r="C51" s="10">
        <v>6</v>
      </c>
      <c r="D51" s="9">
        <v>9</v>
      </c>
    </row>
    <row r="52" spans="1:4" ht="18" customHeight="1" x14ac:dyDescent="0.15">
      <c r="A52" s="16">
        <v>39</v>
      </c>
      <c r="B52" s="29">
        <v>9</v>
      </c>
      <c r="C52" s="10">
        <v>4</v>
      </c>
      <c r="D52" s="9">
        <v>13</v>
      </c>
    </row>
    <row r="53" spans="1:4" ht="18" customHeight="1" x14ac:dyDescent="0.15">
      <c r="A53" s="8" t="s">
        <v>72</v>
      </c>
      <c r="B53" s="29">
        <v>29</v>
      </c>
      <c r="C53" s="10">
        <v>24</v>
      </c>
      <c r="D53" s="9">
        <v>53</v>
      </c>
    </row>
    <row r="54" spans="1:4" ht="18" customHeight="1" x14ac:dyDescent="0.15">
      <c r="A54" s="16">
        <v>40</v>
      </c>
      <c r="B54" s="29">
        <v>7</v>
      </c>
      <c r="C54" s="10">
        <v>5</v>
      </c>
      <c r="D54" s="9">
        <v>12</v>
      </c>
    </row>
    <row r="55" spans="1:4" ht="18" customHeight="1" x14ac:dyDescent="0.15">
      <c r="A55" s="16">
        <v>41</v>
      </c>
      <c r="B55" s="29">
        <v>3</v>
      </c>
      <c r="C55" s="10">
        <v>5</v>
      </c>
      <c r="D55" s="9">
        <v>8</v>
      </c>
    </row>
    <row r="56" spans="1:4" ht="18" customHeight="1" x14ac:dyDescent="0.15">
      <c r="A56" s="16">
        <v>42</v>
      </c>
      <c r="B56" s="29">
        <v>7</v>
      </c>
      <c r="C56" s="10">
        <v>8</v>
      </c>
      <c r="D56" s="9">
        <v>15</v>
      </c>
    </row>
    <row r="57" spans="1:4" ht="18" customHeight="1" x14ac:dyDescent="0.15">
      <c r="A57" s="16">
        <v>43</v>
      </c>
      <c r="B57" s="29">
        <v>7</v>
      </c>
      <c r="C57" s="10">
        <v>11</v>
      </c>
      <c r="D57" s="9">
        <v>18</v>
      </c>
    </row>
    <row r="58" spans="1:4" ht="18" customHeight="1" x14ac:dyDescent="0.15">
      <c r="A58" s="16">
        <v>44</v>
      </c>
      <c r="B58" s="29">
        <v>6</v>
      </c>
      <c r="C58" s="10">
        <v>12</v>
      </c>
      <c r="D58" s="9">
        <v>18</v>
      </c>
    </row>
    <row r="59" spans="1:4" ht="18" customHeight="1" x14ac:dyDescent="0.15">
      <c r="A59" s="8" t="s">
        <v>46</v>
      </c>
      <c r="B59" s="29">
        <v>30</v>
      </c>
      <c r="C59" s="10">
        <v>41</v>
      </c>
      <c r="D59" s="9">
        <v>71</v>
      </c>
    </row>
    <row r="60" spans="1:4" ht="18" customHeight="1" x14ac:dyDescent="0.15">
      <c r="A60" s="16">
        <v>45</v>
      </c>
      <c r="B60" s="29">
        <v>12</v>
      </c>
      <c r="C60" s="10">
        <v>15</v>
      </c>
      <c r="D60" s="9">
        <v>27</v>
      </c>
    </row>
    <row r="61" spans="1:4" ht="18" customHeight="1" x14ac:dyDescent="0.15">
      <c r="A61" s="16">
        <v>46</v>
      </c>
      <c r="B61" s="29">
        <v>20</v>
      </c>
      <c r="C61" s="10">
        <v>21</v>
      </c>
      <c r="D61" s="9">
        <v>41</v>
      </c>
    </row>
    <row r="62" spans="1:4" ht="18" customHeight="1" x14ac:dyDescent="0.15">
      <c r="A62" s="16">
        <v>47</v>
      </c>
      <c r="B62" s="29">
        <v>23</v>
      </c>
      <c r="C62" s="10">
        <v>13</v>
      </c>
      <c r="D62" s="9">
        <v>36</v>
      </c>
    </row>
    <row r="63" spans="1:4" ht="18" customHeight="1" x14ac:dyDescent="0.15">
      <c r="A63" s="16">
        <v>48</v>
      </c>
      <c r="B63" s="29">
        <v>30</v>
      </c>
      <c r="C63" s="10">
        <v>17</v>
      </c>
      <c r="D63" s="9">
        <v>47</v>
      </c>
    </row>
    <row r="64" spans="1:4" ht="18" customHeight="1" x14ac:dyDescent="0.15">
      <c r="A64" s="16">
        <v>49</v>
      </c>
      <c r="B64" s="29">
        <v>22</v>
      </c>
      <c r="C64" s="10">
        <v>16</v>
      </c>
      <c r="D64" s="9">
        <v>38</v>
      </c>
    </row>
    <row r="65" spans="1:4" ht="18" customHeight="1" x14ac:dyDescent="0.15">
      <c r="A65" s="8" t="s">
        <v>45</v>
      </c>
      <c r="B65" s="29">
        <v>107</v>
      </c>
      <c r="C65" s="10">
        <v>82</v>
      </c>
      <c r="D65" s="9">
        <v>189</v>
      </c>
    </row>
    <row r="66" spans="1:4" ht="18" customHeight="1" x14ac:dyDescent="0.15">
      <c r="A66" s="16">
        <v>50</v>
      </c>
      <c r="B66" s="29">
        <v>22</v>
      </c>
      <c r="C66" s="10">
        <v>22</v>
      </c>
      <c r="D66" s="9">
        <v>44</v>
      </c>
    </row>
    <row r="67" spans="1:4" ht="18" customHeight="1" x14ac:dyDescent="0.15">
      <c r="A67" s="16">
        <v>51</v>
      </c>
      <c r="B67" s="29">
        <v>26</v>
      </c>
      <c r="C67" s="10">
        <v>13</v>
      </c>
      <c r="D67" s="9">
        <v>39</v>
      </c>
    </row>
    <row r="68" spans="1:4" ht="18" customHeight="1" x14ac:dyDescent="0.15">
      <c r="A68" s="16">
        <v>52</v>
      </c>
      <c r="B68" s="29">
        <v>14</v>
      </c>
      <c r="C68" s="10">
        <v>19</v>
      </c>
      <c r="D68" s="9">
        <v>33</v>
      </c>
    </row>
    <row r="69" spans="1:4" ht="18" customHeight="1" x14ac:dyDescent="0.15">
      <c r="A69" s="16">
        <v>53</v>
      </c>
      <c r="B69" s="29">
        <v>13</v>
      </c>
      <c r="C69" s="10">
        <v>19</v>
      </c>
      <c r="D69" s="9">
        <v>32</v>
      </c>
    </row>
    <row r="70" spans="1:4" ht="18" customHeight="1" x14ac:dyDescent="0.15">
      <c r="A70" s="16">
        <v>54</v>
      </c>
      <c r="B70" s="29">
        <v>17</v>
      </c>
      <c r="C70" s="10">
        <v>18</v>
      </c>
      <c r="D70" s="9">
        <v>35</v>
      </c>
    </row>
    <row r="71" spans="1:4" ht="18" customHeight="1" x14ac:dyDescent="0.15">
      <c r="A71" s="8" t="s">
        <v>58</v>
      </c>
      <c r="B71" s="29">
        <v>92</v>
      </c>
      <c r="C71" s="10">
        <v>91</v>
      </c>
      <c r="D71" s="9">
        <v>183</v>
      </c>
    </row>
    <row r="72" spans="1:4" ht="18" customHeight="1" x14ac:dyDescent="0.15">
      <c r="A72" s="16">
        <v>55</v>
      </c>
      <c r="B72" s="29">
        <v>17</v>
      </c>
      <c r="C72" s="10">
        <v>11</v>
      </c>
      <c r="D72" s="9">
        <v>28</v>
      </c>
    </row>
    <row r="73" spans="1:4" ht="18" customHeight="1" x14ac:dyDescent="0.15">
      <c r="A73" s="16">
        <v>56</v>
      </c>
      <c r="B73" s="29">
        <v>9</v>
      </c>
      <c r="C73" s="10">
        <v>9</v>
      </c>
      <c r="D73" s="9">
        <v>18</v>
      </c>
    </row>
    <row r="74" spans="1:4" ht="18" customHeight="1" x14ac:dyDescent="0.15">
      <c r="A74" s="16">
        <v>57</v>
      </c>
      <c r="B74" s="29">
        <v>10</v>
      </c>
      <c r="C74" s="10">
        <v>7</v>
      </c>
      <c r="D74" s="9">
        <v>17</v>
      </c>
    </row>
    <row r="75" spans="1:4" ht="18" customHeight="1" x14ac:dyDescent="0.15">
      <c r="A75" s="16">
        <v>58</v>
      </c>
      <c r="B75" s="29">
        <v>9</v>
      </c>
      <c r="C75" s="10">
        <v>5</v>
      </c>
      <c r="D75" s="9">
        <v>14</v>
      </c>
    </row>
    <row r="76" spans="1:4" ht="18" customHeight="1" x14ac:dyDescent="0.15">
      <c r="A76" s="16">
        <v>59</v>
      </c>
      <c r="B76" s="29">
        <v>10</v>
      </c>
      <c r="C76" s="10">
        <v>10</v>
      </c>
      <c r="D76" s="9">
        <v>20</v>
      </c>
    </row>
    <row r="77" spans="1:4" ht="18" customHeight="1" x14ac:dyDescent="0.15">
      <c r="A77" s="8" t="s">
        <v>71</v>
      </c>
      <c r="B77" s="29">
        <v>55</v>
      </c>
      <c r="C77" s="10">
        <v>42</v>
      </c>
      <c r="D77" s="9">
        <v>97</v>
      </c>
    </row>
    <row r="78" spans="1:4" ht="18" customHeight="1" x14ac:dyDescent="0.15">
      <c r="A78" s="16">
        <v>60</v>
      </c>
      <c r="B78" s="29">
        <v>5</v>
      </c>
      <c r="C78" s="10">
        <v>10</v>
      </c>
      <c r="D78" s="9">
        <v>15</v>
      </c>
    </row>
    <row r="79" spans="1:4" ht="18" customHeight="1" x14ac:dyDescent="0.15">
      <c r="A79" s="16">
        <v>61</v>
      </c>
      <c r="B79" s="29">
        <v>10</v>
      </c>
      <c r="C79" s="10">
        <v>10</v>
      </c>
      <c r="D79" s="9">
        <v>20</v>
      </c>
    </row>
    <row r="80" spans="1:4" ht="18" customHeight="1" x14ac:dyDescent="0.15">
      <c r="A80" s="16">
        <v>62</v>
      </c>
      <c r="B80" s="29">
        <v>6</v>
      </c>
      <c r="C80" s="10">
        <v>13</v>
      </c>
      <c r="D80" s="9">
        <v>19</v>
      </c>
    </row>
    <row r="81" spans="1:4" ht="18" customHeight="1" x14ac:dyDescent="0.15">
      <c r="A81" s="16">
        <v>63</v>
      </c>
      <c r="B81" s="29">
        <v>13</v>
      </c>
      <c r="C81" s="10">
        <v>4</v>
      </c>
      <c r="D81" s="9">
        <v>17</v>
      </c>
    </row>
    <row r="82" spans="1:4" ht="18" customHeight="1" x14ac:dyDescent="0.15">
      <c r="A82" s="16">
        <v>64</v>
      </c>
      <c r="B82" s="29">
        <v>14</v>
      </c>
      <c r="C82" s="10">
        <v>14</v>
      </c>
      <c r="D82" s="9">
        <v>28</v>
      </c>
    </row>
    <row r="83" spans="1:4" ht="18" customHeight="1" x14ac:dyDescent="0.15">
      <c r="A83" s="8" t="s">
        <v>44</v>
      </c>
      <c r="B83" s="29">
        <v>48</v>
      </c>
      <c r="C83" s="10">
        <v>51</v>
      </c>
      <c r="D83" s="9">
        <v>99</v>
      </c>
    </row>
    <row r="84" spans="1:4" ht="18" customHeight="1" x14ac:dyDescent="0.15">
      <c r="A84" s="8" t="s">
        <v>43</v>
      </c>
      <c r="B84" s="29">
        <v>540</v>
      </c>
      <c r="C84" s="10">
        <v>486</v>
      </c>
      <c r="D84" s="9">
        <v>1026</v>
      </c>
    </row>
    <row r="85" spans="1:4" ht="18" customHeight="1" x14ac:dyDescent="0.15">
      <c r="A85" s="16">
        <v>65</v>
      </c>
      <c r="B85" s="29">
        <v>9</v>
      </c>
      <c r="C85" s="10">
        <v>9</v>
      </c>
      <c r="D85" s="9">
        <v>18</v>
      </c>
    </row>
    <row r="86" spans="1:4" ht="18" customHeight="1" x14ac:dyDescent="0.15">
      <c r="A86" s="16">
        <v>66</v>
      </c>
      <c r="B86" s="29">
        <v>7</v>
      </c>
      <c r="C86" s="10">
        <v>5</v>
      </c>
      <c r="D86" s="9">
        <v>12</v>
      </c>
    </row>
    <row r="87" spans="1:4" ht="18" customHeight="1" x14ac:dyDescent="0.15">
      <c r="A87" s="16">
        <v>67</v>
      </c>
      <c r="B87" s="29">
        <v>7</v>
      </c>
      <c r="C87" s="10">
        <v>7</v>
      </c>
      <c r="D87" s="9">
        <v>14</v>
      </c>
    </row>
    <row r="88" spans="1:4" ht="18" customHeight="1" x14ac:dyDescent="0.15">
      <c r="A88" s="16">
        <v>68</v>
      </c>
      <c r="B88" s="29">
        <v>6</v>
      </c>
      <c r="C88" s="10">
        <v>9</v>
      </c>
      <c r="D88" s="9">
        <v>15</v>
      </c>
    </row>
    <row r="89" spans="1:4" ht="18" customHeight="1" x14ac:dyDescent="0.15">
      <c r="A89" s="16">
        <v>69</v>
      </c>
      <c r="B89" s="29">
        <v>9</v>
      </c>
      <c r="C89" s="10">
        <v>14</v>
      </c>
      <c r="D89" s="9">
        <v>23</v>
      </c>
    </row>
    <row r="90" spans="1:4" ht="18" customHeight="1" x14ac:dyDescent="0.15">
      <c r="A90" s="8" t="s">
        <v>42</v>
      </c>
      <c r="B90" s="29">
        <v>38</v>
      </c>
      <c r="C90" s="10">
        <v>44</v>
      </c>
      <c r="D90" s="9">
        <v>82</v>
      </c>
    </row>
    <row r="91" spans="1:4" ht="18" customHeight="1" x14ac:dyDescent="0.15">
      <c r="A91" s="16">
        <v>70</v>
      </c>
      <c r="B91" s="29">
        <v>10</v>
      </c>
      <c r="C91" s="10">
        <v>9</v>
      </c>
      <c r="D91" s="9">
        <v>19</v>
      </c>
    </row>
    <row r="92" spans="1:4" ht="18" customHeight="1" x14ac:dyDescent="0.15">
      <c r="A92" s="16">
        <v>71</v>
      </c>
      <c r="B92" s="29">
        <v>8</v>
      </c>
      <c r="C92" s="10">
        <v>14</v>
      </c>
      <c r="D92" s="9">
        <v>22</v>
      </c>
    </row>
    <row r="93" spans="1:4" ht="18" customHeight="1" x14ac:dyDescent="0.15">
      <c r="A93" s="16">
        <v>72</v>
      </c>
      <c r="B93" s="29">
        <v>15</v>
      </c>
      <c r="C93" s="10">
        <v>7</v>
      </c>
      <c r="D93" s="9">
        <v>22</v>
      </c>
    </row>
    <row r="94" spans="1:4" ht="18" customHeight="1" x14ac:dyDescent="0.15">
      <c r="A94" s="16">
        <v>73</v>
      </c>
      <c r="B94" s="29">
        <v>15</v>
      </c>
      <c r="C94" s="10">
        <v>15</v>
      </c>
      <c r="D94" s="9">
        <v>30</v>
      </c>
    </row>
    <row r="95" spans="1:4" ht="18" customHeight="1" x14ac:dyDescent="0.15">
      <c r="A95" s="16">
        <v>74</v>
      </c>
      <c r="B95" s="29">
        <v>9</v>
      </c>
      <c r="C95" s="10">
        <v>14</v>
      </c>
      <c r="D95" s="9">
        <v>23</v>
      </c>
    </row>
    <row r="96" spans="1:4" ht="18" customHeight="1" x14ac:dyDescent="0.15">
      <c r="A96" s="8" t="s">
        <v>41</v>
      </c>
      <c r="B96" s="29">
        <v>57</v>
      </c>
      <c r="C96" s="10">
        <v>59</v>
      </c>
      <c r="D96" s="9">
        <v>116</v>
      </c>
    </row>
    <row r="97" spans="1:4" ht="18" customHeight="1" x14ac:dyDescent="0.15">
      <c r="A97" s="16">
        <v>75</v>
      </c>
      <c r="B97" s="29">
        <v>9</v>
      </c>
      <c r="C97" s="10">
        <v>14</v>
      </c>
      <c r="D97" s="9">
        <v>23</v>
      </c>
    </row>
    <row r="98" spans="1:4" ht="18" customHeight="1" x14ac:dyDescent="0.15">
      <c r="A98" s="16">
        <v>76</v>
      </c>
      <c r="B98" s="29">
        <v>12</v>
      </c>
      <c r="C98" s="10">
        <v>10</v>
      </c>
      <c r="D98" s="9">
        <v>22</v>
      </c>
    </row>
    <row r="99" spans="1:4" ht="18" customHeight="1" x14ac:dyDescent="0.15">
      <c r="A99" s="16">
        <v>77</v>
      </c>
      <c r="B99" s="29">
        <v>7</v>
      </c>
      <c r="C99" s="10">
        <v>11</v>
      </c>
      <c r="D99" s="9">
        <v>18</v>
      </c>
    </row>
    <row r="100" spans="1:4" ht="18" customHeight="1" x14ac:dyDescent="0.15">
      <c r="A100" s="16">
        <v>78</v>
      </c>
      <c r="B100" s="29">
        <v>7</v>
      </c>
      <c r="C100" s="10">
        <v>7</v>
      </c>
      <c r="D100" s="9">
        <v>14</v>
      </c>
    </row>
    <row r="101" spans="1:4" ht="18" customHeight="1" x14ac:dyDescent="0.15">
      <c r="A101" s="16">
        <v>79</v>
      </c>
      <c r="B101" s="29">
        <v>8</v>
      </c>
      <c r="C101" s="10">
        <v>14</v>
      </c>
      <c r="D101" s="9">
        <v>22</v>
      </c>
    </row>
    <row r="102" spans="1:4" ht="18" customHeight="1" x14ac:dyDescent="0.15">
      <c r="A102" s="8" t="s">
        <v>70</v>
      </c>
      <c r="B102" s="29">
        <v>43</v>
      </c>
      <c r="C102" s="10">
        <v>56</v>
      </c>
      <c r="D102" s="9">
        <v>99</v>
      </c>
    </row>
    <row r="103" spans="1:4" ht="18" customHeight="1" x14ac:dyDescent="0.15">
      <c r="A103" s="16">
        <v>80</v>
      </c>
      <c r="B103" s="29">
        <v>4</v>
      </c>
      <c r="C103" s="10">
        <v>12</v>
      </c>
      <c r="D103" s="9">
        <v>16</v>
      </c>
    </row>
    <row r="104" spans="1:4" ht="18" customHeight="1" x14ac:dyDescent="0.15">
      <c r="A104" s="16">
        <v>81</v>
      </c>
      <c r="B104" s="29">
        <v>8</v>
      </c>
      <c r="C104" s="10">
        <v>11</v>
      </c>
      <c r="D104" s="9">
        <v>19</v>
      </c>
    </row>
    <row r="105" spans="1:4" ht="18" customHeight="1" x14ac:dyDescent="0.15">
      <c r="A105" s="16">
        <v>82</v>
      </c>
      <c r="B105" s="29">
        <v>5</v>
      </c>
      <c r="C105" s="10">
        <v>10</v>
      </c>
      <c r="D105" s="9">
        <v>15</v>
      </c>
    </row>
    <row r="106" spans="1:4" ht="18" customHeight="1" x14ac:dyDescent="0.15">
      <c r="A106" s="16">
        <v>83</v>
      </c>
      <c r="B106" s="29">
        <v>7</v>
      </c>
      <c r="C106" s="10">
        <v>6</v>
      </c>
      <c r="D106" s="9">
        <v>13</v>
      </c>
    </row>
    <row r="107" spans="1:4" ht="18" customHeight="1" x14ac:dyDescent="0.15">
      <c r="A107" s="16">
        <v>84</v>
      </c>
      <c r="B107" s="29">
        <v>4</v>
      </c>
      <c r="C107" s="10">
        <v>5</v>
      </c>
      <c r="D107" s="9">
        <v>9</v>
      </c>
    </row>
    <row r="108" spans="1:4" ht="18" customHeight="1" x14ac:dyDescent="0.15">
      <c r="A108" s="8" t="s">
        <v>39</v>
      </c>
      <c r="B108" s="29">
        <v>28</v>
      </c>
      <c r="C108" s="10">
        <v>44</v>
      </c>
      <c r="D108" s="9">
        <v>72</v>
      </c>
    </row>
    <row r="109" spans="1:4" ht="18" customHeight="1" x14ac:dyDescent="0.15">
      <c r="A109" s="16">
        <v>85</v>
      </c>
      <c r="B109" s="29">
        <v>4</v>
      </c>
      <c r="C109" s="10">
        <v>4</v>
      </c>
      <c r="D109" s="9">
        <v>8</v>
      </c>
    </row>
    <row r="110" spans="1:4" ht="18" customHeight="1" x14ac:dyDescent="0.15">
      <c r="A110" s="16">
        <v>86</v>
      </c>
      <c r="B110" s="29">
        <v>3</v>
      </c>
      <c r="C110" s="10">
        <v>8</v>
      </c>
      <c r="D110" s="9">
        <v>11</v>
      </c>
    </row>
    <row r="111" spans="1:4" ht="18" customHeight="1" x14ac:dyDescent="0.15">
      <c r="A111" s="16">
        <v>87</v>
      </c>
      <c r="B111" s="29">
        <v>1</v>
      </c>
      <c r="C111" s="10">
        <v>10</v>
      </c>
      <c r="D111" s="9">
        <v>11</v>
      </c>
    </row>
    <row r="112" spans="1:4" ht="18" customHeight="1" x14ac:dyDescent="0.15">
      <c r="A112" s="16">
        <v>88</v>
      </c>
      <c r="B112" s="29">
        <v>2</v>
      </c>
      <c r="C112" s="10">
        <v>4</v>
      </c>
      <c r="D112" s="9">
        <v>6</v>
      </c>
    </row>
    <row r="113" spans="1:4" ht="18" customHeight="1" x14ac:dyDescent="0.15">
      <c r="A113" s="16">
        <v>89</v>
      </c>
      <c r="B113" s="29">
        <v>5</v>
      </c>
      <c r="C113" s="10">
        <v>7</v>
      </c>
      <c r="D113" s="9">
        <v>12</v>
      </c>
    </row>
    <row r="114" spans="1:4" ht="18" customHeight="1" x14ac:dyDescent="0.15">
      <c r="A114" s="8" t="s">
        <v>38</v>
      </c>
      <c r="B114" s="29">
        <v>15</v>
      </c>
      <c r="C114" s="10">
        <v>33</v>
      </c>
      <c r="D114" s="9">
        <v>48</v>
      </c>
    </row>
    <row r="115" spans="1:4" ht="18" customHeight="1" x14ac:dyDescent="0.15">
      <c r="A115" s="16">
        <v>90</v>
      </c>
      <c r="B115" s="29">
        <v>2</v>
      </c>
      <c r="C115" s="10">
        <v>7</v>
      </c>
      <c r="D115" s="9">
        <v>9</v>
      </c>
    </row>
    <row r="116" spans="1:4" ht="18" customHeight="1" x14ac:dyDescent="0.15">
      <c r="A116" s="16">
        <v>91</v>
      </c>
      <c r="B116" s="29">
        <v>1</v>
      </c>
      <c r="C116" s="10">
        <v>3</v>
      </c>
      <c r="D116" s="9">
        <v>4</v>
      </c>
    </row>
    <row r="117" spans="1:4" ht="18" customHeight="1" x14ac:dyDescent="0.15">
      <c r="A117" s="16">
        <v>92</v>
      </c>
      <c r="B117" s="29">
        <v>1</v>
      </c>
      <c r="C117" s="10">
        <v>4</v>
      </c>
      <c r="D117" s="9">
        <v>5</v>
      </c>
    </row>
    <row r="118" spans="1:4" ht="18" customHeight="1" x14ac:dyDescent="0.15">
      <c r="A118" s="16">
        <v>93</v>
      </c>
      <c r="B118" s="29">
        <v>0</v>
      </c>
      <c r="C118" s="10">
        <v>1</v>
      </c>
      <c r="D118" s="9">
        <v>1</v>
      </c>
    </row>
    <row r="119" spans="1:4" ht="18" customHeight="1" x14ac:dyDescent="0.15">
      <c r="A119" s="16">
        <v>94</v>
      </c>
      <c r="B119" s="29">
        <v>1</v>
      </c>
      <c r="C119" s="10">
        <v>2</v>
      </c>
      <c r="D119" s="9">
        <v>3</v>
      </c>
    </row>
    <row r="120" spans="1:4" ht="18" customHeight="1" x14ac:dyDescent="0.15">
      <c r="A120" s="8" t="s">
        <v>69</v>
      </c>
      <c r="B120" s="29">
        <v>5</v>
      </c>
      <c r="C120" s="10">
        <v>17</v>
      </c>
      <c r="D120" s="9">
        <v>22</v>
      </c>
    </row>
    <row r="121" spans="1:4" ht="18" customHeight="1" x14ac:dyDescent="0.15">
      <c r="A121" s="16">
        <v>95</v>
      </c>
      <c r="B121" s="29">
        <v>0</v>
      </c>
      <c r="C121" s="10">
        <v>2</v>
      </c>
      <c r="D121" s="9">
        <v>2</v>
      </c>
    </row>
    <row r="122" spans="1:4" ht="18" customHeight="1" x14ac:dyDescent="0.15">
      <c r="A122" s="16">
        <v>96</v>
      </c>
      <c r="B122" s="29">
        <v>0</v>
      </c>
      <c r="C122" s="10">
        <v>1</v>
      </c>
      <c r="D122" s="9">
        <v>1</v>
      </c>
    </row>
    <row r="123" spans="1:4" ht="18" customHeight="1" x14ac:dyDescent="0.15">
      <c r="A123" s="16">
        <v>97</v>
      </c>
      <c r="B123" s="29">
        <v>0</v>
      </c>
      <c r="C123" s="10">
        <v>1</v>
      </c>
      <c r="D123" s="9">
        <v>1</v>
      </c>
    </row>
    <row r="124" spans="1:4" ht="18" customHeight="1" x14ac:dyDescent="0.15">
      <c r="A124" s="16">
        <v>98</v>
      </c>
      <c r="B124" s="29">
        <v>1</v>
      </c>
      <c r="C124" s="10">
        <v>2</v>
      </c>
      <c r="D124" s="9">
        <v>3</v>
      </c>
    </row>
    <row r="125" spans="1:4" ht="18" customHeight="1" x14ac:dyDescent="0.15">
      <c r="A125" s="16">
        <v>99</v>
      </c>
      <c r="B125" s="29">
        <v>0</v>
      </c>
      <c r="C125" s="10">
        <v>2</v>
      </c>
      <c r="D125" s="9">
        <v>2</v>
      </c>
    </row>
    <row r="126" spans="1:4" ht="18" customHeight="1" x14ac:dyDescent="0.15">
      <c r="A126" s="8" t="s">
        <v>68</v>
      </c>
      <c r="B126" s="29">
        <v>1</v>
      </c>
      <c r="C126" s="10">
        <v>8</v>
      </c>
      <c r="D126" s="9">
        <v>9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35</v>
      </c>
      <c r="B130" s="28">
        <v>187</v>
      </c>
      <c r="C130" s="6">
        <v>261</v>
      </c>
      <c r="D130" s="5">
        <v>448</v>
      </c>
    </row>
    <row r="131" spans="1:4" ht="18" customHeight="1" x14ac:dyDescent="0.15">
      <c r="A131" s="4" t="s">
        <v>0</v>
      </c>
      <c r="B131" s="27">
        <v>803</v>
      </c>
      <c r="C131" s="2">
        <v>816</v>
      </c>
      <c r="D131" s="1">
        <v>161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6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3</v>
      </c>
      <c r="C5" s="18">
        <v>5</v>
      </c>
      <c r="D5" s="17">
        <v>8</v>
      </c>
    </row>
    <row r="6" spans="1:4" ht="18" customHeight="1" x14ac:dyDescent="0.15">
      <c r="A6" s="16">
        <v>1</v>
      </c>
      <c r="B6" s="29">
        <v>10</v>
      </c>
      <c r="C6" s="10">
        <v>4</v>
      </c>
      <c r="D6" s="9">
        <v>14</v>
      </c>
    </row>
    <row r="7" spans="1:4" ht="18" customHeight="1" x14ac:dyDescent="0.15">
      <c r="A7" s="16">
        <v>2</v>
      </c>
      <c r="B7" s="29">
        <v>5</v>
      </c>
      <c r="C7" s="10">
        <v>1</v>
      </c>
      <c r="D7" s="9">
        <v>6</v>
      </c>
    </row>
    <row r="8" spans="1:4" ht="18" customHeight="1" x14ac:dyDescent="0.15">
      <c r="A8" s="16">
        <v>3</v>
      </c>
      <c r="B8" s="29">
        <v>5</v>
      </c>
      <c r="C8" s="10">
        <v>6</v>
      </c>
      <c r="D8" s="9">
        <v>11</v>
      </c>
    </row>
    <row r="9" spans="1:4" ht="18" customHeight="1" x14ac:dyDescent="0.15">
      <c r="A9" s="16">
        <v>4</v>
      </c>
      <c r="B9" s="29">
        <v>2</v>
      </c>
      <c r="C9" s="10">
        <v>6</v>
      </c>
      <c r="D9" s="9">
        <v>8</v>
      </c>
    </row>
    <row r="10" spans="1:4" ht="18" customHeight="1" x14ac:dyDescent="0.15">
      <c r="A10" s="8" t="s">
        <v>66</v>
      </c>
      <c r="B10" s="29">
        <v>25</v>
      </c>
      <c r="C10" s="10">
        <v>22</v>
      </c>
      <c r="D10" s="9">
        <v>47</v>
      </c>
    </row>
    <row r="11" spans="1:4" ht="18" customHeight="1" x14ac:dyDescent="0.15">
      <c r="A11" s="16">
        <v>5</v>
      </c>
      <c r="B11" s="29">
        <v>5</v>
      </c>
      <c r="C11" s="10">
        <v>2</v>
      </c>
      <c r="D11" s="9">
        <v>7</v>
      </c>
    </row>
    <row r="12" spans="1:4" ht="18" customHeight="1" x14ac:dyDescent="0.15">
      <c r="A12" s="16">
        <v>6</v>
      </c>
      <c r="B12" s="29">
        <v>6</v>
      </c>
      <c r="C12" s="10">
        <v>8</v>
      </c>
      <c r="D12" s="9">
        <v>14</v>
      </c>
    </row>
    <row r="13" spans="1:4" ht="18" customHeight="1" x14ac:dyDescent="0.15">
      <c r="A13" s="16">
        <v>7</v>
      </c>
      <c r="B13" s="29">
        <v>1</v>
      </c>
      <c r="C13" s="10">
        <v>7</v>
      </c>
      <c r="D13" s="9">
        <v>8</v>
      </c>
    </row>
    <row r="14" spans="1:4" ht="18" customHeight="1" x14ac:dyDescent="0.15">
      <c r="A14" s="16">
        <v>8</v>
      </c>
      <c r="B14" s="29">
        <v>8</v>
      </c>
      <c r="C14" s="10">
        <v>5</v>
      </c>
      <c r="D14" s="9">
        <v>13</v>
      </c>
    </row>
    <row r="15" spans="1:4" ht="18" customHeight="1" x14ac:dyDescent="0.15">
      <c r="A15" s="16">
        <v>9</v>
      </c>
      <c r="B15" s="29">
        <v>11</v>
      </c>
      <c r="C15" s="10">
        <v>2</v>
      </c>
      <c r="D15" s="9">
        <v>13</v>
      </c>
    </row>
    <row r="16" spans="1:4" ht="18" customHeight="1" x14ac:dyDescent="0.15">
      <c r="A16" s="8" t="s">
        <v>50</v>
      </c>
      <c r="B16" s="29">
        <v>31</v>
      </c>
      <c r="C16" s="10">
        <v>24</v>
      </c>
      <c r="D16" s="9">
        <v>55</v>
      </c>
    </row>
    <row r="17" spans="1:4" ht="18" customHeight="1" x14ac:dyDescent="0.15">
      <c r="A17" s="16">
        <v>10</v>
      </c>
      <c r="B17" s="29">
        <v>6</v>
      </c>
      <c r="C17" s="10">
        <v>8</v>
      </c>
      <c r="D17" s="9">
        <v>14</v>
      </c>
    </row>
    <row r="18" spans="1:4" ht="18" customHeight="1" x14ac:dyDescent="0.15">
      <c r="A18" s="16">
        <v>11</v>
      </c>
      <c r="B18" s="29">
        <v>7</v>
      </c>
      <c r="C18" s="10">
        <v>6</v>
      </c>
      <c r="D18" s="9">
        <v>13</v>
      </c>
    </row>
    <row r="19" spans="1:4" ht="18" customHeight="1" x14ac:dyDescent="0.15">
      <c r="A19" s="16">
        <v>12</v>
      </c>
      <c r="B19" s="29">
        <v>7</v>
      </c>
      <c r="C19" s="10">
        <v>6</v>
      </c>
      <c r="D19" s="9">
        <v>13</v>
      </c>
    </row>
    <row r="20" spans="1:4" ht="18" customHeight="1" x14ac:dyDescent="0.15">
      <c r="A20" s="16">
        <v>13</v>
      </c>
      <c r="B20" s="29">
        <v>1</v>
      </c>
      <c r="C20" s="10">
        <v>14</v>
      </c>
      <c r="D20" s="9">
        <v>15</v>
      </c>
    </row>
    <row r="21" spans="1:4" ht="18" customHeight="1" x14ac:dyDescent="0.15">
      <c r="A21" s="16">
        <v>14</v>
      </c>
      <c r="B21" s="29">
        <v>2</v>
      </c>
      <c r="C21" s="10">
        <v>10</v>
      </c>
      <c r="D21" s="9">
        <v>12</v>
      </c>
    </row>
    <row r="22" spans="1:4" ht="18" customHeight="1" x14ac:dyDescent="0.15">
      <c r="A22" s="8" t="s">
        <v>49</v>
      </c>
      <c r="B22" s="29">
        <v>23</v>
      </c>
      <c r="C22" s="10">
        <v>44</v>
      </c>
      <c r="D22" s="9">
        <v>67</v>
      </c>
    </row>
    <row r="23" spans="1:4" ht="18" customHeight="1" x14ac:dyDescent="0.15">
      <c r="A23" s="8" t="s">
        <v>65</v>
      </c>
      <c r="B23" s="29">
        <v>79</v>
      </c>
      <c r="C23" s="10">
        <v>90</v>
      </c>
      <c r="D23" s="9">
        <v>169</v>
      </c>
    </row>
    <row r="24" spans="1:4" ht="18" customHeight="1" x14ac:dyDescent="0.15">
      <c r="A24" s="16">
        <v>15</v>
      </c>
      <c r="B24" s="29">
        <v>5</v>
      </c>
      <c r="C24" s="10">
        <v>5</v>
      </c>
      <c r="D24" s="9">
        <v>10</v>
      </c>
    </row>
    <row r="25" spans="1:4" ht="18" customHeight="1" x14ac:dyDescent="0.15">
      <c r="A25" s="16">
        <v>16</v>
      </c>
      <c r="B25" s="29">
        <v>5</v>
      </c>
      <c r="C25" s="10">
        <v>6</v>
      </c>
      <c r="D25" s="9">
        <v>11</v>
      </c>
    </row>
    <row r="26" spans="1:4" ht="18" customHeight="1" x14ac:dyDescent="0.15">
      <c r="A26" s="16">
        <v>17</v>
      </c>
      <c r="B26" s="29">
        <v>13</v>
      </c>
      <c r="C26" s="10">
        <v>7</v>
      </c>
      <c r="D26" s="9">
        <v>20</v>
      </c>
    </row>
    <row r="27" spans="1:4" ht="18" customHeight="1" x14ac:dyDescent="0.15">
      <c r="A27" s="16">
        <v>18</v>
      </c>
      <c r="B27" s="29">
        <v>2</v>
      </c>
      <c r="C27" s="10">
        <v>8</v>
      </c>
      <c r="D27" s="9">
        <v>10</v>
      </c>
    </row>
    <row r="28" spans="1:4" ht="18" customHeight="1" x14ac:dyDescent="0.15">
      <c r="A28" s="16">
        <v>19</v>
      </c>
      <c r="B28" s="29">
        <v>9</v>
      </c>
      <c r="C28" s="10">
        <v>4</v>
      </c>
      <c r="D28" s="9">
        <v>13</v>
      </c>
    </row>
    <row r="29" spans="1:4" ht="18" customHeight="1" x14ac:dyDescent="0.15">
      <c r="A29" s="8" t="s">
        <v>64</v>
      </c>
      <c r="B29" s="29">
        <v>34</v>
      </c>
      <c r="C29" s="10">
        <v>30</v>
      </c>
      <c r="D29" s="9">
        <v>64</v>
      </c>
    </row>
    <row r="30" spans="1:4" ht="18" customHeight="1" x14ac:dyDescent="0.15">
      <c r="A30" s="16">
        <v>20</v>
      </c>
      <c r="B30" s="29">
        <v>6</v>
      </c>
      <c r="C30" s="10">
        <v>5</v>
      </c>
      <c r="D30" s="9">
        <v>11</v>
      </c>
    </row>
    <row r="31" spans="1:4" ht="18" customHeight="1" x14ac:dyDescent="0.15">
      <c r="A31" s="16">
        <v>21</v>
      </c>
      <c r="B31" s="29">
        <v>4</v>
      </c>
      <c r="C31" s="10">
        <v>5</v>
      </c>
      <c r="D31" s="9">
        <v>9</v>
      </c>
    </row>
    <row r="32" spans="1:4" ht="18" customHeight="1" x14ac:dyDescent="0.15">
      <c r="A32" s="16">
        <v>22</v>
      </c>
      <c r="B32" s="29">
        <v>8</v>
      </c>
      <c r="C32" s="10">
        <v>3</v>
      </c>
      <c r="D32" s="9">
        <v>11</v>
      </c>
    </row>
    <row r="33" spans="1:4" ht="18" customHeight="1" x14ac:dyDescent="0.15">
      <c r="A33" s="16">
        <v>23</v>
      </c>
      <c r="B33" s="29">
        <v>17</v>
      </c>
      <c r="C33" s="10">
        <v>8</v>
      </c>
      <c r="D33" s="9">
        <v>25</v>
      </c>
    </row>
    <row r="34" spans="1:4" ht="18" customHeight="1" x14ac:dyDescent="0.15">
      <c r="A34" s="16">
        <v>24</v>
      </c>
      <c r="B34" s="29">
        <v>8</v>
      </c>
      <c r="C34" s="10">
        <v>2</v>
      </c>
      <c r="D34" s="9">
        <v>10</v>
      </c>
    </row>
    <row r="35" spans="1:4" ht="18" customHeight="1" x14ac:dyDescent="0.15">
      <c r="A35" s="8" t="s">
        <v>63</v>
      </c>
      <c r="B35" s="29">
        <v>43</v>
      </c>
      <c r="C35" s="10">
        <v>23</v>
      </c>
      <c r="D35" s="9">
        <v>66</v>
      </c>
    </row>
    <row r="36" spans="1:4" ht="18" customHeight="1" x14ac:dyDescent="0.15">
      <c r="A36" s="16">
        <v>25</v>
      </c>
      <c r="B36" s="29">
        <v>5</v>
      </c>
      <c r="C36" s="10">
        <v>7</v>
      </c>
      <c r="D36" s="9">
        <v>12</v>
      </c>
    </row>
    <row r="37" spans="1:4" ht="18" customHeight="1" x14ac:dyDescent="0.15">
      <c r="A37" s="16">
        <v>26</v>
      </c>
      <c r="B37" s="29">
        <v>10</v>
      </c>
      <c r="C37" s="10">
        <v>7</v>
      </c>
      <c r="D37" s="9">
        <v>17</v>
      </c>
    </row>
    <row r="38" spans="1:4" ht="18" customHeight="1" x14ac:dyDescent="0.15">
      <c r="A38" s="16">
        <v>27</v>
      </c>
      <c r="B38" s="29">
        <v>11</v>
      </c>
      <c r="C38" s="10">
        <v>6</v>
      </c>
      <c r="D38" s="9">
        <v>17</v>
      </c>
    </row>
    <row r="39" spans="1:4" ht="18" customHeight="1" x14ac:dyDescent="0.15">
      <c r="A39" s="16">
        <v>28</v>
      </c>
      <c r="B39" s="29">
        <v>13</v>
      </c>
      <c r="C39" s="10">
        <v>6</v>
      </c>
      <c r="D39" s="9">
        <v>19</v>
      </c>
    </row>
    <row r="40" spans="1:4" ht="18" customHeight="1" x14ac:dyDescent="0.15">
      <c r="A40" s="16">
        <v>29</v>
      </c>
      <c r="B40" s="29">
        <v>10</v>
      </c>
      <c r="C40" s="10">
        <v>4</v>
      </c>
      <c r="D40" s="9">
        <v>14</v>
      </c>
    </row>
    <row r="41" spans="1:4" ht="18" customHeight="1" x14ac:dyDescent="0.15">
      <c r="A41" s="8" t="s">
        <v>62</v>
      </c>
      <c r="B41" s="29">
        <v>49</v>
      </c>
      <c r="C41" s="10">
        <v>30</v>
      </c>
      <c r="D41" s="9">
        <v>79</v>
      </c>
    </row>
    <row r="42" spans="1:4" ht="18" customHeight="1" x14ac:dyDescent="0.15">
      <c r="A42" s="16">
        <v>30</v>
      </c>
      <c r="B42" s="29">
        <v>10</v>
      </c>
      <c r="C42" s="10">
        <v>10</v>
      </c>
      <c r="D42" s="9">
        <v>20</v>
      </c>
    </row>
    <row r="43" spans="1:4" ht="18" customHeight="1" x14ac:dyDescent="0.15">
      <c r="A43" s="16">
        <v>31</v>
      </c>
      <c r="B43" s="29">
        <v>6</v>
      </c>
      <c r="C43" s="10">
        <v>11</v>
      </c>
      <c r="D43" s="9">
        <v>17</v>
      </c>
    </row>
    <row r="44" spans="1:4" ht="18" customHeight="1" x14ac:dyDescent="0.15">
      <c r="A44" s="16">
        <v>32</v>
      </c>
      <c r="B44" s="29">
        <v>10</v>
      </c>
      <c r="C44" s="10">
        <v>6</v>
      </c>
      <c r="D44" s="9">
        <v>16</v>
      </c>
    </row>
    <row r="45" spans="1:4" ht="18" customHeight="1" x14ac:dyDescent="0.15">
      <c r="A45" s="16">
        <v>33</v>
      </c>
      <c r="B45" s="29">
        <v>4</v>
      </c>
      <c r="C45" s="10">
        <v>7</v>
      </c>
      <c r="D45" s="9">
        <v>11</v>
      </c>
    </row>
    <row r="46" spans="1:4" ht="18" customHeight="1" x14ac:dyDescent="0.15">
      <c r="A46" s="16">
        <v>34</v>
      </c>
      <c r="B46" s="29">
        <v>7</v>
      </c>
      <c r="C46" s="10">
        <v>1</v>
      </c>
      <c r="D46" s="9">
        <v>8</v>
      </c>
    </row>
    <row r="47" spans="1:4" ht="18" customHeight="1" x14ac:dyDescent="0.15">
      <c r="A47" s="8" t="s">
        <v>61</v>
      </c>
      <c r="B47" s="29">
        <v>37</v>
      </c>
      <c r="C47" s="10">
        <v>35</v>
      </c>
      <c r="D47" s="9">
        <v>72</v>
      </c>
    </row>
    <row r="48" spans="1:4" ht="18" customHeight="1" x14ac:dyDescent="0.15">
      <c r="A48" s="16">
        <v>35</v>
      </c>
      <c r="B48" s="29">
        <v>8</v>
      </c>
      <c r="C48" s="10">
        <v>13</v>
      </c>
      <c r="D48" s="9">
        <v>21</v>
      </c>
    </row>
    <row r="49" spans="1:4" ht="18" customHeight="1" x14ac:dyDescent="0.15">
      <c r="A49" s="16">
        <v>36</v>
      </c>
      <c r="B49" s="29">
        <v>12</v>
      </c>
      <c r="C49" s="10">
        <v>10</v>
      </c>
      <c r="D49" s="9">
        <v>22</v>
      </c>
    </row>
    <row r="50" spans="1:4" ht="18" customHeight="1" x14ac:dyDescent="0.15">
      <c r="A50" s="16">
        <v>37</v>
      </c>
      <c r="B50" s="29">
        <v>12</v>
      </c>
      <c r="C50" s="10">
        <v>10</v>
      </c>
      <c r="D50" s="9">
        <v>22</v>
      </c>
    </row>
    <row r="51" spans="1:4" ht="18" customHeight="1" x14ac:dyDescent="0.15">
      <c r="A51" s="16">
        <v>38</v>
      </c>
      <c r="B51" s="29">
        <v>11</v>
      </c>
      <c r="C51" s="10">
        <v>15</v>
      </c>
      <c r="D51" s="9">
        <v>26</v>
      </c>
    </row>
    <row r="52" spans="1:4" ht="18" customHeight="1" x14ac:dyDescent="0.15">
      <c r="A52" s="16">
        <v>39</v>
      </c>
      <c r="B52" s="29">
        <v>8</v>
      </c>
      <c r="C52" s="10">
        <v>9</v>
      </c>
      <c r="D52" s="9">
        <v>17</v>
      </c>
    </row>
    <row r="53" spans="1:4" ht="18" customHeight="1" x14ac:dyDescent="0.15">
      <c r="A53" s="8" t="s">
        <v>60</v>
      </c>
      <c r="B53" s="29">
        <v>51</v>
      </c>
      <c r="C53" s="10">
        <v>57</v>
      </c>
      <c r="D53" s="9">
        <v>108</v>
      </c>
    </row>
    <row r="54" spans="1:4" ht="18" customHeight="1" x14ac:dyDescent="0.15">
      <c r="A54" s="16">
        <v>40</v>
      </c>
      <c r="B54" s="29">
        <v>3</v>
      </c>
      <c r="C54" s="10">
        <v>4</v>
      </c>
      <c r="D54" s="9">
        <v>7</v>
      </c>
    </row>
    <row r="55" spans="1:4" ht="18" customHeight="1" x14ac:dyDescent="0.15">
      <c r="A55" s="16">
        <v>41</v>
      </c>
      <c r="B55" s="29">
        <v>9</v>
      </c>
      <c r="C55" s="10">
        <v>7</v>
      </c>
      <c r="D55" s="9">
        <v>16</v>
      </c>
    </row>
    <row r="56" spans="1:4" ht="18" customHeight="1" x14ac:dyDescent="0.15">
      <c r="A56" s="16">
        <v>42</v>
      </c>
      <c r="B56" s="29">
        <v>11</v>
      </c>
      <c r="C56" s="10">
        <v>6</v>
      </c>
      <c r="D56" s="9">
        <v>17</v>
      </c>
    </row>
    <row r="57" spans="1:4" ht="18" customHeight="1" x14ac:dyDescent="0.15">
      <c r="A57" s="16">
        <v>43</v>
      </c>
      <c r="B57" s="29">
        <v>16</v>
      </c>
      <c r="C57" s="10">
        <v>18</v>
      </c>
      <c r="D57" s="9">
        <v>34</v>
      </c>
    </row>
    <row r="58" spans="1:4" ht="18" customHeight="1" x14ac:dyDescent="0.15">
      <c r="A58" s="16">
        <v>44</v>
      </c>
      <c r="B58" s="29">
        <v>15</v>
      </c>
      <c r="C58" s="10">
        <v>14</v>
      </c>
      <c r="D58" s="9">
        <v>29</v>
      </c>
    </row>
    <row r="59" spans="1:4" ht="18" customHeight="1" x14ac:dyDescent="0.15">
      <c r="A59" s="8" t="s">
        <v>46</v>
      </c>
      <c r="B59" s="29">
        <v>54</v>
      </c>
      <c r="C59" s="10">
        <v>49</v>
      </c>
      <c r="D59" s="9">
        <v>103</v>
      </c>
    </row>
    <row r="60" spans="1:4" ht="18" customHeight="1" x14ac:dyDescent="0.15">
      <c r="A60" s="16">
        <v>45</v>
      </c>
      <c r="B60" s="29">
        <v>15</v>
      </c>
      <c r="C60" s="10">
        <v>19</v>
      </c>
      <c r="D60" s="9">
        <v>34</v>
      </c>
    </row>
    <row r="61" spans="1:4" ht="18" customHeight="1" x14ac:dyDescent="0.15">
      <c r="A61" s="16">
        <v>46</v>
      </c>
      <c r="B61" s="29">
        <v>18</v>
      </c>
      <c r="C61" s="10">
        <v>18</v>
      </c>
      <c r="D61" s="9">
        <v>36</v>
      </c>
    </row>
    <row r="62" spans="1:4" ht="18" customHeight="1" x14ac:dyDescent="0.15">
      <c r="A62" s="16">
        <v>47</v>
      </c>
      <c r="B62" s="29">
        <v>21</v>
      </c>
      <c r="C62" s="10">
        <v>25</v>
      </c>
      <c r="D62" s="9">
        <v>46</v>
      </c>
    </row>
    <row r="63" spans="1:4" ht="18" customHeight="1" x14ac:dyDescent="0.15">
      <c r="A63" s="16">
        <v>48</v>
      </c>
      <c r="B63" s="29">
        <v>17</v>
      </c>
      <c r="C63" s="10">
        <v>18</v>
      </c>
      <c r="D63" s="9">
        <v>35</v>
      </c>
    </row>
    <row r="64" spans="1:4" ht="18" customHeight="1" x14ac:dyDescent="0.15">
      <c r="A64" s="16">
        <v>49</v>
      </c>
      <c r="B64" s="29">
        <v>18</v>
      </c>
      <c r="C64" s="10">
        <v>25</v>
      </c>
      <c r="D64" s="9">
        <v>43</v>
      </c>
    </row>
    <row r="65" spans="1:4" ht="18" customHeight="1" x14ac:dyDescent="0.15">
      <c r="A65" s="8" t="s">
        <v>59</v>
      </c>
      <c r="B65" s="29">
        <v>89</v>
      </c>
      <c r="C65" s="10">
        <v>105</v>
      </c>
      <c r="D65" s="9">
        <v>194</v>
      </c>
    </row>
    <row r="66" spans="1:4" ht="18" customHeight="1" x14ac:dyDescent="0.15">
      <c r="A66" s="16">
        <v>50</v>
      </c>
      <c r="B66" s="29">
        <v>14</v>
      </c>
      <c r="C66" s="10">
        <v>17</v>
      </c>
      <c r="D66" s="9">
        <v>31</v>
      </c>
    </row>
    <row r="67" spans="1:4" ht="18" customHeight="1" x14ac:dyDescent="0.15">
      <c r="A67" s="16">
        <v>51</v>
      </c>
      <c r="B67" s="29">
        <v>16</v>
      </c>
      <c r="C67" s="10">
        <v>17</v>
      </c>
      <c r="D67" s="9">
        <v>33</v>
      </c>
    </row>
    <row r="68" spans="1:4" ht="18" customHeight="1" x14ac:dyDescent="0.15">
      <c r="A68" s="16">
        <v>52</v>
      </c>
      <c r="B68" s="29">
        <v>16</v>
      </c>
      <c r="C68" s="10">
        <v>13</v>
      </c>
      <c r="D68" s="9">
        <v>29</v>
      </c>
    </row>
    <row r="69" spans="1:4" ht="18" customHeight="1" x14ac:dyDescent="0.15">
      <c r="A69" s="16">
        <v>53</v>
      </c>
      <c r="B69" s="29">
        <v>13</v>
      </c>
      <c r="C69" s="10">
        <v>15</v>
      </c>
      <c r="D69" s="9">
        <v>28</v>
      </c>
    </row>
    <row r="70" spans="1:4" ht="18" customHeight="1" x14ac:dyDescent="0.15">
      <c r="A70" s="16">
        <v>54</v>
      </c>
      <c r="B70" s="29">
        <v>18</v>
      </c>
      <c r="C70" s="10">
        <v>10</v>
      </c>
      <c r="D70" s="9">
        <v>28</v>
      </c>
    </row>
    <row r="71" spans="1:4" ht="18" customHeight="1" x14ac:dyDescent="0.15">
      <c r="A71" s="8" t="s">
        <v>58</v>
      </c>
      <c r="B71" s="29">
        <v>77</v>
      </c>
      <c r="C71" s="10">
        <v>72</v>
      </c>
      <c r="D71" s="9">
        <v>149</v>
      </c>
    </row>
    <row r="72" spans="1:4" ht="18" customHeight="1" x14ac:dyDescent="0.15">
      <c r="A72" s="16">
        <v>55</v>
      </c>
      <c r="B72" s="29">
        <v>21</v>
      </c>
      <c r="C72" s="10">
        <v>12</v>
      </c>
      <c r="D72" s="9">
        <v>33</v>
      </c>
    </row>
    <row r="73" spans="1:4" ht="18" customHeight="1" x14ac:dyDescent="0.15">
      <c r="A73" s="16">
        <v>56</v>
      </c>
      <c r="B73" s="29">
        <v>8</v>
      </c>
      <c r="C73" s="10">
        <v>11</v>
      </c>
      <c r="D73" s="9">
        <v>19</v>
      </c>
    </row>
    <row r="74" spans="1:4" ht="18" customHeight="1" x14ac:dyDescent="0.15">
      <c r="A74" s="16">
        <v>57</v>
      </c>
      <c r="B74" s="29">
        <v>11</v>
      </c>
      <c r="C74" s="10">
        <v>12</v>
      </c>
      <c r="D74" s="9">
        <v>23</v>
      </c>
    </row>
    <row r="75" spans="1:4" ht="18" customHeight="1" x14ac:dyDescent="0.15">
      <c r="A75" s="16">
        <v>58</v>
      </c>
      <c r="B75" s="29">
        <v>8</v>
      </c>
      <c r="C75" s="10">
        <v>13</v>
      </c>
      <c r="D75" s="9">
        <v>21</v>
      </c>
    </row>
    <row r="76" spans="1:4" ht="18" customHeight="1" x14ac:dyDescent="0.15">
      <c r="A76" s="16">
        <v>59</v>
      </c>
      <c r="B76" s="29">
        <v>10</v>
      </c>
      <c r="C76" s="10">
        <v>13</v>
      </c>
      <c r="D76" s="9">
        <v>23</v>
      </c>
    </row>
    <row r="77" spans="1:4" ht="18" customHeight="1" x14ac:dyDescent="0.15">
      <c r="A77" s="8" t="s">
        <v>57</v>
      </c>
      <c r="B77" s="29">
        <v>58</v>
      </c>
      <c r="C77" s="10">
        <v>61</v>
      </c>
      <c r="D77" s="9">
        <v>119</v>
      </c>
    </row>
    <row r="78" spans="1:4" ht="18" customHeight="1" x14ac:dyDescent="0.15">
      <c r="A78" s="16">
        <v>60</v>
      </c>
      <c r="B78" s="29">
        <v>11</v>
      </c>
      <c r="C78" s="10">
        <v>11</v>
      </c>
      <c r="D78" s="9">
        <v>22</v>
      </c>
    </row>
    <row r="79" spans="1:4" ht="18" customHeight="1" x14ac:dyDescent="0.15">
      <c r="A79" s="16">
        <v>61</v>
      </c>
      <c r="B79" s="29">
        <v>9</v>
      </c>
      <c r="C79" s="10">
        <v>8</v>
      </c>
      <c r="D79" s="9">
        <v>17</v>
      </c>
    </row>
    <row r="80" spans="1:4" ht="18" customHeight="1" x14ac:dyDescent="0.15">
      <c r="A80" s="16">
        <v>62</v>
      </c>
      <c r="B80" s="29">
        <v>7</v>
      </c>
      <c r="C80" s="10">
        <v>7</v>
      </c>
      <c r="D80" s="9">
        <v>14</v>
      </c>
    </row>
    <row r="81" spans="1:4" ht="18" customHeight="1" x14ac:dyDescent="0.15">
      <c r="A81" s="16">
        <v>63</v>
      </c>
      <c r="B81" s="29">
        <v>8</v>
      </c>
      <c r="C81" s="10">
        <v>9</v>
      </c>
      <c r="D81" s="9">
        <v>17</v>
      </c>
    </row>
    <row r="82" spans="1:4" ht="18" customHeight="1" x14ac:dyDescent="0.15">
      <c r="A82" s="16">
        <v>64</v>
      </c>
      <c r="B82" s="29">
        <v>8</v>
      </c>
      <c r="C82" s="10">
        <v>13</v>
      </c>
      <c r="D82" s="9">
        <v>21</v>
      </c>
    </row>
    <row r="83" spans="1:4" ht="18" customHeight="1" x14ac:dyDescent="0.15">
      <c r="A83" s="8" t="s">
        <v>44</v>
      </c>
      <c r="B83" s="29">
        <v>43</v>
      </c>
      <c r="C83" s="10">
        <v>48</v>
      </c>
      <c r="D83" s="9">
        <v>91</v>
      </c>
    </row>
    <row r="84" spans="1:4" ht="18" customHeight="1" x14ac:dyDescent="0.15">
      <c r="A84" s="8" t="s">
        <v>43</v>
      </c>
      <c r="B84" s="29">
        <v>535</v>
      </c>
      <c r="C84" s="10">
        <v>510</v>
      </c>
      <c r="D84" s="9">
        <v>1045</v>
      </c>
    </row>
    <row r="85" spans="1:4" ht="18" customHeight="1" x14ac:dyDescent="0.15">
      <c r="A85" s="16">
        <v>65</v>
      </c>
      <c r="B85" s="29">
        <v>8</v>
      </c>
      <c r="C85" s="10">
        <v>11</v>
      </c>
      <c r="D85" s="9">
        <v>19</v>
      </c>
    </row>
    <row r="86" spans="1:4" ht="18" customHeight="1" x14ac:dyDescent="0.15">
      <c r="A86" s="16">
        <v>66</v>
      </c>
      <c r="B86" s="29">
        <v>10</v>
      </c>
      <c r="C86" s="10">
        <v>8</v>
      </c>
      <c r="D86" s="9">
        <v>18</v>
      </c>
    </row>
    <row r="87" spans="1:4" ht="18" customHeight="1" x14ac:dyDescent="0.15">
      <c r="A87" s="16">
        <v>67</v>
      </c>
      <c r="B87" s="29">
        <v>10</v>
      </c>
      <c r="C87" s="10">
        <v>12</v>
      </c>
      <c r="D87" s="9">
        <v>22</v>
      </c>
    </row>
    <row r="88" spans="1:4" ht="18" customHeight="1" x14ac:dyDescent="0.15">
      <c r="A88" s="16">
        <v>68</v>
      </c>
      <c r="B88" s="29">
        <v>6</v>
      </c>
      <c r="C88" s="10">
        <v>10</v>
      </c>
      <c r="D88" s="9">
        <v>16</v>
      </c>
    </row>
    <row r="89" spans="1:4" ht="18" customHeight="1" x14ac:dyDescent="0.15">
      <c r="A89" s="16">
        <v>69</v>
      </c>
      <c r="B89" s="29">
        <v>6</v>
      </c>
      <c r="C89" s="10">
        <v>14</v>
      </c>
      <c r="D89" s="9">
        <v>20</v>
      </c>
    </row>
    <row r="90" spans="1:4" ht="18" customHeight="1" x14ac:dyDescent="0.15">
      <c r="A90" s="8" t="s">
        <v>42</v>
      </c>
      <c r="B90" s="29">
        <v>40</v>
      </c>
      <c r="C90" s="10">
        <v>55</v>
      </c>
      <c r="D90" s="9">
        <v>95</v>
      </c>
    </row>
    <row r="91" spans="1:4" ht="18" customHeight="1" x14ac:dyDescent="0.15">
      <c r="A91" s="16">
        <v>70</v>
      </c>
      <c r="B91" s="29">
        <v>10</v>
      </c>
      <c r="C91" s="10">
        <v>13</v>
      </c>
      <c r="D91" s="9">
        <v>23</v>
      </c>
    </row>
    <row r="92" spans="1:4" ht="18" customHeight="1" x14ac:dyDescent="0.15">
      <c r="A92" s="16">
        <v>71</v>
      </c>
      <c r="B92" s="29">
        <v>10</v>
      </c>
      <c r="C92" s="10">
        <v>7</v>
      </c>
      <c r="D92" s="9">
        <v>17</v>
      </c>
    </row>
    <row r="93" spans="1:4" ht="18" customHeight="1" x14ac:dyDescent="0.15">
      <c r="A93" s="16">
        <v>72</v>
      </c>
      <c r="B93" s="29">
        <v>11</v>
      </c>
      <c r="C93" s="10">
        <v>13</v>
      </c>
      <c r="D93" s="9">
        <v>24</v>
      </c>
    </row>
    <row r="94" spans="1:4" ht="18" customHeight="1" x14ac:dyDescent="0.15">
      <c r="A94" s="16">
        <v>73</v>
      </c>
      <c r="B94" s="29">
        <v>14</v>
      </c>
      <c r="C94" s="10">
        <v>15</v>
      </c>
      <c r="D94" s="9">
        <v>29</v>
      </c>
    </row>
    <row r="95" spans="1:4" ht="18" customHeight="1" x14ac:dyDescent="0.15">
      <c r="A95" s="16">
        <v>74</v>
      </c>
      <c r="B95" s="29">
        <v>10</v>
      </c>
      <c r="C95" s="10">
        <v>18</v>
      </c>
      <c r="D95" s="9">
        <v>28</v>
      </c>
    </row>
    <row r="96" spans="1:4" ht="18" customHeight="1" x14ac:dyDescent="0.15">
      <c r="A96" s="8" t="s">
        <v>56</v>
      </c>
      <c r="B96" s="29">
        <v>55</v>
      </c>
      <c r="C96" s="10">
        <v>66</v>
      </c>
      <c r="D96" s="9">
        <v>121</v>
      </c>
    </row>
    <row r="97" spans="1:4" ht="18" customHeight="1" x14ac:dyDescent="0.15">
      <c r="A97" s="16">
        <v>75</v>
      </c>
      <c r="B97" s="29">
        <v>15</v>
      </c>
      <c r="C97" s="10">
        <v>19</v>
      </c>
      <c r="D97" s="9">
        <v>34</v>
      </c>
    </row>
    <row r="98" spans="1:4" ht="18" customHeight="1" x14ac:dyDescent="0.15">
      <c r="A98" s="16">
        <v>76</v>
      </c>
      <c r="B98" s="29">
        <v>12</v>
      </c>
      <c r="C98" s="10">
        <v>13</v>
      </c>
      <c r="D98" s="9">
        <v>25</v>
      </c>
    </row>
    <row r="99" spans="1:4" ht="18" customHeight="1" x14ac:dyDescent="0.15">
      <c r="A99" s="16">
        <v>77</v>
      </c>
      <c r="B99" s="29">
        <v>7</v>
      </c>
      <c r="C99" s="10">
        <v>13</v>
      </c>
      <c r="D99" s="9">
        <v>20</v>
      </c>
    </row>
    <row r="100" spans="1:4" ht="18" customHeight="1" x14ac:dyDescent="0.15">
      <c r="A100" s="16">
        <v>78</v>
      </c>
      <c r="B100" s="29">
        <v>4</v>
      </c>
      <c r="C100" s="10">
        <v>14</v>
      </c>
      <c r="D100" s="9">
        <v>18</v>
      </c>
    </row>
    <row r="101" spans="1:4" ht="18" customHeight="1" x14ac:dyDescent="0.15">
      <c r="A101" s="16">
        <v>79</v>
      </c>
      <c r="B101" s="29">
        <v>6</v>
      </c>
      <c r="C101" s="10">
        <v>13</v>
      </c>
      <c r="D101" s="9">
        <v>19</v>
      </c>
    </row>
    <row r="102" spans="1:4" ht="18" customHeight="1" x14ac:dyDescent="0.15">
      <c r="A102" s="8" t="s">
        <v>55</v>
      </c>
      <c r="B102" s="29">
        <v>44</v>
      </c>
      <c r="C102" s="10">
        <v>72</v>
      </c>
      <c r="D102" s="9">
        <v>116</v>
      </c>
    </row>
    <row r="103" spans="1:4" ht="18" customHeight="1" x14ac:dyDescent="0.15">
      <c r="A103" s="16">
        <v>80</v>
      </c>
      <c r="B103" s="29">
        <v>10</v>
      </c>
      <c r="C103" s="10">
        <v>12</v>
      </c>
      <c r="D103" s="9">
        <v>22</v>
      </c>
    </row>
    <row r="104" spans="1:4" ht="18" customHeight="1" x14ac:dyDescent="0.15">
      <c r="A104" s="16">
        <v>81</v>
      </c>
      <c r="B104" s="29">
        <v>6</v>
      </c>
      <c r="C104" s="10">
        <v>20</v>
      </c>
      <c r="D104" s="9">
        <v>26</v>
      </c>
    </row>
    <row r="105" spans="1:4" ht="18" customHeight="1" x14ac:dyDescent="0.15">
      <c r="A105" s="16">
        <v>82</v>
      </c>
      <c r="B105" s="29">
        <v>11</v>
      </c>
      <c r="C105" s="10">
        <v>16</v>
      </c>
      <c r="D105" s="9">
        <v>27</v>
      </c>
    </row>
    <row r="106" spans="1:4" ht="18" customHeight="1" x14ac:dyDescent="0.15">
      <c r="A106" s="16">
        <v>83</v>
      </c>
      <c r="B106" s="29">
        <v>10</v>
      </c>
      <c r="C106" s="10">
        <v>15</v>
      </c>
      <c r="D106" s="9">
        <v>25</v>
      </c>
    </row>
    <row r="107" spans="1:4" ht="18" customHeight="1" x14ac:dyDescent="0.15">
      <c r="A107" s="16">
        <v>84</v>
      </c>
      <c r="B107" s="29">
        <v>5</v>
      </c>
      <c r="C107" s="10">
        <v>3</v>
      </c>
      <c r="D107" s="9">
        <v>8</v>
      </c>
    </row>
    <row r="108" spans="1:4" ht="18" customHeight="1" x14ac:dyDescent="0.15">
      <c r="A108" s="8" t="s">
        <v>39</v>
      </c>
      <c r="B108" s="29">
        <v>42</v>
      </c>
      <c r="C108" s="10">
        <v>66</v>
      </c>
      <c r="D108" s="9">
        <v>108</v>
      </c>
    </row>
    <row r="109" spans="1:4" ht="18" customHeight="1" x14ac:dyDescent="0.15">
      <c r="A109" s="16">
        <v>85</v>
      </c>
      <c r="B109" s="29">
        <v>7</v>
      </c>
      <c r="C109" s="10">
        <v>6</v>
      </c>
      <c r="D109" s="9">
        <v>13</v>
      </c>
    </row>
    <row r="110" spans="1:4" ht="18" customHeight="1" x14ac:dyDescent="0.15">
      <c r="A110" s="16">
        <v>86</v>
      </c>
      <c r="B110" s="29">
        <v>6</v>
      </c>
      <c r="C110" s="10">
        <v>5</v>
      </c>
      <c r="D110" s="9">
        <v>11</v>
      </c>
    </row>
    <row r="111" spans="1:4" ht="18" customHeight="1" x14ac:dyDescent="0.15">
      <c r="A111" s="16">
        <v>87</v>
      </c>
      <c r="B111" s="29">
        <v>4</v>
      </c>
      <c r="C111" s="10">
        <v>8</v>
      </c>
      <c r="D111" s="9">
        <v>12</v>
      </c>
    </row>
    <row r="112" spans="1:4" ht="18" customHeight="1" x14ac:dyDescent="0.15">
      <c r="A112" s="16">
        <v>88</v>
      </c>
      <c r="B112" s="29">
        <v>4</v>
      </c>
      <c r="C112" s="10">
        <v>7</v>
      </c>
      <c r="D112" s="9">
        <v>11</v>
      </c>
    </row>
    <row r="113" spans="1:4" ht="18" customHeight="1" x14ac:dyDescent="0.15">
      <c r="A113" s="16">
        <v>89</v>
      </c>
      <c r="B113" s="29">
        <v>2</v>
      </c>
      <c r="C113" s="10">
        <v>11</v>
      </c>
      <c r="D113" s="9">
        <v>13</v>
      </c>
    </row>
    <row r="114" spans="1:4" ht="18" customHeight="1" x14ac:dyDescent="0.15">
      <c r="A114" s="8" t="s">
        <v>38</v>
      </c>
      <c r="B114" s="29">
        <v>23</v>
      </c>
      <c r="C114" s="10">
        <v>37</v>
      </c>
      <c r="D114" s="9">
        <v>60</v>
      </c>
    </row>
    <row r="115" spans="1:4" ht="18" customHeight="1" x14ac:dyDescent="0.15">
      <c r="A115" s="16">
        <v>90</v>
      </c>
      <c r="B115" s="29">
        <v>2</v>
      </c>
      <c r="C115" s="10">
        <v>7</v>
      </c>
      <c r="D115" s="9">
        <v>9</v>
      </c>
    </row>
    <row r="116" spans="1:4" ht="18" customHeight="1" x14ac:dyDescent="0.15">
      <c r="A116" s="16">
        <v>91</v>
      </c>
      <c r="B116" s="29">
        <v>1</v>
      </c>
      <c r="C116" s="10">
        <v>7</v>
      </c>
      <c r="D116" s="9">
        <v>8</v>
      </c>
    </row>
    <row r="117" spans="1:4" ht="18" customHeight="1" x14ac:dyDescent="0.15">
      <c r="A117" s="16">
        <v>92</v>
      </c>
      <c r="B117" s="29">
        <v>2</v>
      </c>
      <c r="C117" s="10">
        <v>1</v>
      </c>
      <c r="D117" s="9">
        <v>3</v>
      </c>
    </row>
    <row r="118" spans="1:4" ht="18" customHeight="1" x14ac:dyDescent="0.15">
      <c r="A118" s="16">
        <v>93</v>
      </c>
      <c r="B118" s="29">
        <v>2</v>
      </c>
      <c r="C118" s="10">
        <v>8</v>
      </c>
      <c r="D118" s="9">
        <v>10</v>
      </c>
    </row>
    <row r="119" spans="1:4" ht="18" customHeight="1" x14ac:dyDescent="0.15">
      <c r="A119" s="16">
        <v>94</v>
      </c>
      <c r="B119" s="29">
        <v>1</v>
      </c>
      <c r="C119" s="10">
        <v>4</v>
      </c>
      <c r="D119" s="9">
        <v>5</v>
      </c>
    </row>
    <row r="120" spans="1:4" ht="18" customHeight="1" x14ac:dyDescent="0.15">
      <c r="A120" s="8" t="s">
        <v>54</v>
      </c>
      <c r="B120" s="29">
        <v>8</v>
      </c>
      <c r="C120" s="10">
        <v>27</v>
      </c>
      <c r="D120" s="9">
        <v>35</v>
      </c>
    </row>
    <row r="121" spans="1:4" ht="18" customHeight="1" x14ac:dyDescent="0.15">
      <c r="A121" s="16">
        <v>95</v>
      </c>
      <c r="B121" s="29">
        <v>0</v>
      </c>
      <c r="C121" s="10">
        <v>7</v>
      </c>
      <c r="D121" s="9">
        <v>7</v>
      </c>
    </row>
    <row r="122" spans="1:4" ht="18" customHeight="1" x14ac:dyDescent="0.15">
      <c r="A122" s="16">
        <v>96</v>
      </c>
      <c r="B122" s="29">
        <v>2</v>
      </c>
      <c r="C122" s="10">
        <v>1</v>
      </c>
      <c r="D122" s="9">
        <v>3</v>
      </c>
    </row>
    <row r="123" spans="1:4" ht="18" customHeight="1" x14ac:dyDescent="0.15">
      <c r="A123" s="16">
        <v>97</v>
      </c>
      <c r="B123" s="29">
        <v>0</v>
      </c>
      <c r="C123" s="10">
        <v>2</v>
      </c>
      <c r="D123" s="9">
        <v>2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1</v>
      </c>
      <c r="C125" s="10">
        <v>1</v>
      </c>
      <c r="D125" s="9">
        <v>2</v>
      </c>
    </row>
    <row r="126" spans="1:4" ht="18" customHeight="1" x14ac:dyDescent="0.15">
      <c r="A126" s="8" t="s">
        <v>53</v>
      </c>
      <c r="B126" s="29">
        <v>3</v>
      </c>
      <c r="C126" s="10">
        <v>15</v>
      </c>
      <c r="D126" s="9">
        <v>18</v>
      </c>
    </row>
    <row r="127" spans="1:4" ht="18" customHeight="1" x14ac:dyDescent="0.15">
      <c r="A127" s="16">
        <v>100</v>
      </c>
      <c r="B127" s="29">
        <v>0</v>
      </c>
      <c r="C127" s="10">
        <v>0</v>
      </c>
      <c r="D127" s="9">
        <v>0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0</v>
      </c>
      <c r="D129" s="9">
        <v>0</v>
      </c>
    </row>
    <row r="130" spans="1:4" ht="18" customHeight="1" x14ac:dyDescent="0.15">
      <c r="A130" s="8" t="s">
        <v>52</v>
      </c>
      <c r="B130" s="28">
        <v>215</v>
      </c>
      <c r="C130" s="6">
        <v>338</v>
      </c>
      <c r="D130" s="5">
        <v>553</v>
      </c>
    </row>
    <row r="131" spans="1:4" ht="18" customHeight="1" x14ac:dyDescent="0.15">
      <c r="A131" s="4" t="s">
        <v>0</v>
      </c>
      <c r="B131" s="27">
        <v>829</v>
      </c>
      <c r="C131" s="2">
        <v>938</v>
      </c>
      <c r="D131" s="1">
        <v>176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2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28</v>
      </c>
      <c r="C5" s="18">
        <v>35</v>
      </c>
      <c r="D5" s="17">
        <v>63</v>
      </c>
    </row>
    <row r="6" spans="1:4" ht="18" customHeight="1" x14ac:dyDescent="0.15">
      <c r="A6" s="16">
        <v>1</v>
      </c>
      <c r="B6" s="29">
        <v>40</v>
      </c>
      <c r="C6" s="10">
        <v>39</v>
      </c>
      <c r="D6" s="9">
        <v>79</v>
      </c>
    </row>
    <row r="7" spans="1:4" ht="18" customHeight="1" x14ac:dyDescent="0.15">
      <c r="A7" s="16">
        <v>2</v>
      </c>
      <c r="B7" s="29">
        <v>41</v>
      </c>
      <c r="C7" s="10">
        <v>34</v>
      </c>
      <c r="D7" s="9">
        <v>75</v>
      </c>
    </row>
    <row r="8" spans="1:4" ht="18" customHeight="1" x14ac:dyDescent="0.15">
      <c r="A8" s="16">
        <v>3</v>
      </c>
      <c r="B8" s="29">
        <v>42</v>
      </c>
      <c r="C8" s="10">
        <v>35</v>
      </c>
      <c r="D8" s="9">
        <v>77</v>
      </c>
    </row>
    <row r="9" spans="1:4" ht="18" customHeight="1" x14ac:dyDescent="0.15">
      <c r="A9" s="16">
        <v>4</v>
      </c>
      <c r="B9" s="29">
        <v>29</v>
      </c>
      <c r="C9" s="10">
        <v>44</v>
      </c>
      <c r="D9" s="9">
        <v>73</v>
      </c>
    </row>
    <row r="10" spans="1:4" ht="18" customHeight="1" x14ac:dyDescent="0.15">
      <c r="A10" s="8" t="s">
        <v>76</v>
      </c>
      <c r="B10" s="29">
        <v>180</v>
      </c>
      <c r="C10" s="10">
        <v>187</v>
      </c>
      <c r="D10" s="9">
        <v>367</v>
      </c>
    </row>
    <row r="11" spans="1:4" ht="18" customHeight="1" x14ac:dyDescent="0.15">
      <c r="A11" s="16">
        <v>5</v>
      </c>
      <c r="B11" s="29">
        <v>37</v>
      </c>
      <c r="C11" s="10">
        <v>34</v>
      </c>
      <c r="D11" s="9">
        <v>71</v>
      </c>
    </row>
    <row r="12" spans="1:4" ht="18" customHeight="1" x14ac:dyDescent="0.15">
      <c r="A12" s="16">
        <v>6</v>
      </c>
      <c r="B12" s="29">
        <v>35</v>
      </c>
      <c r="C12" s="10">
        <v>29</v>
      </c>
      <c r="D12" s="9">
        <v>64</v>
      </c>
    </row>
    <row r="13" spans="1:4" ht="18" customHeight="1" x14ac:dyDescent="0.15">
      <c r="A13" s="16">
        <v>7</v>
      </c>
      <c r="B13" s="29">
        <v>37</v>
      </c>
      <c r="C13" s="10">
        <v>53</v>
      </c>
      <c r="D13" s="9">
        <v>90</v>
      </c>
    </row>
    <row r="14" spans="1:4" ht="18" customHeight="1" x14ac:dyDescent="0.15">
      <c r="A14" s="16">
        <v>8</v>
      </c>
      <c r="B14" s="29">
        <v>42</v>
      </c>
      <c r="C14" s="10">
        <v>40</v>
      </c>
      <c r="D14" s="9">
        <v>82</v>
      </c>
    </row>
    <row r="15" spans="1:4" ht="18" customHeight="1" x14ac:dyDescent="0.15">
      <c r="A15" s="16">
        <v>9</v>
      </c>
      <c r="B15" s="29">
        <v>35</v>
      </c>
      <c r="C15" s="10">
        <v>29</v>
      </c>
      <c r="D15" s="9">
        <v>64</v>
      </c>
    </row>
    <row r="16" spans="1:4" ht="18" customHeight="1" x14ac:dyDescent="0.15">
      <c r="A16" s="8" t="s">
        <v>106</v>
      </c>
      <c r="B16" s="29">
        <v>186</v>
      </c>
      <c r="C16" s="10">
        <v>185</v>
      </c>
      <c r="D16" s="9">
        <v>371</v>
      </c>
    </row>
    <row r="17" spans="1:4" ht="18" customHeight="1" x14ac:dyDescent="0.15">
      <c r="A17" s="16">
        <v>10</v>
      </c>
      <c r="B17" s="29">
        <v>46</v>
      </c>
      <c r="C17" s="10">
        <v>39</v>
      </c>
      <c r="D17" s="9">
        <v>85</v>
      </c>
    </row>
    <row r="18" spans="1:4" ht="18" customHeight="1" x14ac:dyDescent="0.15">
      <c r="A18" s="16">
        <v>11</v>
      </c>
      <c r="B18" s="29">
        <v>49</v>
      </c>
      <c r="C18" s="10">
        <v>35</v>
      </c>
      <c r="D18" s="9">
        <v>84</v>
      </c>
    </row>
    <row r="19" spans="1:4" ht="18" customHeight="1" x14ac:dyDescent="0.15">
      <c r="A19" s="16">
        <v>12</v>
      </c>
      <c r="B19" s="29">
        <v>49</v>
      </c>
      <c r="C19" s="10">
        <v>40</v>
      </c>
      <c r="D19" s="9">
        <v>89</v>
      </c>
    </row>
    <row r="20" spans="1:4" ht="18" customHeight="1" x14ac:dyDescent="0.15">
      <c r="A20" s="16">
        <v>13</v>
      </c>
      <c r="B20" s="29">
        <v>53</v>
      </c>
      <c r="C20" s="10">
        <v>37</v>
      </c>
      <c r="D20" s="9">
        <v>90</v>
      </c>
    </row>
    <row r="21" spans="1:4" ht="18" customHeight="1" x14ac:dyDescent="0.15">
      <c r="A21" s="16">
        <v>14</v>
      </c>
      <c r="B21" s="29">
        <v>44</v>
      </c>
      <c r="C21" s="10">
        <v>38</v>
      </c>
      <c r="D21" s="9">
        <v>82</v>
      </c>
    </row>
    <row r="22" spans="1:4" ht="18" customHeight="1" x14ac:dyDescent="0.15">
      <c r="A22" s="8" t="s">
        <v>220</v>
      </c>
      <c r="B22" s="29">
        <v>241</v>
      </c>
      <c r="C22" s="10">
        <v>189</v>
      </c>
      <c r="D22" s="9">
        <v>430</v>
      </c>
    </row>
    <row r="23" spans="1:4" ht="18" customHeight="1" x14ac:dyDescent="0.15">
      <c r="A23" s="8" t="s">
        <v>219</v>
      </c>
      <c r="B23" s="29">
        <v>607</v>
      </c>
      <c r="C23" s="10">
        <v>561</v>
      </c>
      <c r="D23" s="9">
        <v>1168</v>
      </c>
    </row>
    <row r="24" spans="1:4" ht="18" customHeight="1" x14ac:dyDescent="0.15">
      <c r="A24" s="16">
        <v>15</v>
      </c>
      <c r="B24" s="29">
        <v>50</v>
      </c>
      <c r="C24" s="10">
        <v>35</v>
      </c>
      <c r="D24" s="9">
        <v>85</v>
      </c>
    </row>
    <row r="25" spans="1:4" ht="18" customHeight="1" x14ac:dyDescent="0.15">
      <c r="A25" s="16">
        <v>16</v>
      </c>
      <c r="B25" s="29">
        <v>47</v>
      </c>
      <c r="C25" s="10">
        <v>47</v>
      </c>
      <c r="D25" s="9">
        <v>94</v>
      </c>
    </row>
    <row r="26" spans="1:4" ht="18" customHeight="1" x14ac:dyDescent="0.15">
      <c r="A26" s="16">
        <v>17</v>
      </c>
      <c r="B26" s="29">
        <v>41</v>
      </c>
      <c r="C26" s="10">
        <v>41</v>
      </c>
      <c r="D26" s="9">
        <v>82</v>
      </c>
    </row>
    <row r="27" spans="1:4" ht="18" customHeight="1" x14ac:dyDescent="0.15">
      <c r="A27" s="16">
        <v>18</v>
      </c>
      <c r="B27" s="29">
        <v>47</v>
      </c>
      <c r="C27" s="10">
        <v>34</v>
      </c>
      <c r="D27" s="9">
        <v>81</v>
      </c>
    </row>
    <row r="28" spans="1:4" ht="18" customHeight="1" x14ac:dyDescent="0.15">
      <c r="A28" s="16">
        <v>19</v>
      </c>
      <c r="B28" s="29">
        <v>56</v>
      </c>
      <c r="C28" s="10">
        <v>37</v>
      </c>
      <c r="D28" s="9">
        <v>93</v>
      </c>
    </row>
    <row r="29" spans="1:4" ht="18" customHeight="1" x14ac:dyDescent="0.15">
      <c r="A29" s="8" t="s">
        <v>48</v>
      </c>
      <c r="B29" s="29">
        <v>241</v>
      </c>
      <c r="C29" s="10">
        <v>194</v>
      </c>
      <c r="D29" s="9">
        <v>435</v>
      </c>
    </row>
    <row r="30" spans="1:4" ht="18" customHeight="1" x14ac:dyDescent="0.15">
      <c r="A30" s="16">
        <v>20</v>
      </c>
      <c r="B30" s="29">
        <v>36</v>
      </c>
      <c r="C30" s="10">
        <v>41</v>
      </c>
      <c r="D30" s="9">
        <v>77</v>
      </c>
    </row>
    <row r="31" spans="1:4" ht="18" customHeight="1" x14ac:dyDescent="0.15">
      <c r="A31" s="16">
        <v>21</v>
      </c>
      <c r="B31" s="29">
        <v>60</v>
      </c>
      <c r="C31" s="10">
        <v>47</v>
      </c>
      <c r="D31" s="9">
        <v>107</v>
      </c>
    </row>
    <row r="32" spans="1:4" ht="18" customHeight="1" x14ac:dyDescent="0.15">
      <c r="A32" s="16">
        <v>22</v>
      </c>
      <c r="B32" s="29">
        <v>60</v>
      </c>
      <c r="C32" s="10">
        <v>50</v>
      </c>
      <c r="D32" s="9">
        <v>110</v>
      </c>
    </row>
    <row r="33" spans="1:4" ht="18" customHeight="1" x14ac:dyDescent="0.15">
      <c r="A33" s="16">
        <v>23</v>
      </c>
      <c r="B33" s="29">
        <v>78</v>
      </c>
      <c r="C33" s="10">
        <v>47</v>
      </c>
      <c r="D33" s="9">
        <v>125</v>
      </c>
    </row>
    <row r="34" spans="1:4" ht="18" customHeight="1" x14ac:dyDescent="0.15">
      <c r="A34" s="16">
        <v>24</v>
      </c>
      <c r="B34" s="29">
        <v>44</v>
      </c>
      <c r="C34" s="10">
        <v>41</v>
      </c>
      <c r="D34" s="9">
        <v>85</v>
      </c>
    </row>
    <row r="35" spans="1:4" ht="18" customHeight="1" x14ac:dyDescent="0.15">
      <c r="A35" s="8" t="s">
        <v>218</v>
      </c>
      <c r="B35" s="29">
        <v>278</v>
      </c>
      <c r="C35" s="10">
        <v>226</v>
      </c>
      <c r="D35" s="9">
        <v>504</v>
      </c>
    </row>
    <row r="36" spans="1:4" ht="18" customHeight="1" x14ac:dyDescent="0.15">
      <c r="A36" s="16">
        <v>25</v>
      </c>
      <c r="B36" s="29">
        <v>65</v>
      </c>
      <c r="C36" s="10">
        <v>56</v>
      </c>
      <c r="D36" s="9">
        <v>121</v>
      </c>
    </row>
    <row r="37" spans="1:4" ht="18" customHeight="1" x14ac:dyDescent="0.15">
      <c r="A37" s="16">
        <v>26</v>
      </c>
      <c r="B37" s="29">
        <v>58</v>
      </c>
      <c r="C37" s="10">
        <v>47</v>
      </c>
      <c r="D37" s="9">
        <v>105</v>
      </c>
    </row>
    <row r="38" spans="1:4" ht="18" customHeight="1" x14ac:dyDescent="0.15">
      <c r="A38" s="16">
        <v>27</v>
      </c>
      <c r="B38" s="29">
        <v>59</v>
      </c>
      <c r="C38" s="10">
        <v>47</v>
      </c>
      <c r="D38" s="9">
        <v>106</v>
      </c>
    </row>
    <row r="39" spans="1:4" ht="18" customHeight="1" x14ac:dyDescent="0.15">
      <c r="A39" s="16">
        <v>28</v>
      </c>
      <c r="B39" s="29">
        <v>55</v>
      </c>
      <c r="C39" s="10">
        <v>55</v>
      </c>
      <c r="D39" s="9">
        <v>110</v>
      </c>
    </row>
    <row r="40" spans="1:4" ht="18" customHeight="1" x14ac:dyDescent="0.15">
      <c r="A40" s="16">
        <v>29</v>
      </c>
      <c r="B40" s="29">
        <v>52</v>
      </c>
      <c r="C40" s="10">
        <v>49</v>
      </c>
      <c r="D40" s="9">
        <v>101</v>
      </c>
    </row>
    <row r="41" spans="1:4" ht="18" customHeight="1" x14ac:dyDescent="0.15">
      <c r="A41" s="8" t="s">
        <v>73</v>
      </c>
      <c r="B41" s="29">
        <v>289</v>
      </c>
      <c r="C41" s="10">
        <v>254</v>
      </c>
      <c r="D41" s="9">
        <v>543</v>
      </c>
    </row>
    <row r="42" spans="1:4" ht="18" customHeight="1" x14ac:dyDescent="0.15">
      <c r="A42" s="16">
        <v>30</v>
      </c>
      <c r="B42" s="29">
        <v>54</v>
      </c>
      <c r="C42" s="10">
        <v>48</v>
      </c>
      <c r="D42" s="9">
        <v>102</v>
      </c>
    </row>
    <row r="43" spans="1:4" ht="18" customHeight="1" x14ac:dyDescent="0.15">
      <c r="A43" s="16">
        <v>31</v>
      </c>
      <c r="B43" s="29">
        <v>44</v>
      </c>
      <c r="C43" s="10">
        <v>62</v>
      </c>
      <c r="D43" s="9">
        <v>106</v>
      </c>
    </row>
    <row r="44" spans="1:4" ht="18" customHeight="1" x14ac:dyDescent="0.15">
      <c r="A44" s="16">
        <v>32</v>
      </c>
      <c r="B44" s="29">
        <v>60</v>
      </c>
      <c r="C44" s="10">
        <v>57</v>
      </c>
      <c r="D44" s="9">
        <v>117</v>
      </c>
    </row>
    <row r="45" spans="1:4" ht="18" customHeight="1" x14ac:dyDescent="0.15">
      <c r="A45" s="16">
        <v>33</v>
      </c>
      <c r="B45" s="29">
        <v>62</v>
      </c>
      <c r="C45" s="10">
        <v>50</v>
      </c>
      <c r="D45" s="9">
        <v>112</v>
      </c>
    </row>
    <row r="46" spans="1:4" ht="18" customHeight="1" x14ac:dyDescent="0.15">
      <c r="A46" s="16">
        <v>34</v>
      </c>
      <c r="B46" s="29">
        <v>57</v>
      </c>
      <c r="C46" s="10">
        <v>49</v>
      </c>
      <c r="D46" s="9">
        <v>106</v>
      </c>
    </row>
    <row r="47" spans="1:4" ht="18" customHeight="1" x14ac:dyDescent="0.15">
      <c r="A47" s="8" t="s">
        <v>217</v>
      </c>
      <c r="B47" s="29">
        <v>277</v>
      </c>
      <c r="C47" s="10">
        <v>266</v>
      </c>
      <c r="D47" s="9">
        <v>543</v>
      </c>
    </row>
    <row r="48" spans="1:4" ht="18" customHeight="1" x14ac:dyDescent="0.15">
      <c r="A48" s="16">
        <v>35</v>
      </c>
      <c r="B48" s="29">
        <v>52</v>
      </c>
      <c r="C48" s="10">
        <v>62</v>
      </c>
      <c r="D48" s="9">
        <v>114</v>
      </c>
    </row>
    <row r="49" spans="1:4" ht="18" customHeight="1" x14ac:dyDescent="0.15">
      <c r="A49" s="16">
        <v>36</v>
      </c>
      <c r="B49" s="29">
        <v>54</v>
      </c>
      <c r="C49" s="10">
        <v>47</v>
      </c>
      <c r="D49" s="9">
        <v>101</v>
      </c>
    </row>
    <row r="50" spans="1:4" ht="18" customHeight="1" x14ac:dyDescent="0.15">
      <c r="A50" s="16">
        <v>37</v>
      </c>
      <c r="B50" s="29">
        <v>58</v>
      </c>
      <c r="C50" s="10">
        <v>59</v>
      </c>
      <c r="D50" s="9">
        <v>117</v>
      </c>
    </row>
    <row r="51" spans="1:4" ht="18" customHeight="1" x14ac:dyDescent="0.15">
      <c r="A51" s="16">
        <v>38</v>
      </c>
      <c r="B51" s="29">
        <v>57</v>
      </c>
      <c r="C51" s="10">
        <v>43</v>
      </c>
      <c r="D51" s="9">
        <v>100</v>
      </c>
    </row>
    <row r="52" spans="1:4" ht="18" customHeight="1" x14ac:dyDescent="0.15">
      <c r="A52" s="16">
        <v>39</v>
      </c>
      <c r="B52" s="29">
        <v>63</v>
      </c>
      <c r="C52" s="10">
        <v>69</v>
      </c>
      <c r="D52" s="9">
        <v>132</v>
      </c>
    </row>
    <row r="53" spans="1:4" ht="18" customHeight="1" x14ac:dyDescent="0.15">
      <c r="A53" s="8" t="s">
        <v>216</v>
      </c>
      <c r="B53" s="29">
        <v>284</v>
      </c>
      <c r="C53" s="10">
        <v>280</v>
      </c>
      <c r="D53" s="9">
        <v>564</v>
      </c>
    </row>
    <row r="54" spans="1:4" ht="18" customHeight="1" x14ac:dyDescent="0.15">
      <c r="A54" s="16">
        <v>40</v>
      </c>
      <c r="B54" s="29">
        <v>62</v>
      </c>
      <c r="C54" s="10">
        <v>55</v>
      </c>
      <c r="D54" s="9">
        <v>117</v>
      </c>
    </row>
    <row r="55" spans="1:4" ht="18" customHeight="1" x14ac:dyDescent="0.15">
      <c r="A55" s="16">
        <v>41</v>
      </c>
      <c r="B55" s="29">
        <v>61</v>
      </c>
      <c r="C55" s="10">
        <v>60</v>
      </c>
      <c r="D55" s="9">
        <v>121</v>
      </c>
    </row>
    <row r="56" spans="1:4" ht="18" customHeight="1" x14ac:dyDescent="0.15">
      <c r="A56" s="16">
        <v>42</v>
      </c>
      <c r="B56" s="29">
        <v>60</v>
      </c>
      <c r="C56" s="10">
        <v>59</v>
      </c>
      <c r="D56" s="9">
        <v>119</v>
      </c>
    </row>
    <row r="57" spans="1:4" ht="18" customHeight="1" x14ac:dyDescent="0.15">
      <c r="A57" s="16">
        <v>43</v>
      </c>
      <c r="B57" s="29">
        <v>67</v>
      </c>
      <c r="C57" s="10">
        <v>63</v>
      </c>
      <c r="D57" s="9">
        <v>130</v>
      </c>
    </row>
    <row r="58" spans="1:4" ht="18" customHeight="1" x14ac:dyDescent="0.15">
      <c r="A58" s="16">
        <v>44</v>
      </c>
      <c r="B58" s="29">
        <v>74</v>
      </c>
      <c r="C58" s="10">
        <v>70</v>
      </c>
      <c r="D58" s="9">
        <v>144</v>
      </c>
    </row>
    <row r="59" spans="1:4" ht="18" customHeight="1" x14ac:dyDescent="0.15">
      <c r="A59" s="8" t="s">
        <v>81</v>
      </c>
      <c r="B59" s="29">
        <v>324</v>
      </c>
      <c r="C59" s="10">
        <v>307</v>
      </c>
      <c r="D59" s="9">
        <v>631</v>
      </c>
    </row>
    <row r="60" spans="1:4" ht="18" customHeight="1" x14ac:dyDescent="0.15">
      <c r="A60" s="16">
        <v>45</v>
      </c>
      <c r="B60" s="29">
        <v>74</v>
      </c>
      <c r="C60" s="10">
        <v>73</v>
      </c>
      <c r="D60" s="9">
        <v>147</v>
      </c>
    </row>
    <row r="61" spans="1:4" ht="18" customHeight="1" x14ac:dyDescent="0.15">
      <c r="A61" s="16">
        <v>46</v>
      </c>
      <c r="B61" s="29">
        <v>58</v>
      </c>
      <c r="C61" s="10">
        <v>83</v>
      </c>
      <c r="D61" s="9">
        <v>141</v>
      </c>
    </row>
    <row r="62" spans="1:4" ht="18" customHeight="1" x14ac:dyDescent="0.15">
      <c r="A62" s="16">
        <v>47</v>
      </c>
      <c r="B62" s="29">
        <v>69</v>
      </c>
      <c r="C62" s="10">
        <v>72</v>
      </c>
      <c r="D62" s="9">
        <v>141</v>
      </c>
    </row>
    <row r="63" spans="1:4" ht="18" customHeight="1" x14ac:dyDescent="0.15">
      <c r="A63" s="16">
        <v>48</v>
      </c>
      <c r="B63" s="29">
        <v>92</v>
      </c>
      <c r="C63" s="10">
        <v>83</v>
      </c>
      <c r="D63" s="9">
        <v>175</v>
      </c>
    </row>
    <row r="64" spans="1:4" ht="18" customHeight="1" x14ac:dyDescent="0.15">
      <c r="A64" s="16">
        <v>49</v>
      </c>
      <c r="B64" s="29">
        <v>83</v>
      </c>
      <c r="C64" s="10">
        <v>108</v>
      </c>
      <c r="D64" s="9">
        <v>191</v>
      </c>
    </row>
    <row r="65" spans="1:4" ht="18" customHeight="1" x14ac:dyDescent="0.15">
      <c r="A65" s="8" t="s">
        <v>45</v>
      </c>
      <c r="B65" s="29">
        <v>376</v>
      </c>
      <c r="C65" s="10">
        <v>419</v>
      </c>
      <c r="D65" s="9">
        <v>795</v>
      </c>
    </row>
    <row r="66" spans="1:4" ht="18" customHeight="1" x14ac:dyDescent="0.15">
      <c r="A66" s="16">
        <v>50</v>
      </c>
      <c r="B66" s="29">
        <v>85</v>
      </c>
      <c r="C66" s="10">
        <v>73</v>
      </c>
      <c r="D66" s="9">
        <v>158</v>
      </c>
    </row>
    <row r="67" spans="1:4" ht="18" customHeight="1" x14ac:dyDescent="0.15">
      <c r="A67" s="16">
        <v>51</v>
      </c>
      <c r="B67" s="29">
        <v>91</v>
      </c>
      <c r="C67" s="10">
        <v>81</v>
      </c>
      <c r="D67" s="9">
        <v>172</v>
      </c>
    </row>
    <row r="68" spans="1:4" ht="18" customHeight="1" x14ac:dyDescent="0.15">
      <c r="A68" s="16">
        <v>52</v>
      </c>
      <c r="B68" s="29">
        <v>77</v>
      </c>
      <c r="C68" s="10">
        <v>87</v>
      </c>
      <c r="D68" s="9">
        <v>164</v>
      </c>
    </row>
    <row r="69" spans="1:4" ht="18" customHeight="1" x14ac:dyDescent="0.15">
      <c r="A69" s="16">
        <v>53</v>
      </c>
      <c r="B69" s="29">
        <v>107</v>
      </c>
      <c r="C69" s="10">
        <v>94</v>
      </c>
      <c r="D69" s="9">
        <v>201</v>
      </c>
    </row>
    <row r="70" spans="1:4" ht="18" customHeight="1" x14ac:dyDescent="0.15">
      <c r="A70" s="16">
        <v>54</v>
      </c>
      <c r="B70" s="29">
        <v>86</v>
      </c>
      <c r="C70" s="10">
        <v>88</v>
      </c>
      <c r="D70" s="9">
        <v>174</v>
      </c>
    </row>
    <row r="71" spans="1:4" ht="18" customHeight="1" x14ac:dyDescent="0.15">
      <c r="A71" s="8" t="s">
        <v>58</v>
      </c>
      <c r="B71" s="29">
        <v>446</v>
      </c>
      <c r="C71" s="10">
        <v>423</v>
      </c>
      <c r="D71" s="9">
        <v>869</v>
      </c>
    </row>
    <row r="72" spans="1:4" ht="18" customHeight="1" x14ac:dyDescent="0.15">
      <c r="A72" s="16">
        <v>55</v>
      </c>
      <c r="B72" s="29">
        <v>71</v>
      </c>
      <c r="C72" s="10">
        <v>72</v>
      </c>
      <c r="D72" s="9">
        <v>143</v>
      </c>
    </row>
    <row r="73" spans="1:4" ht="18" customHeight="1" x14ac:dyDescent="0.15">
      <c r="A73" s="16">
        <v>56</v>
      </c>
      <c r="B73" s="29">
        <v>66</v>
      </c>
      <c r="C73" s="10">
        <v>58</v>
      </c>
      <c r="D73" s="9">
        <v>124</v>
      </c>
    </row>
    <row r="74" spans="1:4" ht="18" customHeight="1" x14ac:dyDescent="0.15">
      <c r="A74" s="16">
        <v>57</v>
      </c>
      <c r="B74" s="29">
        <v>64</v>
      </c>
      <c r="C74" s="10">
        <v>72</v>
      </c>
      <c r="D74" s="9">
        <v>136</v>
      </c>
    </row>
    <row r="75" spans="1:4" ht="18" customHeight="1" x14ac:dyDescent="0.15">
      <c r="A75" s="16">
        <v>58</v>
      </c>
      <c r="B75" s="29">
        <v>50</v>
      </c>
      <c r="C75" s="10">
        <v>68</v>
      </c>
      <c r="D75" s="9">
        <v>118</v>
      </c>
    </row>
    <row r="76" spans="1:4" ht="18" customHeight="1" x14ac:dyDescent="0.15">
      <c r="A76" s="16">
        <v>59</v>
      </c>
      <c r="B76" s="29">
        <v>65</v>
      </c>
      <c r="C76" s="10">
        <v>55</v>
      </c>
      <c r="D76" s="9">
        <v>120</v>
      </c>
    </row>
    <row r="77" spans="1:4" ht="18" customHeight="1" x14ac:dyDescent="0.15">
      <c r="A77" s="8" t="s">
        <v>71</v>
      </c>
      <c r="B77" s="29">
        <v>316</v>
      </c>
      <c r="C77" s="10">
        <v>325</v>
      </c>
      <c r="D77" s="9">
        <v>641</v>
      </c>
    </row>
    <row r="78" spans="1:4" ht="18" customHeight="1" x14ac:dyDescent="0.15">
      <c r="A78" s="16">
        <v>60</v>
      </c>
      <c r="B78" s="29">
        <v>59</v>
      </c>
      <c r="C78" s="10">
        <v>58</v>
      </c>
      <c r="D78" s="9">
        <v>117</v>
      </c>
    </row>
    <row r="79" spans="1:4" ht="18" customHeight="1" x14ac:dyDescent="0.15">
      <c r="A79" s="16">
        <v>61</v>
      </c>
      <c r="B79" s="29">
        <v>51</v>
      </c>
      <c r="C79" s="10">
        <v>71</v>
      </c>
      <c r="D79" s="9">
        <v>122</v>
      </c>
    </row>
    <row r="80" spans="1:4" ht="18" customHeight="1" x14ac:dyDescent="0.15">
      <c r="A80" s="16">
        <v>62</v>
      </c>
      <c r="B80" s="29">
        <v>45</v>
      </c>
      <c r="C80" s="10">
        <v>50</v>
      </c>
      <c r="D80" s="9">
        <v>95</v>
      </c>
    </row>
    <row r="81" spans="1:4" ht="18" customHeight="1" x14ac:dyDescent="0.15">
      <c r="A81" s="16">
        <v>63</v>
      </c>
      <c r="B81" s="29">
        <v>50</v>
      </c>
      <c r="C81" s="10">
        <v>60</v>
      </c>
      <c r="D81" s="9">
        <v>110</v>
      </c>
    </row>
    <row r="82" spans="1:4" ht="18" customHeight="1" x14ac:dyDescent="0.15">
      <c r="A82" s="16">
        <v>64</v>
      </c>
      <c r="B82" s="29">
        <v>51</v>
      </c>
      <c r="C82" s="10">
        <v>37</v>
      </c>
      <c r="D82" s="9">
        <v>88</v>
      </c>
    </row>
    <row r="83" spans="1:4" ht="18" customHeight="1" x14ac:dyDescent="0.15">
      <c r="A83" s="8" t="s">
        <v>44</v>
      </c>
      <c r="B83" s="29">
        <v>256</v>
      </c>
      <c r="C83" s="10">
        <v>276</v>
      </c>
      <c r="D83" s="9">
        <v>532</v>
      </c>
    </row>
    <row r="84" spans="1:4" ht="18" customHeight="1" x14ac:dyDescent="0.15">
      <c r="A84" s="8" t="s">
        <v>43</v>
      </c>
      <c r="B84" s="29">
        <v>3087</v>
      </c>
      <c r="C84" s="10">
        <v>2970</v>
      </c>
      <c r="D84" s="9">
        <v>6057</v>
      </c>
    </row>
    <row r="85" spans="1:4" ht="18" customHeight="1" x14ac:dyDescent="0.15">
      <c r="A85" s="16">
        <v>65</v>
      </c>
      <c r="B85" s="29">
        <v>36</v>
      </c>
      <c r="C85" s="10">
        <v>36</v>
      </c>
      <c r="D85" s="9">
        <v>72</v>
      </c>
    </row>
    <row r="86" spans="1:4" ht="18" customHeight="1" x14ac:dyDescent="0.15">
      <c r="A86" s="16">
        <v>66</v>
      </c>
      <c r="B86" s="29">
        <v>28</v>
      </c>
      <c r="C86" s="10">
        <v>41</v>
      </c>
      <c r="D86" s="9">
        <v>69</v>
      </c>
    </row>
    <row r="87" spans="1:4" ht="18" customHeight="1" x14ac:dyDescent="0.15">
      <c r="A87" s="16">
        <v>67</v>
      </c>
      <c r="B87" s="29">
        <v>33</v>
      </c>
      <c r="C87" s="10">
        <v>30</v>
      </c>
      <c r="D87" s="9">
        <v>63</v>
      </c>
    </row>
    <row r="88" spans="1:4" ht="18" customHeight="1" x14ac:dyDescent="0.15">
      <c r="A88" s="16">
        <v>68</v>
      </c>
      <c r="B88" s="29">
        <v>41</v>
      </c>
      <c r="C88" s="10">
        <v>37</v>
      </c>
      <c r="D88" s="9">
        <v>78</v>
      </c>
    </row>
    <row r="89" spans="1:4" ht="18" customHeight="1" x14ac:dyDescent="0.15">
      <c r="A89" s="16">
        <v>69</v>
      </c>
      <c r="B89" s="29">
        <v>37</v>
      </c>
      <c r="C89" s="10">
        <v>39</v>
      </c>
      <c r="D89" s="9">
        <v>76</v>
      </c>
    </row>
    <row r="90" spans="1:4" ht="18" customHeight="1" x14ac:dyDescent="0.15">
      <c r="A90" s="8" t="s">
        <v>42</v>
      </c>
      <c r="B90" s="29">
        <v>175</v>
      </c>
      <c r="C90" s="10">
        <v>183</v>
      </c>
      <c r="D90" s="9">
        <v>358</v>
      </c>
    </row>
    <row r="91" spans="1:4" ht="18" customHeight="1" x14ac:dyDescent="0.15">
      <c r="A91" s="16">
        <v>70</v>
      </c>
      <c r="B91" s="29">
        <v>36</v>
      </c>
      <c r="C91" s="10">
        <v>43</v>
      </c>
      <c r="D91" s="9">
        <v>79</v>
      </c>
    </row>
    <row r="92" spans="1:4" ht="18" customHeight="1" x14ac:dyDescent="0.15">
      <c r="A92" s="16">
        <v>71</v>
      </c>
      <c r="B92" s="29">
        <v>30</v>
      </c>
      <c r="C92" s="10">
        <v>34</v>
      </c>
      <c r="D92" s="9">
        <v>64</v>
      </c>
    </row>
    <row r="93" spans="1:4" ht="18" customHeight="1" x14ac:dyDescent="0.15">
      <c r="A93" s="16">
        <v>72</v>
      </c>
      <c r="B93" s="29">
        <v>43</v>
      </c>
      <c r="C93" s="10">
        <v>42</v>
      </c>
      <c r="D93" s="9">
        <v>85</v>
      </c>
    </row>
    <row r="94" spans="1:4" ht="18" customHeight="1" x14ac:dyDescent="0.15">
      <c r="A94" s="16">
        <v>73</v>
      </c>
      <c r="B94" s="29">
        <v>45</v>
      </c>
      <c r="C94" s="10">
        <v>44</v>
      </c>
      <c r="D94" s="9">
        <v>89</v>
      </c>
    </row>
    <row r="95" spans="1:4" ht="18" customHeight="1" x14ac:dyDescent="0.15">
      <c r="A95" s="16">
        <v>74</v>
      </c>
      <c r="B95" s="29">
        <v>34</v>
      </c>
      <c r="C95" s="10">
        <v>62</v>
      </c>
      <c r="D95" s="9">
        <v>96</v>
      </c>
    </row>
    <row r="96" spans="1:4" ht="18" customHeight="1" x14ac:dyDescent="0.15">
      <c r="A96" s="8" t="s">
        <v>215</v>
      </c>
      <c r="B96" s="29">
        <v>188</v>
      </c>
      <c r="C96" s="10">
        <v>225</v>
      </c>
      <c r="D96" s="9">
        <v>413</v>
      </c>
    </row>
    <row r="97" spans="1:4" ht="18" customHeight="1" x14ac:dyDescent="0.15">
      <c r="A97" s="16">
        <v>75</v>
      </c>
      <c r="B97" s="29">
        <v>40</v>
      </c>
      <c r="C97" s="10">
        <v>55</v>
      </c>
      <c r="D97" s="9">
        <v>95</v>
      </c>
    </row>
    <row r="98" spans="1:4" ht="18" customHeight="1" x14ac:dyDescent="0.15">
      <c r="A98" s="16">
        <v>76</v>
      </c>
      <c r="B98" s="29">
        <v>31</v>
      </c>
      <c r="C98" s="10">
        <v>36</v>
      </c>
      <c r="D98" s="9">
        <v>67</v>
      </c>
    </row>
    <row r="99" spans="1:4" ht="18" customHeight="1" x14ac:dyDescent="0.15">
      <c r="A99" s="16">
        <v>77</v>
      </c>
      <c r="B99" s="29">
        <v>14</v>
      </c>
      <c r="C99" s="10">
        <v>26</v>
      </c>
      <c r="D99" s="9">
        <v>40</v>
      </c>
    </row>
    <row r="100" spans="1:4" ht="18" customHeight="1" x14ac:dyDescent="0.15">
      <c r="A100" s="16">
        <v>78</v>
      </c>
      <c r="B100" s="29">
        <v>30</v>
      </c>
      <c r="C100" s="10">
        <v>41</v>
      </c>
      <c r="D100" s="9">
        <v>71</v>
      </c>
    </row>
    <row r="101" spans="1:4" ht="18" customHeight="1" x14ac:dyDescent="0.15">
      <c r="A101" s="16">
        <v>79</v>
      </c>
      <c r="B101" s="29">
        <v>23</v>
      </c>
      <c r="C101" s="10">
        <v>39</v>
      </c>
      <c r="D101" s="9">
        <v>62</v>
      </c>
    </row>
    <row r="102" spans="1:4" ht="18" customHeight="1" x14ac:dyDescent="0.15">
      <c r="A102" s="8" t="s">
        <v>214</v>
      </c>
      <c r="B102" s="29">
        <v>138</v>
      </c>
      <c r="C102" s="10">
        <v>197</v>
      </c>
      <c r="D102" s="9">
        <v>335</v>
      </c>
    </row>
    <row r="103" spans="1:4" ht="18" customHeight="1" x14ac:dyDescent="0.15">
      <c r="A103" s="16">
        <v>80</v>
      </c>
      <c r="B103" s="29">
        <v>23</v>
      </c>
      <c r="C103" s="10">
        <v>43</v>
      </c>
      <c r="D103" s="9">
        <v>66</v>
      </c>
    </row>
    <row r="104" spans="1:4" ht="18" customHeight="1" x14ac:dyDescent="0.15">
      <c r="A104" s="16">
        <v>81</v>
      </c>
      <c r="B104" s="29">
        <v>24</v>
      </c>
      <c r="C104" s="10">
        <v>48</v>
      </c>
      <c r="D104" s="9">
        <v>72</v>
      </c>
    </row>
    <row r="105" spans="1:4" ht="18" customHeight="1" x14ac:dyDescent="0.15">
      <c r="A105" s="16">
        <v>82</v>
      </c>
      <c r="B105" s="29">
        <v>21</v>
      </c>
      <c r="C105" s="10">
        <v>28</v>
      </c>
      <c r="D105" s="9">
        <v>49</v>
      </c>
    </row>
    <row r="106" spans="1:4" ht="18" customHeight="1" x14ac:dyDescent="0.15">
      <c r="A106" s="16">
        <v>83</v>
      </c>
      <c r="B106" s="29">
        <v>18</v>
      </c>
      <c r="C106" s="10">
        <v>29</v>
      </c>
      <c r="D106" s="9">
        <v>47</v>
      </c>
    </row>
    <row r="107" spans="1:4" ht="18" customHeight="1" x14ac:dyDescent="0.15">
      <c r="A107" s="16">
        <v>84</v>
      </c>
      <c r="B107" s="29">
        <v>22</v>
      </c>
      <c r="C107" s="10">
        <v>18</v>
      </c>
      <c r="D107" s="9">
        <v>40</v>
      </c>
    </row>
    <row r="108" spans="1:4" ht="18" customHeight="1" x14ac:dyDescent="0.15">
      <c r="A108" s="8" t="s">
        <v>39</v>
      </c>
      <c r="B108" s="29">
        <v>108</v>
      </c>
      <c r="C108" s="10">
        <v>166</v>
      </c>
      <c r="D108" s="9">
        <v>274</v>
      </c>
    </row>
    <row r="109" spans="1:4" ht="18" customHeight="1" x14ac:dyDescent="0.15">
      <c r="A109" s="16">
        <v>85</v>
      </c>
      <c r="B109" s="29">
        <v>20</v>
      </c>
      <c r="C109" s="10">
        <v>20</v>
      </c>
      <c r="D109" s="9">
        <v>40</v>
      </c>
    </row>
    <row r="110" spans="1:4" ht="18" customHeight="1" x14ac:dyDescent="0.15">
      <c r="A110" s="16">
        <v>86</v>
      </c>
      <c r="B110" s="29">
        <v>11</v>
      </c>
      <c r="C110" s="10">
        <v>25</v>
      </c>
      <c r="D110" s="9">
        <v>36</v>
      </c>
    </row>
    <row r="111" spans="1:4" ht="18" customHeight="1" x14ac:dyDescent="0.15">
      <c r="A111" s="16">
        <v>87</v>
      </c>
      <c r="B111" s="29">
        <v>14</v>
      </c>
      <c r="C111" s="10">
        <v>35</v>
      </c>
      <c r="D111" s="9">
        <v>49</v>
      </c>
    </row>
    <row r="112" spans="1:4" ht="18" customHeight="1" x14ac:dyDescent="0.15">
      <c r="A112" s="16">
        <v>88</v>
      </c>
      <c r="B112" s="29">
        <v>11</v>
      </c>
      <c r="C112" s="10">
        <v>20</v>
      </c>
      <c r="D112" s="9">
        <v>31</v>
      </c>
    </row>
    <row r="113" spans="1:4" ht="18" customHeight="1" x14ac:dyDescent="0.15">
      <c r="A113" s="16">
        <v>89</v>
      </c>
      <c r="B113" s="29">
        <v>7</v>
      </c>
      <c r="C113" s="10">
        <v>16</v>
      </c>
      <c r="D113" s="9">
        <v>23</v>
      </c>
    </row>
    <row r="114" spans="1:4" ht="18" customHeight="1" x14ac:dyDescent="0.15">
      <c r="A114" s="8" t="s">
        <v>213</v>
      </c>
      <c r="B114" s="29">
        <v>63</v>
      </c>
      <c r="C114" s="10">
        <v>116</v>
      </c>
      <c r="D114" s="9">
        <v>179</v>
      </c>
    </row>
    <row r="115" spans="1:4" ht="18" customHeight="1" x14ac:dyDescent="0.15">
      <c r="A115" s="16">
        <v>90</v>
      </c>
      <c r="B115" s="29">
        <v>16</v>
      </c>
      <c r="C115" s="10">
        <v>17</v>
      </c>
      <c r="D115" s="9">
        <v>33</v>
      </c>
    </row>
    <row r="116" spans="1:4" ht="18" customHeight="1" x14ac:dyDescent="0.15">
      <c r="A116" s="16">
        <v>91</v>
      </c>
      <c r="B116" s="29">
        <v>4</v>
      </c>
      <c r="C116" s="10">
        <v>17</v>
      </c>
      <c r="D116" s="9">
        <v>21</v>
      </c>
    </row>
    <row r="117" spans="1:4" ht="18" customHeight="1" x14ac:dyDescent="0.15">
      <c r="A117" s="16">
        <v>92</v>
      </c>
      <c r="B117" s="29">
        <v>5</v>
      </c>
      <c r="C117" s="10">
        <v>20</v>
      </c>
      <c r="D117" s="9">
        <v>25</v>
      </c>
    </row>
    <row r="118" spans="1:4" ht="18" customHeight="1" x14ac:dyDescent="0.15">
      <c r="A118" s="16">
        <v>93</v>
      </c>
      <c r="B118" s="29">
        <v>3</v>
      </c>
      <c r="C118" s="10">
        <v>15</v>
      </c>
      <c r="D118" s="9">
        <v>18</v>
      </c>
    </row>
    <row r="119" spans="1:4" ht="18" customHeight="1" x14ac:dyDescent="0.15">
      <c r="A119" s="16">
        <v>94</v>
      </c>
      <c r="B119" s="29">
        <v>2</v>
      </c>
      <c r="C119" s="10">
        <v>10</v>
      </c>
      <c r="D119" s="9">
        <v>12</v>
      </c>
    </row>
    <row r="120" spans="1:4" ht="18" customHeight="1" x14ac:dyDescent="0.15">
      <c r="A120" s="8" t="s">
        <v>69</v>
      </c>
      <c r="B120" s="29">
        <v>30</v>
      </c>
      <c r="C120" s="10">
        <v>79</v>
      </c>
      <c r="D120" s="9">
        <v>109</v>
      </c>
    </row>
    <row r="121" spans="1:4" ht="18" customHeight="1" x14ac:dyDescent="0.15">
      <c r="A121" s="16">
        <v>95</v>
      </c>
      <c r="B121" s="29">
        <v>2</v>
      </c>
      <c r="C121" s="10">
        <v>4</v>
      </c>
      <c r="D121" s="9">
        <v>6</v>
      </c>
    </row>
    <row r="122" spans="1:4" ht="18" customHeight="1" x14ac:dyDescent="0.15">
      <c r="A122" s="16">
        <v>96</v>
      </c>
      <c r="B122" s="29">
        <v>0</v>
      </c>
      <c r="C122" s="10">
        <v>5</v>
      </c>
      <c r="D122" s="9">
        <v>5</v>
      </c>
    </row>
    <row r="123" spans="1:4" ht="18" customHeight="1" x14ac:dyDescent="0.15">
      <c r="A123" s="16">
        <v>97</v>
      </c>
      <c r="B123" s="29">
        <v>3</v>
      </c>
      <c r="C123" s="10">
        <v>3</v>
      </c>
      <c r="D123" s="9">
        <v>6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1</v>
      </c>
      <c r="C125" s="10">
        <v>2</v>
      </c>
      <c r="D125" s="9">
        <v>3</v>
      </c>
    </row>
    <row r="126" spans="1:4" ht="18" customHeight="1" x14ac:dyDescent="0.15">
      <c r="A126" s="8" t="s">
        <v>212</v>
      </c>
      <c r="B126" s="29">
        <v>6</v>
      </c>
      <c r="C126" s="10">
        <v>18</v>
      </c>
      <c r="D126" s="9">
        <v>24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159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0</v>
      </c>
      <c r="C129" s="10">
        <v>4</v>
      </c>
      <c r="D129" s="9">
        <v>4</v>
      </c>
    </row>
    <row r="130" spans="1:4" ht="18" customHeight="1" x14ac:dyDescent="0.15">
      <c r="A130" s="8" t="s">
        <v>211</v>
      </c>
      <c r="B130" s="28">
        <v>708</v>
      </c>
      <c r="C130" s="6">
        <v>988</v>
      </c>
      <c r="D130" s="5">
        <v>1696</v>
      </c>
    </row>
    <row r="131" spans="1:4" ht="18" customHeight="1" x14ac:dyDescent="0.15">
      <c r="A131" s="4" t="s">
        <v>0</v>
      </c>
      <c r="B131" s="27">
        <v>4402</v>
      </c>
      <c r="C131" s="2">
        <v>4519</v>
      </c>
      <c r="D131" s="1">
        <v>892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3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9" t="s">
        <v>30</v>
      </c>
      <c r="C3" s="59"/>
      <c r="D3" s="59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37">
        <v>50</v>
      </c>
      <c r="C5" s="36">
        <v>34</v>
      </c>
      <c r="D5" s="35">
        <v>84</v>
      </c>
    </row>
    <row r="6" spans="1:4" ht="18" customHeight="1" x14ac:dyDescent="0.15">
      <c r="A6" s="8">
        <v>1</v>
      </c>
      <c r="B6" s="34">
        <v>37</v>
      </c>
      <c r="C6" s="13">
        <v>44</v>
      </c>
      <c r="D6" s="12">
        <v>81</v>
      </c>
    </row>
    <row r="7" spans="1:4" ht="18" customHeight="1" x14ac:dyDescent="0.15">
      <c r="A7" s="8">
        <v>2</v>
      </c>
      <c r="B7" s="34">
        <v>40</v>
      </c>
      <c r="C7" s="13">
        <v>51</v>
      </c>
      <c r="D7" s="12">
        <v>91</v>
      </c>
    </row>
    <row r="8" spans="1:4" ht="18" customHeight="1" x14ac:dyDescent="0.15">
      <c r="A8" s="8">
        <v>3</v>
      </c>
      <c r="B8" s="34">
        <v>50</v>
      </c>
      <c r="C8" s="13">
        <v>42</v>
      </c>
      <c r="D8" s="12">
        <v>92</v>
      </c>
    </row>
    <row r="9" spans="1:4" ht="18" customHeight="1" x14ac:dyDescent="0.15">
      <c r="A9" s="8">
        <v>4</v>
      </c>
      <c r="B9" s="34">
        <v>53</v>
      </c>
      <c r="C9" s="13">
        <v>38</v>
      </c>
      <c r="D9" s="12">
        <v>91</v>
      </c>
    </row>
    <row r="10" spans="1:4" ht="18" customHeight="1" x14ac:dyDescent="0.15">
      <c r="A10" s="8" t="s">
        <v>230</v>
      </c>
      <c r="B10" s="34">
        <v>230</v>
      </c>
      <c r="C10" s="13">
        <v>209</v>
      </c>
      <c r="D10" s="12">
        <v>439</v>
      </c>
    </row>
    <row r="11" spans="1:4" ht="18" customHeight="1" x14ac:dyDescent="0.15">
      <c r="A11" s="8">
        <v>5</v>
      </c>
      <c r="B11" s="34">
        <v>46</v>
      </c>
      <c r="C11" s="13">
        <v>48</v>
      </c>
      <c r="D11" s="12">
        <v>94</v>
      </c>
    </row>
    <row r="12" spans="1:4" ht="18" customHeight="1" x14ac:dyDescent="0.15">
      <c r="A12" s="8">
        <v>6</v>
      </c>
      <c r="B12" s="34">
        <v>61</v>
      </c>
      <c r="C12" s="13">
        <v>50</v>
      </c>
      <c r="D12" s="12">
        <v>111</v>
      </c>
    </row>
    <row r="13" spans="1:4" ht="18" customHeight="1" x14ac:dyDescent="0.15">
      <c r="A13" s="8">
        <v>7</v>
      </c>
      <c r="B13" s="34">
        <v>60</v>
      </c>
      <c r="C13" s="13">
        <v>52</v>
      </c>
      <c r="D13" s="12">
        <v>112</v>
      </c>
    </row>
    <row r="14" spans="1:4" ht="18" customHeight="1" x14ac:dyDescent="0.15">
      <c r="A14" s="8">
        <v>8</v>
      </c>
      <c r="B14" s="34">
        <v>53</v>
      </c>
      <c r="C14" s="13">
        <v>48</v>
      </c>
      <c r="D14" s="12">
        <v>101</v>
      </c>
    </row>
    <row r="15" spans="1:4" ht="18" customHeight="1" x14ac:dyDescent="0.15">
      <c r="A15" s="8">
        <v>9</v>
      </c>
      <c r="B15" s="34">
        <v>56</v>
      </c>
      <c r="C15" s="13">
        <v>52</v>
      </c>
      <c r="D15" s="12">
        <v>108</v>
      </c>
    </row>
    <row r="16" spans="1:4" ht="18" customHeight="1" x14ac:dyDescent="0.15">
      <c r="A16" s="8" t="s">
        <v>106</v>
      </c>
      <c r="B16" s="34">
        <v>276</v>
      </c>
      <c r="C16" s="13">
        <v>250</v>
      </c>
      <c r="D16" s="12">
        <v>526</v>
      </c>
    </row>
    <row r="17" spans="1:4" ht="18" customHeight="1" x14ac:dyDescent="0.15">
      <c r="A17" s="8">
        <v>10</v>
      </c>
      <c r="B17" s="34">
        <v>55</v>
      </c>
      <c r="C17" s="13">
        <v>52</v>
      </c>
      <c r="D17" s="12">
        <v>107</v>
      </c>
    </row>
    <row r="18" spans="1:4" ht="18" customHeight="1" x14ac:dyDescent="0.15">
      <c r="A18" s="8">
        <v>11</v>
      </c>
      <c r="B18" s="34">
        <v>58</v>
      </c>
      <c r="C18" s="13">
        <v>49</v>
      </c>
      <c r="D18" s="12">
        <v>107</v>
      </c>
    </row>
    <row r="19" spans="1:4" ht="18" customHeight="1" x14ac:dyDescent="0.15">
      <c r="A19" s="8">
        <v>12</v>
      </c>
      <c r="B19" s="34">
        <v>51</v>
      </c>
      <c r="C19" s="13">
        <v>41</v>
      </c>
      <c r="D19" s="12">
        <v>92</v>
      </c>
    </row>
    <row r="20" spans="1:4" ht="18" customHeight="1" x14ac:dyDescent="0.15">
      <c r="A20" s="8">
        <v>13</v>
      </c>
      <c r="B20" s="34">
        <v>55</v>
      </c>
      <c r="C20" s="13">
        <v>56</v>
      </c>
      <c r="D20" s="12">
        <v>111</v>
      </c>
    </row>
    <row r="21" spans="1:4" ht="18" customHeight="1" x14ac:dyDescent="0.15">
      <c r="A21" s="8">
        <v>14</v>
      </c>
      <c r="B21" s="34">
        <v>58</v>
      </c>
      <c r="C21" s="13">
        <v>50</v>
      </c>
      <c r="D21" s="12">
        <v>108</v>
      </c>
    </row>
    <row r="22" spans="1:4" ht="18" customHeight="1" x14ac:dyDescent="0.15">
      <c r="A22" s="8" t="s">
        <v>75</v>
      </c>
      <c r="B22" s="34">
        <v>277</v>
      </c>
      <c r="C22" s="13">
        <v>248</v>
      </c>
      <c r="D22" s="12">
        <v>525</v>
      </c>
    </row>
    <row r="23" spans="1:4" ht="18" customHeight="1" x14ac:dyDescent="0.15">
      <c r="A23" s="8" t="s">
        <v>104</v>
      </c>
      <c r="B23" s="34">
        <v>783</v>
      </c>
      <c r="C23" s="13">
        <v>707</v>
      </c>
      <c r="D23" s="12">
        <v>1490</v>
      </c>
    </row>
    <row r="24" spans="1:4" ht="18" customHeight="1" x14ac:dyDescent="0.15">
      <c r="A24" s="8">
        <v>15</v>
      </c>
      <c r="B24" s="34">
        <v>63</v>
      </c>
      <c r="C24" s="13">
        <v>47</v>
      </c>
      <c r="D24" s="12">
        <v>110</v>
      </c>
    </row>
    <row r="25" spans="1:4" ht="18" customHeight="1" x14ac:dyDescent="0.15">
      <c r="A25" s="8">
        <v>16</v>
      </c>
      <c r="B25" s="34">
        <v>53</v>
      </c>
      <c r="C25" s="13">
        <v>50</v>
      </c>
      <c r="D25" s="12">
        <v>103</v>
      </c>
    </row>
    <row r="26" spans="1:4" ht="18" customHeight="1" x14ac:dyDescent="0.15">
      <c r="A26" s="8">
        <v>17</v>
      </c>
      <c r="B26" s="34">
        <v>55</v>
      </c>
      <c r="C26" s="13">
        <v>61</v>
      </c>
      <c r="D26" s="12">
        <v>116</v>
      </c>
    </row>
    <row r="27" spans="1:4" ht="18" customHeight="1" x14ac:dyDescent="0.15">
      <c r="A27" s="8">
        <v>18</v>
      </c>
      <c r="B27" s="34">
        <v>45</v>
      </c>
      <c r="C27" s="13">
        <v>58</v>
      </c>
      <c r="D27" s="12">
        <v>103</v>
      </c>
    </row>
    <row r="28" spans="1:4" ht="18" customHeight="1" x14ac:dyDescent="0.15">
      <c r="A28" s="8">
        <v>19</v>
      </c>
      <c r="B28" s="34">
        <v>63</v>
      </c>
      <c r="C28" s="13">
        <v>57</v>
      </c>
      <c r="D28" s="12">
        <v>120</v>
      </c>
    </row>
    <row r="29" spans="1:4" ht="18" customHeight="1" x14ac:dyDescent="0.15">
      <c r="A29" s="8" t="s">
        <v>229</v>
      </c>
      <c r="B29" s="34">
        <v>279</v>
      </c>
      <c r="C29" s="13">
        <v>273</v>
      </c>
      <c r="D29" s="12">
        <v>552</v>
      </c>
    </row>
    <row r="30" spans="1:4" ht="18" customHeight="1" x14ac:dyDescent="0.15">
      <c r="A30" s="8">
        <v>20</v>
      </c>
      <c r="B30" s="34">
        <v>67</v>
      </c>
      <c r="C30" s="13">
        <v>60</v>
      </c>
      <c r="D30" s="12">
        <v>127</v>
      </c>
    </row>
    <row r="31" spans="1:4" ht="18" customHeight="1" x14ac:dyDescent="0.15">
      <c r="A31" s="8">
        <v>21</v>
      </c>
      <c r="B31" s="34">
        <v>65</v>
      </c>
      <c r="C31" s="13">
        <v>46</v>
      </c>
      <c r="D31" s="12">
        <v>111</v>
      </c>
    </row>
    <row r="32" spans="1:4" ht="18" customHeight="1" x14ac:dyDescent="0.15">
      <c r="A32" s="8">
        <v>22</v>
      </c>
      <c r="B32" s="34">
        <v>80</v>
      </c>
      <c r="C32" s="13">
        <v>55</v>
      </c>
      <c r="D32" s="12">
        <v>135</v>
      </c>
    </row>
    <row r="33" spans="1:4" ht="18" customHeight="1" x14ac:dyDescent="0.15">
      <c r="A33" s="8">
        <v>23</v>
      </c>
      <c r="B33" s="34">
        <v>73</v>
      </c>
      <c r="C33" s="13">
        <v>68</v>
      </c>
      <c r="D33" s="12">
        <v>141</v>
      </c>
    </row>
    <row r="34" spans="1:4" ht="18" customHeight="1" x14ac:dyDescent="0.15">
      <c r="A34" s="8">
        <v>24</v>
      </c>
      <c r="B34" s="34">
        <v>90</v>
      </c>
      <c r="C34" s="13">
        <v>59</v>
      </c>
      <c r="D34" s="12">
        <v>149</v>
      </c>
    </row>
    <row r="35" spans="1:4" ht="18" customHeight="1" x14ac:dyDescent="0.15">
      <c r="A35" s="8" t="s">
        <v>47</v>
      </c>
      <c r="B35" s="34">
        <v>375</v>
      </c>
      <c r="C35" s="13">
        <v>288</v>
      </c>
      <c r="D35" s="12">
        <v>663</v>
      </c>
    </row>
    <row r="36" spans="1:4" ht="18" customHeight="1" x14ac:dyDescent="0.15">
      <c r="A36" s="8">
        <v>25</v>
      </c>
      <c r="B36" s="34">
        <v>89</v>
      </c>
      <c r="C36" s="13">
        <v>74</v>
      </c>
      <c r="D36" s="12">
        <v>163</v>
      </c>
    </row>
    <row r="37" spans="1:4" ht="18" customHeight="1" x14ac:dyDescent="0.15">
      <c r="A37" s="8">
        <v>26</v>
      </c>
      <c r="B37" s="34">
        <v>91</v>
      </c>
      <c r="C37" s="13">
        <v>92</v>
      </c>
      <c r="D37" s="12">
        <v>183</v>
      </c>
    </row>
    <row r="38" spans="1:4" ht="18" customHeight="1" x14ac:dyDescent="0.15">
      <c r="A38" s="8">
        <v>27</v>
      </c>
      <c r="B38" s="34">
        <v>87</v>
      </c>
      <c r="C38" s="13">
        <v>69</v>
      </c>
      <c r="D38" s="12">
        <v>156</v>
      </c>
    </row>
    <row r="39" spans="1:4" ht="18" customHeight="1" x14ac:dyDescent="0.15">
      <c r="A39" s="8">
        <v>28</v>
      </c>
      <c r="B39" s="34">
        <v>77</v>
      </c>
      <c r="C39" s="13">
        <v>70</v>
      </c>
      <c r="D39" s="12">
        <v>147</v>
      </c>
    </row>
    <row r="40" spans="1:4" ht="18" customHeight="1" x14ac:dyDescent="0.15">
      <c r="A40" s="8">
        <v>29</v>
      </c>
      <c r="B40" s="34">
        <v>74</v>
      </c>
      <c r="C40" s="13">
        <v>80</v>
      </c>
      <c r="D40" s="12">
        <v>154</v>
      </c>
    </row>
    <row r="41" spans="1:4" ht="18" customHeight="1" x14ac:dyDescent="0.15">
      <c r="A41" s="8" t="s">
        <v>228</v>
      </c>
      <c r="B41" s="34">
        <v>418</v>
      </c>
      <c r="C41" s="13">
        <v>385</v>
      </c>
      <c r="D41" s="12">
        <v>803</v>
      </c>
    </row>
    <row r="42" spans="1:4" ht="18" customHeight="1" x14ac:dyDescent="0.15">
      <c r="A42" s="8">
        <v>30</v>
      </c>
      <c r="B42" s="34">
        <v>88</v>
      </c>
      <c r="C42" s="13">
        <v>70</v>
      </c>
      <c r="D42" s="12">
        <v>158</v>
      </c>
    </row>
    <row r="43" spans="1:4" ht="18" customHeight="1" x14ac:dyDescent="0.15">
      <c r="A43" s="8">
        <v>31</v>
      </c>
      <c r="B43" s="34">
        <v>75</v>
      </c>
      <c r="C43" s="13">
        <v>61</v>
      </c>
      <c r="D43" s="12">
        <v>136</v>
      </c>
    </row>
    <row r="44" spans="1:4" ht="18" customHeight="1" x14ac:dyDescent="0.15">
      <c r="A44" s="8">
        <v>32</v>
      </c>
      <c r="B44" s="34">
        <v>95</v>
      </c>
      <c r="C44" s="13">
        <v>61</v>
      </c>
      <c r="D44" s="12">
        <v>156</v>
      </c>
    </row>
    <row r="45" spans="1:4" ht="18" customHeight="1" x14ac:dyDescent="0.15">
      <c r="A45" s="8">
        <v>33</v>
      </c>
      <c r="B45" s="34">
        <v>61</v>
      </c>
      <c r="C45" s="13">
        <v>58</v>
      </c>
      <c r="D45" s="12">
        <v>119</v>
      </c>
    </row>
    <row r="46" spans="1:4" ht="18" customHeight="1" x14ac:dyDescent="0.15">
      <c r="A46" s="8">
        <v>34</v>
      </c>
      <c r="B46" s="34">
        <v>76</v>
      </c>
      <c r="C46" s="13">
        <v>56</v>
      </c>
      <c r="D46" s="12">
        <v>132</v>
      </c>
    </row>
    <row r="47" spans="1:4" ht="18" customHeight="1" x14ac:dyDescent="0.15">
      <c r="A47" s="8" t="s">
        <v>61</v>
      </c>
      <c r="B47" s="34">
        <v>395</v>
      </c>
      <c r="C47" s="13">
        <v>306</v>
      </c>
      <c r="D47" s="12">
        <v>701</v>
      </c>
    </row>
    <row r="48" spans="1:4" ht="18" customHeight="1" x14ac:dyDescent="0.15">
      <c r="A48" s="8">
        <v>35</v>
      </c>
      <c r="B48" s="34">
        <v>68</v>
      </c>
      <c r="C48" s="13">
        <v>58</v>
      </c>
      <c r="D48" s="12">
        <v>126</v>
      </c>
    </row>
    <row r="49" spans="1:4" ht="18" customHeight="1" x14ac:dyDescent="0.15">
      <c r="A49" s="8">
        <v>36</v>
      </c>
      <c r="B49" s="34">
        <v>81</v>
      </c>
      <c r="C49" s="13">
        <v>98</v>
      </c>
      <c r="D49" s="12">
        <v>179</v>
      </c>
    </row>
    <row r="50" spans="1:4" ht="18" customHeight="1" x14ac:dyDescent="0.15">
      <c r="A50" s="8">
        <v>37</v>
      </c>
      <c r="B50" s="34">
        <v>74</v>
      </c>
      <c r="C50" s="13">
        <v>72</v>
      </c>
      <c r="D50" s="12">
        <v>146</v>
      </c>
    </row>
    <row r="51" spans="1:4" ht="18" customHeight="1" x14ac:dyDescent="0.15">
      <c r="A51" s="8">
        <v>38</v>
      </c>
      <c r="B51" s="34">
        <v>97</v>
      </c>
      <c r="C51" s="13">
        <v>83</v>
      </c>
      <c r="D51" s="12">
        <v>180</v>
      </c>
    </row>
    <row r="52" spans="1:4" ht="18" customHeight="1" x14ac:dyDescent="0.15">
      <c r="A52" s="8">
        <v>39</v>
      </c>
      <c r="B52" s="34">
        <v>84</v>
      </c>
      <c r="C52" s="13">
        <v>79</v>
      </c>
      <c r="D52" s="12">
        <v>163</v>
      </c>
    </row>
    <row r="53" spans="1:4" ht="18" customHeight="1" x14ac:dyDescent="0.15">
      <c r="A53" s="8" t="s">
        <v>72</v>
      </c>
      <c r="B53" s="34">
        <v>404</v>
      </c>
      <c r="C53" s="13">
        <v>390</v>
      </c>
      <c r="D53" s="12">
        <v>794</v>
      </c>
    </row>
    <row r="54" spans="1:4" ht="18" customHeight="1" x14ac:dyDescent="0.15">
      <c r="A54" s="8">
        <v>40</v>
      </c>
      <c r="B54" s="34">
        <v>73</v>
      </c>
      <c r="C54" s="13">
        <v>65</v>
      </c>
      <c r="D54" s="12">
        <v>138</v>
      </c>
    </row>
    <row r="55" spans="1:4" ht="18" customHeight="1" x14ac:dyDescent="0.15">
      <c r="A55" s="8">
        <v>41</v>
      </c>
      <c r="B55" s="34">
        <v>80</v>
      </c>
      <c r="C55" s="13">
        <v>78</v>
      </c>
      <c r="D55" s="12">
        <v>158</v>
      </c>
    </row>
    <row r="56" spans="1:4" ht="18" customHeight="1" x14ac:dyDescent="0.15">
      <c r="A56" s="8">
        <v>42</v>
      </c>
      <c r="B56" s="34">
        <v>74</v>
      </c>
      <c r="C56" s="13">
        <v>67</v>
      </c>
      <c r="D56" s="12">
        <v>141</v>
      </c>
    </row>
    <row r="57" spans="1:4" ht="18" customHeight="1" x14ac:dyDescent="0.15">
      <c r="A57" s="8">
        <v>43</v>
      </c>
      <c r="B57" s="34">
        <v>90</v>
      </c>
      <c r="C57" s="13">
        <v>66</v>
      </c>
      <c r="D57" s="12">
        <v>156</v>
      </c>
    </row>
    <row r="58" spans="1:4" ht="18" customHeight="1" x14ac:dyDescent="0.15">
      <c r="A58" s="8">
        <v>44</v>
      </c>
      <c r="B58" s="34">
        <v>102</v>
      </c>
      <c r="C58" s="13">
        <v>83</v>
      </c>
      <c r="D58" s="12">
        <v>185</v>
      </c>
    </row>
    <row r="59" spans="1:4" ht="18" customHeight="1" x14ac:dyDescent="0.15">
      <c r="A59" s="8" t="s">
        <v>46</v>
      </c>
      <c r="B59" s="34">
        <v>419</v>
      </c>
      <c r="C59" s="13">
        <v>359</v>
      </c>
      <c r="D59" s="12">
        <v>778</v>
      </c>
    </row>
    <row r="60" spans="1:4" ht="18" customHeight="1" x14ac:dyDescent="0.15">
      <c r="A60" s="8">
        <v>45</v>
      </c>
      <c r="B60" s="34">
        <v>109</v>
      </c>
      <c r="C60" s="13">
        <v>96</v>
      </c>
      <c r="D60" s="12">
        <v>205</v>
      </c>
    </row>
    <row r="61" spans="1:4" ht="18" customHeight="1" x14ac:dyDescent="0.15">
      <c r="A61" s="8">
        <v>46</v>
      </c>
      <c r="B61" s="34">
        <v>80</v>
      </c>
      <c r="C61" s="13">
        <v>101</v>
      </c>
      <c r="D61" s="12">
        <v>181</v>
      </c>
    </row>
    <row r="62" spans="1:4" ht="18" customHeight="1" x14ac:dyDescent="0.15">
      <c r="A62" s="8">
        <v>47</v>
      </c>
      <c r="B62" s="34">
        <v>106</v>
      </c>
      <c r="C62" s="13">
        <v>126</v>
      </c>
      <c r="D62" s="12">
        <v>232</v>
      </c>
    </row>
    <row r="63" spans="1:4" ht="18" customHeight="1" x14ac:dyDescent="0.15">
      <c r="A63" s="8">
        <v>48</v>
      </c>
      <c r="B63" s="34">
        <v>117</v>
      </c>
      <c r="C63" s="13">
        <v>101</v>
      </c>
      <c r="D63" s="12">
        <v>218</v>
      </c>
    </row>
    <row r="64" spans="1:4" ht="18" customHeight="1" x14ac:dyDescent="0.15">
      <c r="A64" s="8">
        <v>49</v>
      </c>
      <c r="B64" s="34">
        <v>120</v>
      </c>
      <c r="C64" s="13">
        <v>113</v>
      </c>
      <c r="D64" s="12">
        <v>233</v>
      </c>
    </row>
    <row r="65" spans="1:4" ht="18" customHeight="1" x14ac:dyDescent="0.15">
      <c r="A65" s="8" t="s">
        <v>103</v>
      </c>
      <c r="B65" s="34">
        <v>532</v>
      </c>
      <c r="C65" s="13">
        <v>537</v>
      </c>
      <c r="D65" s="12">
        <v>1069</v>
      </c>
    </row>
    <row r="66" spans="1:4" ht="18" customHeight="1" x14ac:dyDescent="0.15">
      <c r="A66" s="8">
        <v>50</v>
      </c>
      <c r="B66" s="34">
        <v>106</v>
      </c>
      <c r="C66" s="13">
        <v>86</v>
      </c>
      <c r="D66" s="12">
        <v>192</v>
      </c>
    </row>
    <row r="67" spans="1:4" ht="18" customHeight="1" x14ac:dyDescent="0.15">
      <c r="A67" s="8">
        <v>51</v>
      </c>
      <c r="B67" s="34">
        <v>125</v>
      </c>
      <c r="C67" s="13">
        <v>93</v>
      </c>
      <c r="D67" s="12">
        <v>218</v>
      </c>
    </row>
    <row r="68" spans="1:4" ht="18" customHeight="1" x14ac:dyDescent="0.15">
      <c r="A68" s="8">
        <v>52</v>
      </c>
      <c r="B68" s="34">
        <v>99</v>
      </c>
      <c r="C68" s="13">
        <v>119</v>
      </c>
      <c r="D68" s="12">
        <v>218</v>
      </c>
    </row>
    <row r="69" spans="1:4" ht="18" customHeight="1" x14ac:dyDescent="0.15">
      <c r="A69" s="8">
        <v>53</v>
      </c>
      <c r="B69" s="34">
        <v>104</v>
      </c>
      <c r="C69" s="13">
        <v>113</v>
      </c>
      <c r="D69" s="12">
        <v>217</v>
      </c>
    </row>
    <row r="70" spans="1:4" ht="18" customHeight="1" x14ac:dyDescent="0.15">
      <c r="A70" s="8">
        <v>54</v>
      </c>
      <c r="B70" s="34">
        <v>92</v>
      </c>
      <c r="C70" s="13">
        <v>90</v>
      </c>
      <c r="D70" s="12">
        <v>182</v>
      </c>
    </row>
    <row r="71" spans="1:4" ht="18" customHeight="1" x14ac:dyDescent="0.15">
      <c r="A71" s="8" t="s">
        <v>58</v>
      </c>
      <c r="B71" s="34">
        <v>526</v>
      </c>
      <c r="C71" s="13">
        <v>501</v>
      </c>
      <c r="D71" s="12">
        <v>1027</v>
      </c>
    </row>
    <row r="72" spans="1:4" ht="18" customHeight="1" x14ac:dyDescent="0.15">
      <c r="A72" s="8">
        <v>55</v>
      </c>
      <c r="B72" s="34">
        <v>75</v>
      </c>
      <c r="C72" s="13">
        <v>106</v>
      </c>
      <c r="D72" s="12">
        <v>181</v>
      </c>
    </row>
    <row r="73" spans="1:4" ht="18" customHeight="1" x14ac:dyDescent="0.15">
      <c r="A73" s="8">
        <v>56</v>
      </c>
      <c r="B73" s="34">
        <v>72</v>
      </c>
      <c r="C73" s="13">
        <v>61</v>
      </c>
      <c r="D73" s="12">
        <v>133</v>
      </c>
    </row>
    <row r="74" spans="1:4" ht="18" customHeight="1" x14ac:dyDescent="0.15">
      <c r="A74" s="8">
        <v>57</v>
      </c>
      <c r="B74" s="34">
        <v>90</v>
      </c>
      <c r="C74" s="13">
        <v>72</v>
      </c>
      <c r="D74" s="12">
        <v>162</v>
      </c>
    </row>
    <row r="75" spans="1:4" ht="18" customHeight="1" x14ac:dyDescent="0.15">
      <c r="A75" s="8">
        <v>58</v>
      </c>
      <c r="B75" s="34">
        <v>70</v>
      </c>
      <c r="C75" s="13">
        <v>66</v>
      </c>
      <c r="D75" s="12">
        <v>136</v>
      </c>
    </row>
    <row r="76" spans="1:4" ht="18" customHeight="1" x14ac:dyDescent="0.15">
      <c r="A76" s="8">
        <v>59</v>
      </c>
      <c r="B76" s="34">
        <v>79</v>
      </c>
      <c r="C76" s="13">
        <v>71</v>
      </c>
      <c r="D76" s="12">
        <v>150</v>
      </c>
    </row>
    <row r="77" spans="1:4" ht="18" customHeight="1" x14ac:dyDescent="0.15">
      <c r="A77" s="8" t="s">
        <v>71</v>
      </c>
      <c r="B77" s="34">
        <v>386</v>
      </c>
      <c r="C77" s="13">
        <v>376</v>
      </c>
      <c r="D77" s="12">
        <v>762</v>
      </c>
    </row>
    <row r="78" spans="1:4" ht="18" customHeight="1" x14ac:dyDescent="0.15">
      <c r="A78" s="8">
        <v>60</v>
      </c>
      <c r="B78" s="34">
        <v>65</v>
      </c>
      <c r="C78" s="13">
        <v>62</v>
      </c>
      <c r="D78" s="12">
        <v>127</v>
      </c>
    </row>
    <row r="79" spans="1:4" ht="18" customHeight="1" x14ac:dyDescent="0.15">
      <c r="A79" s="8">
        <v>61</v>
      </c>
      <c r="B79" s="34">
        <v>59</v>
      </c>
      <c r="C79" s="13">
        <v>73</v>
      </c>
      <c r="D79" s="12">
        <v>132</v>
      </c>
    </row>
    <row r="80" spans="1:4" ht="18" customHeight="1" x14ac:dyDescent="0.15">
      <c r="A80" s="8">
        <v>62</v>
      </c>
      <c r="B80" s="34">
        <v>77</v>
      </c>
      <c r="C80" s="13">
        <v>80</v>
      </c>
      <c r="D80" s="12">
        <v>157</v>
      </c>
    </row>
    <row r="81" spans="1:4" ht="18" customHeight="1" x14ac:dyDescent="0.15">
      <c r="A81" s="8">
        <v>63</v>
      </c>
      <c r="B81" s="34">
        <v>57</v>
      </c>
      <c r="C81" s="13">
        <v>63</v>
      </c>
      <c r="D81" s="12">
        <v>120</v>
      </c>
    </row>
    <row r="82" spans="1:4" ht="18" customHeight="1" x14ac:dyDescent="0.15">
      <c r="A82" s="8">
        <v>64</v>
      </c>
      <c r="B82" s="34">
        <v>56</v>
      </c>
      <c r="C82" s="13">
        <v>74</v>
      </c>
      <c r="D82" s="12">
        <v>130</v>
      </c>
    </row>
    <row r="83" spans="1:4" ht="18" customHeight="1" x14ac:dyDescent="0.15">
      <c r="A83" s="8" t="s">
        <v>189</v>
      </c>
      <c r="B83" s="34">
        <v>314</v>
      </c>
      <c r="C83" s="13">
        <v>352</v>
      </c>
      <c r="D83" s="12">
        <v>666</v>
      </c>
    </row>
    <row r="84" spans="1:4" ht="18" customHeight="1" x14ac:dyDescent="0.15">
      <c r="A84" s="8" t="s">
        <v>227</v>
      </c>
      <c r="B84" s="34">
        <v>4048</v>
      </c>
      <c r="C84" s="13">
        <v>3767</v>
      </c>
      <c r="D84" s="12">
        <v>7815</v>
      </c>
    </row>
    <row r="85" spans="1:4" ht="18" customHeight="1" x14ac:dyDescent="0.15">
      <c r="A85" s="8">
        <v>65</v>
      </c>
      <c r="B85" s="34">
        <v>82</v>
      </c>
      <c r="C85" s="13">
        <v>62</v>
      </c>
      <c r="D85" s="12">
        <v>144</v>
      </c>
    </row>
    <row r="86" spans="1:4" ht="18" customHeight="1" x14ac:dyDescent="0.15">
      <c r="A86" s="8">
        <v>66</v>
      </c>
      <c r="B86" s="34">
        <v>67</v>
      </c>
      <c r="C86" s="13">
        <v>64</v>
      </c>
      <c r="D86" s="12">
        <v>131</v>
      </c>
    </row>
    <row r="87" spans="1:4" ht="18" customHeight="1" x14ac:dyDescent="0.15">
      <c r="A87" s="8">
        <v>67</v>
      </c>
      <c r="B87" s="34">
        <v>68</v>
      </c>
      <c r="C87" s="13">
        <v>65</v>
      </c>
      <c r="D87" s="12">
        <v>133</v>
      </c>
    </row>
    <row r="88" spans="1:4" ht="18" customHeight="1" x14ac:dyDescent="0.15">
      <c r="A88" s="8">
        <v>68</v>
      </c>
      <c r="B88" s="34">
        <v>67</v>
      </c>
      <c r="C88" s="13">
        <v>79</v>
      </c>
      <c r="D88" s="12">
        <v>146</v>
      </c>
    </row>
    <row r="89" spans="1:4" ht="18" customHeight="1" x14ac:dyDescent="0.15">
      <c r="A89" s="8">
        <v>69</v>
      </c>
      <c r="B89" s="34">
        <v>83</v>
      </c>
      <c r="C89" s="13">
        <v>72</v>
      </c>
      <c r="D89" s="12">
        <v>155</v>
      </c>
    </row>
    <row r="90" spans="1:4" ht="18" customHeight="1" x14ac:dyDescent="0.15">
      <c r="A90" s="8" t="s">
        <v>226</v>
      </c>
      <c r="B90" s="34">
        <v>367</v>
      </c>
      <c r="C90" s="13">
        <v>342</v>
      </c>
      <c r="D90" s="12">
        <v>709</v>
      </c>
    </row>
    <row r="91" spans="1:4" ht="18" customHeight="1" x14ac:dyDescent="0.15">
      <c r="A91" s="8">
        <v>70</v>
      </c>
      <c r="B91" s="34">
        <v>84</v>
      </c>
      <c r="C91" s="13">
        <v>64</v>
      </c>
      <c r="D91" s="12">
        <v>148</v>
      </c>
    </row>
    <row r="92" spans="1:4" ht="18" customHeight="1" x14ac:dyDescent="0.15">
      <c r="A92" s="8">
        <v>71</v>
      </c>
      <c r="B92" s="34">
        <v>74</v>
      </c>
      <c r="C92" s="13">
        <v>80</v>
      </c>
      <c r="D92" s="12">
        <v>154</v>
      </c>
    </row>
    <row r="93" spans="1:4" ht="18" customHeight="1" x14ac:dyDescent="0.15">
      <c r="A93" s="8">
        <v>72</v>
      </c>
      <c r="B93" s="34">
        <v>72</v>
      </c>
      <c r="C93" s="13">
        <v>89</v>
      </c>
      <c r="D93" s="12">
        <v>161</v>
      </c>
    </row>
    <row r="94" spans="1:4" ht="18" customHeight="1" x14ac:dyDescent="0.15">
      <c r="A94" s="8">
        <v>73</v>
      </c>
      <c r="B94" s="34">
        <v>100</v>
      </c>
      <c r="C94" s="13">
        <v>90</v>
      </c>
      <c r="D94" s="12">
        <v>190</v>
      </c>
    </row>
    <row r="95" spans="1:4" ht="18" customHeight="1" x14ac:dyDescent="0.15">
      <c r="A95" s="8">
        <v>74</v>
      </c>
      <c r="B95" s="34">
        <v>74</v>
      </c>
      <c r="C95" s="13">
        <v>97</v>
      </c>
      <c r="D95" s="12">
        <v>171</v>
      </c>
    </row>
    <row r="96" spans="1:4" ht="18" customHeight="1" x14ac:dyDescent="0.15">
      <c r="A96" s="8" t="s">
        <v>41</v>
      </c>
      <c r="B96" s="34">
        <v>404</v>
      </c>
      <c r="C96" s="13">
        <v>420</v>
      </c>
      <c r="D96" s="12">
        <v>824</v>
      </c>
    </row>
    <row r="97" spans="1:4" ht="18" customHeight="1" x14ac:dyDescent="0.15">
      <c r="A97" s="8">
        <v>75</v>
      </c>
      <c r="B97" s="34">
        <v>92</v>
      </c>
      <c r="C97" s="13">
        <v>130</v>
      </c>
      <c r="D97" s="12">
        <v>222</v>
      </c>
    </row>
    <row r="98" spans="1:4" ht="18" customHeight="1" x14ac:dyDescent="0.15">
      <c r="A98" s="8">
        <v>76</v>
      </c>
      <c r="B98" s="34">
        <v>77</v>
      </c>
      <c r="C98" s="13">
        <v>97</v>
      </c>
      <c r="D98" s="12">
        <v>174</v>
      </c>
    </row>
    <row r="99" spans="1:4" ht="18" customHeight="1" x14ac:dyDescent="0.15">
      <c r="A99" s="8">
        <v>77</v>
      </c>
      <c r="B99" s="34">
        <v>45</v>
      </c>
      <c r="C99" s="13">
        <v>44</v>
      </c>
      <c r="D99" s="12">
        <v>89</v>
      </c>
    </row>
    <row r="100" spans="1:4" ht="18" customHeight="1" x14ac:dyDescent="0.15">
      <c r="A100" s="8">
        <v>78</v>
      </c>
      <c r="B100" s="34">
        <v>50</v>
      </c>
      <c r="C100" s="13">
        <v>78</v>
      </c>
      <c r="D100" s="12">
        <v>128</v>
      </c>
    </row>
    <row r="101" spans="1:4" ht="18" customHeight="1" x14ac:dyDescent="0.15">
      <c r="A101" s="8">
        <v>79</v>
      </c>
      <c r="B101" s="34">
        <v>56</v>
      </c>
      <c r="C101" s="13">
        <v>67</v>
      </c>
      <c r="D101" s="12">
        <v>123</v>
      </c>
    </row>
    <row r="102" spans="1:4" ht="18" customHeight="1" x14ac:dyDescent="0.15">
      <c r="A102" s="8" t="s">
        <v>70</v>
      </c>
      <c r="B102" s="34">
        <v>320</v>
      </c>
      <c r="C102" s="13">
        <v>416</v>
      </c>
      <c r="D102" s="12">
        <v>736</v>
      </c>
    </row>
    <row r="103" spans="1:4" ht="18" customHeight="1" x14ac:dyDescent="0.15">
      <c r="A103" s="8">
        <v>80</v>
      </c>
      <c r="B103" s="34">
        <v>70</v>
      </c>
      <c r="C103" s="13">
        <v>63</v>
      </c>
      <c r="D103" s="12">
        <v>133</v>
      </c>
    </row>
    <row r="104" spans="1:4" ht="18" customHeight="1" x14ac:dyDescent="0.15">
      <c r="A104" s="8">
        <v>81</v>
      </c>
      <c r="B104" s="34">
        <v>53</v>
      </c>
      <c r="C104" s="13">
        <v>66</v>
      </c>
      <c r="D104" s="12">
        <v>119</v>
      </c>
    </row>
    <row r="105" spans="1:4" ht="18" customHeight="1" x14ac:dyDescent="0.15">
      <c r="A105" s="8">
        <v>82</v>
      </c>
      <c r="B105" s="34">
        <v>48</v>
      </c>
      <c r="C105" s="13">
        <v>57</v>
      </c>
      <c r="D105" s="12">
        <v>105</v>
      </c>
    </row>
    <row r="106" spans="1:4" ht="18" customHeight="1" x14ac:dyDescent="0.15">
      <c r="A106" s="8">
        <v>83</v>
      </c>
      <c r="B106" s="34">
        <v>37</v>
      </c>
      <c r="C106" s="13">
        <v>56</v>
      </c>
      <c r="D106" s="12">
        <v>93</v>
      </c>
    </row>
    <row r="107" spans="1:4" ht="18" customHeight="1" x14ac:dyDescent="0.15">
      <c r="A107" s="8">
        <v>84</v>
      </c>
      <c r="B107" s="34">
        <v>29</v>
      </c>
      <c r="C107" s="13">
        <v>45</v>
      </c>
      <c r="D107" s="12">
        <v>74</v>
      </c>
    </row>
    <row r="108" spans="1:4" ht="18" customHeight="1" x14ac:dyDescent="0.15">
      <c r="A108" s="8" t="s">
        <v>98</v>
      </c>
      <c r="B108" s="34">
        <v>237</v>
      </c>
      <c r="C108" s="13">
        <v>287</v>
      </c>
      <c r="D108" s="12">
        <v>524</v>
      </c>
    </row>
    <row r="109" spans="1:4" ht="18" customHeight="1" x14ac:dyDescent="0.15">
      <c r="A109" s="8">
        <v>85</v>
      </c>
      <c r="B109" s="34">
        <v>37</v>
      </c>
      <c r="C109" s="13">
        <v>40</v>
      </c>
      <c r="D109" s="12">
        <v>77</v>
      </c>
    </row>
    <row r="110" spans="1:4" ht="18" customHeight="1" x14ac:dyDescent="0.15">
      <c r="A110" s="8">
        <v>86</v>
      </c>
      <c r="B110" s="34">
        <v>23</v>
      </c>
      <c r="C110" s="13">
        <v>51</v>
      </c>
      <c r="D110" s="12">
        <v>74</v>
      </c>
    </row>
    <row r="111" spans="1:4" ht="18" customHeight="1" x14ac:dyDescent="0.15">
      <c r="A111" s="8">
        <v>87</v>
      </c>
      <c r="B111" s="34">
        <v>20</v>
      </c>
      <c r="C111" s="13">
        <v>48</v>
      </c>
      <c r="D111" s="12">
        <v>68</v>
      </c>
    </row>
    <row r="112" spans="1:4" ht="18" customHeight="1" x14ac:dyDescent="0.15">
      <c r="A112" s="8">
        <v>88</v>
      </c>
      <c r="B112" s="34">
        <v>14</v>
      </c>
      <c r="C112" s="13">
        <v>28</v>
      </c>
      <c r="D112" s="12">
        <v>42</v>
      </c>
    </row>
    <row r="113" spans="1:4" ht="18" customHeight="1" x14ac:dyDescent="0.15">
      <c r="A113" s="8">
        <v>89</v>
      </c>
      <c r="B113" s="34">
        <v>13</v>
      </c>
      <c r="C113" s="13">
        <v>28</v>
      </c>
      <c r="D113" s="12">
        <v>41</v>
      </c>
    </row>
    <row r="114" spans="1:4" ht="18" customHeight="1" x14ac:dyDescent="0.15">
      <c r="A114" s="8" t="s">
        <v>225</v>
      </c>
      <c r="B114" s="34">
        <v>107</v>
      </c>
      <c r="C114" s="13">
        <v>195</v>
      </c>
      <c r="D114" s="12">
        <v>302</v>
      </c>
    </row>
    <row r="115" spans="1:4" ht="18" customHeight="1" x14ac:dyDescent="0.15">
      <c r="A115" s="8">
        <v>90</v>
      </c>
      <c r="B115" s="34">
        <v>12</v>
      </c>
      <c r="C115" s="13">
        <v>34</v>
      </c>
      <c r="D115" s="12">
        <v>46</v>
      </c>
    </row>
    <row r="116" spans="1:4" ht="18" customHeight="1" x14ac:dyDescent="0.15">
      <c r="A116" s="8">
        <v>91</v>
      </c>
      <c r="B116" s="34">
        <v>9</v>
      </c>
      <c r="C116" s="13">
        <v>31</v>
      </c>
      <c r="D116" s="12">
        <v>40</v>
      </c>
    </row>
    <row r="117" spans="1:4" ht="18" customHeight="1" x14ac:dyDescent="0.15">
      <c r="A117" s="8">
        <v>92</v>
      </c>
      <c r="B117" s="34">
        <v>6</v>
      </c>
      <c r="C117" s="13">
        <v>17</v>
      </c>
      <c r="D117" s="12">
        <v>23</v>
      </c>
    </row>
    <row r="118" spans="1:4" ht="18" customHeight="1" x14ac:dyDescent="0.15">
      <c r="A118" s="8">
        <v>93</v>
      </c>
      <c r="B118" s="34">
        <v>5</v>
      </c>
      <c r="C118" s="13">
        <v>14</v>
      </c>
      <c r="D118" s="12">
        <v>19</v>
      </c>
    </row>
    <row r="119" spans="1:4" ht="18" customHeight="1" x14ac:dyDescent="0.15">
      <c r="A119" s="8">
        <v>94</v>
      </c>
      <c r="B119" s="34">
        <v>2</v>
      </c>
      <c r="C119" s="13">
        <v>16</v>
      </c>
      <c r="D119" s="12">
        <v>18</v>
      </c>
    </row>
    <row r="120" spans="1:4" ht="18" customHeight="1" x14ac:dyDescent="0.15">
      <c r="A120" s="8" t="s">
        <v>224</v>
      </c>
      <c r="B120" s="34">
        <v>34</v>
      </c>
      <c r="C120" s="13">
        <v>112</v>
      </c>
      <c r="D120" s="12">
        <v>146</v>
      </c>
    </row>
    <row r="121" spans="1:4" ht="18" customHeight="1" x14ac:dyDescent="0.15">
      <c r="A121" s="8">
        <v>95</v>
      </c>
      <c r="B121" s="34">
        <v>4</v>
      </c>
      <c r="C121" s="13">
        <v>16</v>
      </c>
      <c r="D121" s="12">
        <v>20</v>
      </c>
    </row>
    <row r="122" spans="1:4" ht="18" customHeight="1" x14ac:dyDescent="0.15">
      <c r="A122" s="8">
        <v>96</v>
      </c>
      <c r="B122" s="34">
        <v>1</v>
      </c>
      <c r="C122" s="13">
        <v>13</v>
      </c>
      <c r="D122" s="12">
        <v>14</v>
      </c>
    </row>
    <row r="123" spans="1:4" ht="18" customHeight="1" x14ac:dyDescent="0.15">
      <c r="A123" s="8">
        <v>97</v>
      </c>
      <c r="B123" s="34">
        <v>1</v>
      </c>
      <c r="C123" s="13">
        <v>5</v>
      </c>
      <c r="D123" s="12">
        <v>6</v>
      </c>
    </row>
    <row r="124" spans="1:4" ht="18" customHeight="1" x14ac:dyDescent="0.15">
      <c r="A124" s="8">
        <v>98</v>
      </c>
      <c r="B124" s="34">
        <v>1</v>
      </c>
      <c r="C124" s="13">
        <v>4</v>
      </c>
      <c r="D124" s="12">
        <v>5</v>
      </c>
    </row>
    <row r="125" spans="1:4" ht="18" customHeight="1" x14ac:dyDescent="0.15">
      <c r="A125" s="8">
        <v>99</v>
      </c>
      <c r="B125" s="34">
        <v>1</v>
      </c>
      <c r="C125" s="13">
        <v>1</v>
      </c>
      <c r="D125" s="12">
        <v>2</v>
      </c>
    </row>
    <row r="126" spans="1:4" ht="18" customHeight="1" x14ac:dyDescent="0.15">
      <c r="A126" s="8" t="s">
        <v>68</v>
      </c>
      <c r="B126" s="34">
        <v>8</v>
      </c>
      <c r="C126" s="13">
        <v>39</v>
      </c>
      <c r="D126" s="12">
        <v>47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223</v>
      </c>
      <c r="B128" s="34">
        <v>0</v>
      </c>
      <c r="C128" s="13">
        <v>4</v>
      </c>
      <c r="D128" s="12">
        <v>4</v>
      </c>
    </row>
    <row r="129" spans="1:4" ht="18" customHeight="1" x14ac:dyDescent="0.15">
      <c r="A129" s="8" t="s">
        <v>95</v>
      </c>
      <c r="B129" s="34">
        <v>0</v>
      </c>
      <c r="C129" s="13">
        <v>4</v>
      </c>
      <c r="D129" s="12">
        <v>4</v>
      </c>
    </row>
    <row r="130" spans="1:4" ht="18" customHeight="1" x14ac:dyDescent="0.15">
      <c r="A130" s="8" t="s">
        <v>222</v>
      </c>
      <c r="B130" s="28">
        <v>1477</v>
      </c>
      <c r="C130" s="6">
        <v>1815</v>
      </c>
      <c r="D130" s="5">
        <v>3292</v>
      </c>
    </row>
    <row r="131" spans="1:4" ht="18" customHeight="1" x14ac:dyDescent="0.15">
      <c r="A131" s="4" t="s">
        <v>0</v>
      </c>
      <c r="B131" s="27">
        <v>6308</v>
      </c>
      <c r="C131" s="2">
        <v>6289</v>
      </c>
      <c r="D131" s="1">
        <v>1259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3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061</v>
      </c>
      <c r="C5" s="44">
        <v>1019</v>
      </c>
      <c r="D5" s="43">
        <v>2080</v>
      </c>
    </row>
    <row r="6" spans="1:4" ht="18" customHeight="1" x14ac:dyDescent="0.15">
      <c r="A6" s="8">
        <v>1</v>
      </c>
      <c r="B6" s="39">
        <v>1118</v>
      </c>
      <c r="C6" s="13">
        <v>1018</v>
      </c>
      <c r="D6" s="12">
        <v>2136</v>
      </c>
    </row>
    <row r="7" spans="1:4" ht="18" customHeight="1" x14ac:dyDescent="0.15">
      <c r="A7" s="8">
        <v>2</v>
      </c>
      <c r="B7" s="39">
        <v>1124</v>
      </c>
      <c r="C7" s="13">
        <v>1047</v>
      </c>
      <c r="D7" s="12">
        <v>2171</v>
      </c>
    </row>
    <row r="8" spans="1:4" ht="18" customHeight="1" x14ac:dyDescent="0.15">
      <c r="A8" s="8">
        <v>3</v>
      </c>
      <c r="B8" s="39">
        <v>1161</v>
      </c>
      <c r="C8" s="13">
        <v>1111</v>
      </c>
      <c r="D8" s="12">
        <v>2272</v>
      </c>
    </row>
    <row r="9" spans="1:4" ht="18" customHeight="1" x14ac:dyDescent="0.15">
      <c r="A9" s="8">
        <v>4</v>
      </c>
      <c r="B9" s="42">
        <v>1186</v>
      </c>
      <c r="C9" s="41">
        <v>1153</v>
      </c>
      <c r="D9" s="40">
        <v>2339</v>
      </c>
    </row>
    <row r="10" spans="1:4" ht="18" customHeight="1" x14ac:dyDescent="0.15">
      <c r="A10" s="8" t="s">
        <v>66</v>
      </c>
      <c r="B10" s="34">
        <v>5650</v>
      </c>
      <c r="C10" s="13">
        <v>5348</v>
      </c>
      <c r="D10" s="12">
        <v>10998</v>
      </c>
    </row>
    <row r="11" spans="1:4" ht="18" customHeight="1" x14ac:dyDescent="0.15">
      <c r="A11" s="8">
        <v>5</v>
      </c>
      <c r="B11" s="39">
        <v>1175</v>
      </c>
      <c r="C11" s="13">
        <v>1149</v>
      </c>
      <c r="D11" s="12">
        <v>2324</v>
      </c>
    </row>
    <row r="12" spans="1:4" ht="18" customHeight="1" x14ac:dyDescent="0.15">
      <c r="A12" s="8">
        <v>6</v>
      </c>
      <c r="B12" s="39">
        <v>1266</v>
      </c>
      <c r="C12" s="13">
        <v>1209</v>
      </c>
      <c r="D12" s="12">
        <v>2475</v>
      </c>
    </row>
    <row r="13" spans="1:4" ht="18" customHeight="1" x14ac:dyDescent="0.15">
      <c r="A13" s="8">
        <v>7</v>
      </c>
      <c r="B13" s="39">
        <v>1251</v>
      </c>
      <c r="C13" s="13">
        <v>1222</v>
      </c>
      <c r="D13" s="12">
        <v>2473</v>
      </c>
    </row>
    <row r="14" spans="1:4" ht="18" customHeight="1" x14ac:dyDescent="0.15">
      <c r="A14" s="8">
        <v>8</v>
      </c>
      <c r="B14" s="39">
        <v>1261</v>
      </c>
      <c r="C14" s="13">
        <v>1257</v>
      </c>
      <c r="D14" s="12">
        <v>2518</v>
      </c>
    </row>
    <row r="15" spans="1:4" ht="18" customHeight="1" x14ac:dyDescent="0.15">
      <c r="A15" s="8">
        <v>9</v>
      </c>
      <c r="B15" s="39">
        <v>1280</v>
      </c>
      <c r="C15" s="13">
        <v>1243</v>
      </c>
      <c r="D15" s="12">
        <v>2523</v>
      </c>
    </row>
    <row r="16" spans="1:4" ht="18" customHeight="1" x14ac:dyDescent="0.15">
      <c r="A16" s="8" t="s">
        <v>50</v>
      </c>
      <c r="B16" s="34">
        <v>6233</v>
      </c>
      <c r="C16" s="13">
        <v>6080</v>
      </c>
      <c r="D16" s="12">
        <v>12313</v>
      </c>
    </row>
    <row r="17" spans="1:4" ht="18" customHeight="1" x14ac:dyDescent="0.15">
      <c r="A17" s="8">
        <v>10</v>
      </c>
      <c r="B17" s="34">
        <v>1309</v>
      </c>
      <c r="C17" s="13">
        <v>1195</v>
      </c>
      <c r="D17" s="12">
        <v>2504</v>
      </c>
    </row>
    <row r="18" spans="1:4" ht="18" customHeight="1" x14ac:dyDescent="0.15">
      <c r="A18" s="8">
        <v>11</v>
      </c>
      <c r="B18" s="34">
        <v>1292</v>
      </c>
      <c r="C18" s="13">
        <v>1303</v>
      </c>
      <c r="D18" s="12">
        <v>2595</v>
      </c>
    </row>
    <row r="19" spans="1:4" ht="18" customHeight="1" x14ac:dyDescent="0.15">
      <c r="A19" s="8">
        <v>12</v>
      </c>
      <c r="B19" s="34">
        <v>1387</v>
      </c>
      <c r="C19" s="13">
        <v>1202</v>
      </c>
      <c r="D19" s="12">
        <v>2589</v>
      </c>
    </row>
    <row r="20" spans="1:4" ht="18" customHeight="1" x14ac:dyDescent="0.15">
      <c r="A20" s="8">
        <v>13</v>
      </c>
      <c r="B20" s="34">
        <v>1341</v>
      </c>
      <c r="C20" s="13">
        <v>1316</v>
      </c>
      <c r="D20" s="12">
        <v>2657</v>
      </c>
    </row>
    <row r="21" spans="1:4" ht="18" customHeight="1" x14ac:dyDescent="0.15">
      <c r="A21" s="8">
        <v>14</v>
      </c>
      <c r="B21" s="34">
        <v>1369</v>
      </c>
      <c r="C21" s="13">
        <v>1279</v>
      </c>
      <c r="D21" s="12">
        <v>2648</v>
      </c>
    </row>
    <row r="22" spans="1:4" ht="18" customHeight="1" x14ac:dyDescent="0.15">
      <c r="A22" s="8" t="s">
        <v>75</v>
      </c>
      <c r="B22" s="34">
        <v>6698</v>
      </c>
      <c r="C22" s="13">
        <v>6295</v>
      </c>
      <c r="D22" s="12">
        <v>12993</v>
      </c>
    </row>
    <row r="23" spans="1:4" ht="18" customHeight="1" x14ac:dyDescent="0.15">
      <c r="A23" s="8" t="s">
        <v>65</v>
      </c>
      <c r="B23" s="34">
        <v>18581</v>
      </c>
      <c r="C23" s="13">
        <v>17723</v>
      </c>
      <c r="D23" s="12">
        <v>36304</v>
      </c>
    </row>
    <row r="24" spans="1:4" ht="18" customHeight="1" x14ac:dyDescent="0.15">
      <c r="A24" s="8">
        <v>15</v>
      </c>
      <c r="B24" s="34">
        <v>1348</v>
      </c>
      <c r="C24" s="13">
        <v>1370</v>
      </c>
      <c r="D24" s="12">
        <v>2718</v>
      </c>
    </row>
    <row r="25" spans="1:4" ht="18" customHeight="1" x14ac:dyDescent="0.15">
      <c r="A25" s="8">
        <v>16</v>
      </c>
      <c r="B25" s="34">
        <v>1379</v>
      </c>
      <c r="C25" s="13">
        <v>1339</v>
      </c>
      <c r="D25" s="12">
        <v>2718</v>
      </c>
    </row>
    <row r="26" spans="1:4" ht="18" customHeight="1" x14ac:dyDescent="0.15">
      <c r="A26" s="8">
        <v>17</v>
      </c>
      <c r="B26" s="34">
        <v>1421</v>
      </c>
      <c r="C26" s="13">
        <v>1299</v>
      </c>
      <c r="D26" s="12">
        <v>2720</v>
      </c>
    </row>
    <row r="27" spans="1:4" ht="18" customHeight="1" x14ac:dyDescent="0.15">
      <c r="A27" s="8">
        <v>18</v>
      </c>
      <c r="B27" s="34">
        <v>1362</v>
      </c>
      <c r="C27" s="13">
        <v>1349</v>
      </c>
      <c r="D27" s="12">
        <v>2711</v>
      </c>
    </row>
    <row r="28" spans="1:4" ht="18" customHeight="1" x14ac:dyDescent="0.15">
      <c r="A28" s="8">
        <v>19</v>
      </c>
      <c r="B28" s="34">
        <v>1508</v>
      </c>
      <c r="C28" s="13">
        <v>1407</v>
      </c>
      <c r="D28" s="12">
        <v>2915</v>
      </c>
    </row>
    <row r="29" spans="1:4" ht="18" customHeight="1" x14ac:dyDescent="0.15">
      <c r="A29" s="8" t="s">
        <v>48</v>
      </c>
      <c r="B29" s="34">
        <v>7018</v>
      </c>
      <c r="C29" s="13">
        <v>6764</v>
      </c>
      <c r="D29" s="12">
        <v>13782</v>
      </c>
    </row>
    <row r="30" spans="1:4" ht="18" customHeight="1" x14ac:dyDescent="0.15">
      <c r="A30" s="8">
        <v>20</v>
      </c>
      <c r="B30" s="34">
        <v>1584</v>
      </c>
      <c r="C30" s="13">
        <v>1392</v>
      </c>
      <c r="D30" s="12">
        <v>2976</v>
      </c>
    </row>
    <row r="31" spans="1:4" ht="18" customHeight="1" x14ac:dyDescent="0.15">
      <c r="A31" s="8">
        <v>21</v>
      </c>
      <c r="B31" s="34">
        <v>1646</v>
      </c>
      <c r="C31" s="13">
        <v>1472</v>
      </c>
      <c r="D31" s="12">
        <v>3118</v>
      </c>
    </row>
    <row r="32" spans="1:4" ht="18" customHeight="1" x14ac:dyDescent="0.15">
      <c r="A32" s="8">
        <v>22</v>
      </c>
      <c r="B32" s="34">
        <v>1712</v>
      </c>
      <c r="C32" s="13">
        <v>1442</v>
      </c>
      <c r="D32" s="12">
        <v>3154</v>
      </c>
    </row>
    <row r="33" spans="1:4" ht="18" customHeight="1" x14ac:dyDescent="0.15">
      <c r="A33" s="8">
        <v>23</v>
      </c>
      <c r="B33" s="34">
        <v>1763</v>
      </c>
      <c r="C33" s="13">
        <v>1420</v>
      </c>
      <c r="D33" s="12">
        <v>3183</v>
      </c>
    </row>
    <row r="34" spans="1:4" ht="18" customHeight="1" x14ac:dyDescent="0.15">
      <c r="A34" s="8">
        <v>24</v>
      </c>
      <c r="B34" s="34">
        <v>1649</v>
      </c>
      <c r="C34" s="13">
        <v>1376</v>
      </c>
      <c r="D34" s="12">
        <v>3025</v>
      </c>
    </row>
    <row r="35" spans="1:4" ht="18" customHeight="1" x14ac:dyDescent="0.15">
      <c r="A35" s="8" t="s">
        <v>74</v>
      </c>
      <c r="B35" s="34">
        <v>8354</v>
      </c>
      <c r="C35" s="13">
        <v>7102</v>
      </c>
      <c r="D35" s="12">
        <v>15456</v>
      </c>
    </row>
    <row r="36" spans="1:4" ht="18" customHeight="1" x14ac:dyDescent="0.15">
      <c r="A36" s="8">
        <v>25</v>
      </c>
      <c r="B36" s="34">
        <v>1733</v>
      </c>
      <c r="C36" s="13">
        <v>1443</v>
      </c>
      <c r="D36" s="12">
        <v>3176</v>
      </c>
    </row>
    <row r="37" spans="1:4" ht="18" customHeight="1" x14ac:dyDescent="0.15">
      <c r="A37" s="8">
        <v>26</v>
      </c>
      <c r="B37" s="34">
        <v>1707</v>
      </c>
      <c r="C37" s="13">
        <v>1539</v>
      </c>
      <c r="D37" s="12">
        <v>3246</v>
      </c>
    </row>
    <row r="38" spans="1:4" ht="18" customHeight="1" x14ac:dyDescent="0.15">
      <c r="A38" s="8">
        <v>27</v>
      </c>
      <c r="B38" s="34">
        <v>1702</v>
      </c>
      <c r="C38" s="13">
        <v>1437</v>
      </c>
      <c r="D38" s="12">
        <v>3139</v>
      </c>
    </row>
    <row r="39" spans="1:4" ht="18" customHeight="1" x14ac:dyDescent="0.15">
      <c r="A39" s="8">
        <v>28</v>
      </c>
      <c r="B39" s="34">
        <v>1749</v>
      </c>
      <c r="C39" s="13">
        <v>1483</v>
      </c>
      <c r="D39" s="12">
        <v>3232</v>
      </c>
    </row>
    <row r="40" spans="1:4" ht="18" customHeight="1" x14ac:dyDescent="0.15">
      <c r="A40" s="8">
        <v>29</v>
      </c>
      <c r="B40" s="34">
        <v>1660</v>
      </c>
      <c r="C40" s="13">
        <v>1459</v>
      </c>
      <c r="D40" s="12">
        <v>3119</v>
      </c>
    </row>
    <row r="41" spans="1:4" ht="18" customHeight="1" x14ac:dyDescent="0.15">
      <c r="A41" s="8" t="s">
        <v>73</v>
      </c>
      <c r="B41" s="34">
        <v>8551</v>
      </c>
      <c r="C41" s="13">
        <v>7361</v>
      </c>
      <c r="D41" s="12">
        <v>15912</v>
      </c>
    </row>
    <row r="42" spans="1:4" ht="18" customHeight="1" x14ac:dyDescent="0.15">
      <c r="A42" s="8">
        <v>30</v>
      </c>
      <c r="B42" s="34">
        <v>1550</v>
      </c>
      <c r="C42" s="13">
        <v>1473</v>
      </c>
      <c r="D42" s="12">
        <v>3023</v>
      </c>
    </row>
    <row r="43" spans="1:4" ht="18" customHeight="1" x14ac:dyDescent="0.15">
      <c r="A43" s="8">
        <v>31</v>
      </c>
      <c r="B43" s="34">
        <v>1610</v>
      </c>
      <c r="C43" s="13">
        <v>1458</v>
      </c>
      <c r="D43" s="12">
        <v>3068</v>
      </c>
    </row>
    <row r="44" spans="1:4" ht="18" customHeight="1" x14ac:dyDescent="0.15">
      <c r="A44" s="8">
        <v>32</v>
      </c>
      <c r="B44" s="34">
        <v>1663</v>
      </c>
      <c r="C44" s="13">
        <v>1447</v>
      </c>
      <c r="D44" s="12">
        <v>3110</v>
      </c>
    </row>
    <row r="45" spans="1:4" ht="18" customHeight="1" x14ac:dyDescent="0.15">
      <c r="A45" s="8">
        <v>33</v>
      </c>
      <c r="B45" s="34">
        <v>1666</v>
      </c>
      <c r="C45" s="13">
        <v>1472</v>
      </c>
      <c r="D45" s="12">
        <v>3138</v>
      </c>
    </row>
    <row r="46" spans="1:4" ht="18" customHeight="1" x14ac:dyDescent="0.15">
      <c r="A46" s="8">
        <v>34</v>
      </c>
      <c r="B46" s="34">
        <v>1702</v>
      </c>
      <c r="C46" s="13">
        <v>1516</v>
      </c>
      <c r="D46" s="12">
        <v>3218</v>
      </c>
    </row>
    <row r="47" spans="1:4" ht="18" customHeight="1" x14ac:dyDescent="0.15">
      <c r="A47" s="8" t="s">
        <v>61</v>
      </c>
      <c r="B47" s="34">
        <v>8191</v>
      </c>
      <c r="C47" s="13">
        <v>7366</v>
      </c>
      <c r="D47" s="12">
        <v>15557</v>
      </c>
    </row>
    <row r="48" spans="1:4" ht="18" customHeight="1" x14ac:dyDescent="0.15">
      <c r="A48" s="8">
        <v>35</v>
      </c>
      <c r="B48" s="34">
        <v>1660</v>
      </c>
      <c r="C48" s="13">
        <v>1550</v>
      </c>
      <c r="D48" s="12">
        <v>3210</v>
      </c>
    </row>
    <row r="49" spans="1:4" ht="18" customHeight="1" x14ac:dyDescent="0.15">
      <c r="A49" s="8">
        <v>36</v>
      </c>
      <c r="B49" s="34">
        <v>1732</v>
      </c>
      <c r="C49" s="13">
        <v>1695</v>
      </c>
      <c r="D49" s="12">
        <v>3427</v>
      </c>
    </row>
    <row r="50" spans="1:4" ht="18" customHeight="1" x14ac:dyDescent="0.15">
      <c r="A50" s="8">
        <v>37</v>
      </c>
      <c r="B50" s="34">
        <v>1843</v>
      </c>
      <c r="C50" s="13">
        <v>1728</v>
      </c>
      <c r="D50" s="12">
        <v>3571</v>
      </c>
    </row>
    <row r="51" spans="1:4" ht="18" customHeight="1" x14ac:dyDescent="0.15">
      <c r="A51" s="8">
        <v>38</v>
      </c>
      <c r="B51" s="34">
        <v>1945</v>
      </c>
      <c r="C51" s="13">
        <v>1735</v>
      </c>
      <c r="D51" s="12">
        <v>3680</v>
      </c>
    </row>
    <row r="52" spans="1:4" ht="18" customHeight="1" x14ac:dyDescent="0.15">
      <c r="A52" s="8">
        <v>39</v>
      </c>
      <c r="B52" s="34">
        <v>1843</v>
      </c>
      <c r="C52" s="13">
        <v>1716</v>
      </c>
      <c r="D52" s="12">
        <v>3559</v>
      </c>
    </row>
    <row r="53" spans="1:4" ht="18" customHeight="1" x14ac:dyDescent="0.15">
      <c r="A53" s="8" t="s">
        <v>72</v>
      </c>
      <c r="B53" s="34">
        <v>9023</v>
      </c>
      <c r="C53" s="13">
        <v>8424</v>
      </c>
      <c r="D53" s="12">
        <v>17447</v>
      </c>
    </row>
    <row r="54" spans="1:4" ht="18" customHeight="1" x14ac:dyDescent="0.15">
      <c r="A54" s="8">
        <v>40</v>
      </c>
      <c r="B54" s="34">
        <v>1915</v>
      </c>
      <c r="C54" s="13">
        <v>1668</v>
      </c>
      <c r="D54" s="12">
        <v>3583</v>
      </c>
    </row>
    <row r="55" spans="1:4" ht="18" customHeight="1" x14ac:dyDescent="0.15">
      <c r="A55" s="8">
        <v>41</v>
      </c>
      <c r="B55" s="34">
        <v>1906</v>
      </c>
      <c r="C55" s="13">
        <v>1888</v>
      </c>
      <c r="D55" s="12">
        <v>3794</v>
      </c>
    </row>
    <row r="56" spans="1:4" ht="18" customHeight="1" x14ac:dyDescent="0.15">
      <c r="A56" s="8">
        <v>42</v>
      </c>
      <c r="B56" s="34">
        <v>1925</v>
      </c>
      <c r="C56" s="13">
        <v>1799</v>
      </c>
      <c r="D56" s="12">
        <v>3724</v>
      </c>
    </row>
    <row r="57" spans="1:4" ht="18" customHeight="1" x14ac:dyDescent="0.15">
      <c r="A57" s="8">
        <v>43</v>
      </c>
      <c r="B57" s="34">
        <v>2050</v>
      </c>
      <c r="C57" s="13">
        <v>1928</v>
      </c>
      <c r="D57" s="12">
        <v>3978</v>
      </c>
    </row>
    <row r="58" spans="1:4" ht="18" customHeight="1" x14ac:dyDescent="0.15">
      <c r="A58" s="8">
        <v>44</v>
      </c>
      <c r="B58" s="34">
        <v>2167</v>
      </c>
      <c r="C58" s="13">
        <v>2053</v>
      </c>
      <c r="D58" s="12">
        <v>4220</v>
      </c>
    </row>
    <row r="59" spans="1:4" ht="18" customHeight="1" x14ac:dyDescent="0.15">
      <c r="A59" s="8" t="s">
        <v>46</v>
      </c>
      <c r="B59" s="34">
        <v>9963</v>
      </c>
      <c r="C59" s="13">
        <v>9336</v>
      </c>
      <c r="D59" s="12">
        <v>19299</v>
      </c>
    </row>
    <row r="60" spans="1:4" ht="18" customHeight="1" x14ac:dyDescent="0.15">
      <c r="A60" s="8">
        <v>45</v>
      </c>
      <c r="B60" s="34">
        <v>2288</v>
      </c>
      <c r="C60" s="13">
        <v>2095</v>
      </c>
      <c r="D60" s="12">
        <v>4383</v>
      </c>
    </row>
    <row r="61" spans="1:4" ht="18" customHeight="1" x14ac:dyDescent="0.15">
      <c r="A61" s="8">
        <v>46</v>
      </c>
      <c r="B61" s="34">
        <v>2360</v>
      </c>
      <c r="C61" s="13">
        <v>2213</v>
      </c>
      <c r="D61" s="12">
        <v>4573</v>
      </c>
    </row>
    <row r="62" spans="1:4" ht="18" customHeight="1" x14ac:dyDescent="0.15">
      <c r="A62" s="8">
        <v>47</v>
      </c>
      <c r="B62" s="34">
        <v>2478</v>
      </c>
      <c r="C62" s="13">
        <v>2385</v>
      </c>
      <c r="D62" s="12">
        <v>4863</v>
      </c>
    </row>
    <row r="63" spans="1:4" ht="18" customHeight="1" x14ac:dyDescent="0.15">
      <c r="A63" s="8">
        <v>48</v>
      </c>
      <c r="B63" s="34">
        <v>2667</v>
      </c>
      <c r="C63" s="13">
        <v>2558</v>
      </c>
      <c r="D63" s="12">
        <v>5225</v>
      </c>
    </row>
    <row r="64" spans="1:4" ht="18" customHeight="1" x14ac:dyDescent="0.15">
      <c r="A64" s="8">
        <v>49</v>
      </c>
      <c r="B64" s="34">
        <v>2740</v>
      </c>
      <c r="C64" s="13">
        <v>2742</v>
      </c>
      <c r="D64" s="12">
        <v>5482</v>
      </c>
    </row>
    <row r="65" spans="1:4" ht="18" customHeight="1" x14ac:dyDescent="0.15">
      <c r="A65" s="8" t="s">
        <v>45</v>
      </c>
      <c r="B65" s="34">
        <v>12533</v>
      </c>
      <c r="C65" s="13">
        <v>11993</v>
      </c>
      <c r="D65" s="12">
        <v>24526</v>
      </c>
    </row>
    <row r="66" spans="1:4" ht="18" customHeight="1" x14ac:dyDescent="0.15">
      <c r="A66" s="8">
        <v>50</v>
      </c>
      <c r="B66" s="34">
        <v>2732</v>
      </c>
      <c r="C66" s="13">
        <v>2631</v>
      </c>
      <c r="D66" s="12">
        <v>5363</v>
      </c>
    </row>
    <row r="67" spans="1:4" ht="18" customHeight="1" x14ac:dyDescent="0.15">
      <c r="A67" s="8">
        <v>51</v>
      </c>
      <c r="B67" s="34">
        <v>2644</v>
      </c>
      <c r="C67" s="13">
        <v>2508</v>
      </c>
      <c r="D67" s="12">
        <v>5152</v>
      </c>
    </row>
    <row r="68" spans="1:4" ht="18" customHeight="1" x14ac:dyDescent="0.15">
      <c r="A68" s="8">
        <v>52</v>
      </c>
      <c r="B68" s="34">
        <v>2533</v>
      </c>
      <c r="C68" s="13">
        <v>2393</v>
      </c>
      <c r="D68" s="12">
        <v>4926</v>
      </c>
    </row>
    <row r="69" spans="1:4" ht="18" customHeight="1" x14ac:dyDescent="0.15">
      <c r="A69" s="8">
        <v>53</v>
      </c>
      <c r="B69" s="34">
        <v>2410</v>
      </c>
      <c r="C69" s="13">
        <v>2270</v>
      </c>
      <c r="D69" s="12">
        <v>4680</v>
      </c>
    </row>
    <row r="70" spans="1:4" ht="18" customHeight="1" x14ac:dyDescent="0.15">
      <c r="A70" s="8">
        <v>54</v>
      </c>
      <c r="B70" s="34">
        <v>2389</v>
      </c>
      <c r="C70" s="13">
        <v>2274</v>
      </c>
      <c r="D70" s="12">
        <v>4663</v>
      </c>
    </row>
    <row r="71" spans="1:4" ht="18" customHeight="1" x14ac:dyDescent="0.15">
      <c r="A71" s="8" t="s">
        <v>58</v>
      </c>
      <c r="B71" s="34">
        <v>12708</v>
      </c>
      <c r="C71" s="13">
        <v>12076</v>
      </c>
      <c r="D71" s="12">
        <v>24784</v>
      </c>
    </row>
    <row r="72" spans="1:4" ht="18" customHeight="1" x14ac:dyDescent="0.15">
      <c r="A72" s="8">
        <v>55</v>
      </c>
      <c r="B72" s="34">
        <v>2288</v>
      </c>
      <c r="C72" s="13">
        <v>2180</v>
      </c>
      <c r="D72" s="12">
        <v>4468</v>
      </c>
    </row>
    <row r="73" spans="1:4" ht="18" customHeight="1" x14ac:dyDescent="0.15">
      <c r="A73" s="8">
        <v>56</v>
      </c>
      <c r="B73" s="34">
        <v>1837</v>
      </c>
      <c r="C73" s="13">
        <v>1870</v>
      </c>
      <c r="D73" s="12">
        <v>3707</v>
      </c>
    </row>
    <row r="74" spans="1:4" ht="18" customHeight="1" x14ac:dyDescent="0.15">
      <c r="A74" s="8">
        <v>57</v>
      </c>
      <c r="B74" s="34">
        <v>1961</v>
      </c>
      <c r="C74" s="13">
        <v>2017</v>
      </c>
      <c r="D74" s="12">
        <v>3978</v>
      </c>
    </row>
    <row r="75" spans="1:4" ht="18" customHeight="1" x14ac:dyDescent="0.15">
      <c r="A75" s="8">
        <v>58</v>
      </c>
      <c r="B75" s="34">
        <v>1982</v>
      </c>
      <c r="C75" s="13">
        <v>2012</v>
      </c>
      <c r="D75" s="12">
        <v>3994</v>
      </c>
    </row>
    <row r="76" spans="1:4" ht="18" customHeight="1" x14ac:dyDescent="0.15">
      <c r="A76" s="8">
        <v>59</v>
      </c>
      <c r="B76" s="34">
        <v>1914</v>
      </c>
      <c r="C76" s="13">
        <v>1896</v>
      </c>
      <c r="D76" s="12">
        <v>3810</v>
      </c>
    </row>
    <row r="77" spans="1:4" ht="18" customHeight="1" x14ac:dyDescent="0.15">
      <c r="A77" s="8" t="s">
        <v>102</v>
      </c>
      <c r="B77" s="34">
        <v>9982</v>
      </c>
      <c r="C77" s="13">
        <v>9975</v>
      </c>
      <c r="D77" s="12">
        <v>19957</v>
      </c>
    </row>
    <row r="78" spans="1:4" ht="18" customHeight="1" x14ac:dyDescent="0.15">
      <c r="A78" s="8">
        <v>60</v>
      </c>
      <c r="B78" s="34">
        <v>1867</v>
      </c>
      <c r="C78" s="13">
        <v>1880</v>
      </c>
      <c r="D78" s="12">
        <v>3747</v>
      </c>
    </row>
    <row r="79" spans="1:4" ht="18" customHeight="1" x14ac:dyDescent="0.15">
      <c r="A79" s="8">
        <v>61</v>
      </c>
      <c r="B79" s="34">
        <v>1754</v>
      </c>
      <c r="C79" s="13">
        <v>1780</v>
      </c>
      <c r="D79" s="12">
        <v>3534</v>
      </c>
    </row>
    <row r="80" spans="1:4" ht="18" customHeight="1" x14ac:dyDescent="0.15">
      <c r="A80" s="8">
        <v>62</v>
      </c>
      <c r="B80" s="34">
        <v>1744</v>
      </c>
      <c r="C80" s="13">
        <v>1859</v>
      </c>
      <c r="D80" s="12">
        <v>3603</v>
      </c>
    </row>
    <row r="81" spans="1:4" ht="18" customHeight="1" x14ac:dyDescent="0.15">
      <c r="A81" s="8">
        <v>63</v>
      </c>
      <c r="B81" s="34">
        <v>1731</v>
      </c>
      <c r="C81" s="13">
        <v>1800</v>
      </c>
      <c r="D81" s="12">
        <v>3531</v>
      </c>
    </row>
    <row r="82" spans="1:4" ht="18" customHeight="1" x14ac:dyDescent="0.15">
      <c r="A82" s="8">
        <v>64</v>
      </c>
      <c r="B82" s="34">
        <v>1730</v>
      </c>
      <c r="C82" s="13">
        <v>1894</v>
      </c>
      <c r="D82" s="12">
        <v>3624</v>
      </c>
    </row>
    <row r="83" spans="1:4" ht="18" customHeight="1" x14ac:dyDescent="0.15">
      <c r="A83" s="8" t="s">
        <v>44</v>
      </c>
      <c r="B83" s="34">
        <v>8826</v>
      </c>
      <c r="C83" s="13">
        <v>9213</v>
      </c>
      <c r="D83" s="12">
        <v>18039</v>
      </c>
    </row>
    <row r="84" spans="1:4" ht="18" customHeight="1" x14ac:dyDescent="0.15">
      <c r="A84" s="8" t="s">
        <v>43</v>
      </c>
      <c r="B84" s="34">
        <v>95149</v>
      </c>
      <c r="C84" s="13">
        <v>89610</v>
      </c>
      <c r="D84" s="12">
        <v>184759</v>
      </c>
    </row>
    <row r="85" spans="1:4" ht="18" customHeight="1" x14ac:dyDescent="0.15">
      <c r="A85" s="8">
        <v>65</v>
      </c>
      <c r="B85" s="34">
        <v>1692</v>
      </c>
      <c r="C85" s="13">
        <v>1694</v>
      </c>
      <c r="D85" s="12">
        <v>3386</v>
      </c>
    </row>
    <row r="86" spans="1:4" ht="18" customHeight="1" x14ac:dyDescent="0.15">
      <c r="A86" s="8">
        <v>66</v>
      </c>
      <c r="B86" s="34">
        <v>1610</v>
      </c>
      <c r="C86" s="13">
        <v>1759</v>
      </c>
      <c r="D86" s="12">
        <v>3369</v>
      </c>
    </row>
    <row r="87" spans="1:4" ht="18" customHeight="1" x14ac:dyDescent="0.15">
      <c r="A87" s="8">
        <v>67</v>
      </c>
      <c r="B87" s="34">
        <v>1771</v>
      </c>
      <c r="C87" s="13">
        <v>1917</v>
      </c>
      <c r="D87" s="12">
        <v>3688</v>
      </c>
    </row>
    <row r="88" spans="1:4" ht="18" customHeight="1" x14ac:dyDescent="0.15">
      <c r="A88" s="8">
        <v>68</v>
      </c>
      <c r="B88" s="34">
        <v>1746</v>
      </c>
      <c r="C88" s="13">
        <v>1927</v>
      </c>
      <c r="D88" s="12">
        <v>3673</v>
      </c>
    </row>
    <row r="89" spans="1:4" ht="18" customHeight="1" x14ac:dyDescent="0.15">
      <c r="A89" s="8">
        <v>69</v>
      </c>
      <c r="B89" s="34">
        <v>1842</v>
      </c>
      <c r="C89" s="13">
        <v>2051</v>
      </c>
      <c r="D89" s="12">
        <v>3893</v>
      </c>
    </row>
    <row r="90" spans="1:4" ht="18" customHeight="1" x14ac:dyDescent="0.15">
      <c r="A90" s="8" t="s">
        <v>42</v>
      </c>
      <c r="B90" s="34">
        <v>8661</v>
      </c>
      <c r="C90" s="13">
        <v>9348</v>
      </c>
      <c r="D90" s="12">
        <v>18009</v>
      </c>
    </row>
    <row r="91" spans="1:4" ht="18" customHeight="1" x14ac:dyDescent="0.15">
      <c r="A91" s="8">
        <v>70</v>
      </c>
      <c r="B91" s="34">
        <v>1959</v>
      </c>
      <c r="C91" s="13">
        <v>2103</v>
      </c>
      <c r="D91" s="12">
        <v>4062</v>
      </c>
    </row>
    <row r="92" spans="1:4" ht="18" customHeight="1" x14ac:dyDescent="0.15">
      <c r="A92" s="8">
        <v>71</v>
      </c>
      <c r="B92" s="34">
        <v>1868</v>
      </c>
      <c r="C92" s="13">
        <v>2163</v>
      </c>
      <c r="D92" s="12">
        <v>4031</v>
      </c>
    </row>
    <row r="93" spans="1:4" ht="18" customHeight="1" x14ac:dyDescent="0.15">
      <c r="A93" s="8">
        <v>72</v>
      </c>
      <c r="B93" s="34">
        <v>2071</v>
      </c>
      <c r="C93" s="13">
        <v>2423</v>
      </c>
      <c r="D93" s="12">
        <v>4494</v>
      </c>
    </row>
    <row r="94" spans="1:4" ht="18" customHeight="1" x14ac:dyDescent="0.15">
      <c r="A94" s="8">
        <v>73</v>
      </c>
      <c r="B94" s="34">
        <v>2376</v>
      </c>
      <c r="C94" s="13">
        <v>2785</v>
      </c>
      <c r="D94" s="12">
        <v>5161</v>
      </c>
    </row>
    <row r="95" spans="1:4" ht="18" customHeight="1" x14ac:dyDescent="0.15">
      <c r="A95" s="8">
        <v>74</v>
      </c>
      <c r="B95" s="34">
        <v>2531</v>
      </c>
      <c r="C95" s="13">
        <v>2927</v>
      </c>
      <c r="D95" s="12">
        <v>5458</v>
      </c>
    </row>
    <row r="96" spans="1:4" ht="18" customHeight="1" x14ac:dyDescent="0.15">
      <c r="A96" s="8" t="s">
        <v>41</v>
      </c>
      <c r="B96" s="34">
        <v>10805</v>
      </c>
      <c r="C96" s="13">
        <v>12401</v>
      </c>
      <c r="D96" s="12">
        <v>23206</v>
      </c>
    </row>
    <row r="97" spans="1:4" ht="18" customHeight="1" x14ac:dyDescent="0.15">
      <c r="A97" s="8">
        <v>75</v>
      </c>
      <c r="B97" s="34">
        <v>2460</v>
      </c>
      <c r="C97" s="13">
        <v>3067</v>
      </c>
      <c r="D97" s="12">
        <v>5527</v>
      </c>
    </row>
    <row r="98" spans="1:4" ht="18" customHeight="1" x14ac:dyDescent="0.15">
      <c r="A98" s="8">
        <v>76</v>
      </c>
      <c r="B98" s="34">
        <v>1913</v>
      </c>
      <c r="C98" s="13">
        <v>2392</v>
      </c>
      <c r="D98" s="12">
        <v>4305</v>
      </c>
    </row>
    <row r="99" spans="1:4" ht="18" customHeight="1" x14ac:dyDescent="0.15">
      <c r="A99" s="8">
        <v>77</v>
      </c>
      <c r="B99" s="34">
        <v>1248</v>
      </c>
      <c r="C99" s="13">
        <v>1582</v>
      </c>
      <c r="D99" s="12">
        <v>2830</v>
      </c>
    </row>
    <row r="100" spans="1:4" ht="18" customHeight="1" x14ac:dyDescent="0.15">
      <c r="A100" s="8">
        <v>78</v>
      </c>
      <c r="B100" s="34">
        <v>1627</v>
      </c>
      <c r="C100" s="13">
        <v>2123</v>
      </c>
      <c r="D100" s="12">
        <v>3750</v>
      </c>
    </row>
    <row r="101" spans="1:4" ht="18" customHeight="1" x14ac:dyDescent="0.15">
      <c r="A101" s="8">
        <v>79</v>
      </c>
      <c r="B101" s="34">
        <v>1677</v>
      </c>
      <c r="C101" s="13">
        <v>2311</v>
      </c>
      <c r="D101" s="12">
        <v>3988</v>
      </c>
    </row>
    <row r="102" spans="1:4" ht="18" customHeight="1" x14ac:dyDescent="0.15">
      <c r="A102" s="8" t="s">
        <v>70</v>
      </c>
      <c r="B102" s="34">
        <v>8925</v>
      </c>
      <c r="C102" s="13">
        <v>11475</v>
      </c>
      <c r="D102" s="12">
        <v>20400</v>
      </c>
    </row>
    <row r="103" spans="1:4" ht="18" customHeight="1" x14ac:dyDescent="0.15">
      <c r="A103" s="8">
        <v>80</v>
      </c>
      <c r="B103" s="34">
        <v>1531</v>
      </c>
      <c r="C103" s="13">
        <v>2017</v>
      </c>
      <c r="D103" s="12">
        <v>3548</v>
      </c>
    </row>
    <row r="104" spans="1:4" ht="18" customHeight="1" x14ac:dyDescent="0.15">
      <c r="A104" s="8">
        <v>81</v>
      </c>
      <c r="B104" s="34">
        <v>1589</v>
      </c>
      <c r="C104" s="13">
        <v>2271</v>
      </c>
      <c r="D104" s="12">
        <v>3860</v>
      </c>
    </row>
    <row r="105" spans="1:4" ht="18" customHeight="1" x14ac:dyDescent="0.15">
      <c r="A105" s="8">
        <v>82</v>
      </c>
      <c r="B105" s="34">
        <v>1326</v>
      </c>
      <c r="C105" s="13">
        <v>1883</v>
      </c>
      <c r="D105" s="12">
        <v>3209</v>
      </c>
    </row>
    <row r="106" spans="1:4" ht="18" customHeight="1" x14ac:dyDescent="0.15">
      <c r="A106" s="8">
        <v>83</v>
      </c>
      <c r="B106" s="34">
        <v>1111</v>
      </c>
      <c r="C106" s="13">
        <v>1528</v>
      </c>
      <c r="D106" s="12">
        <v>2639</v>
      </c>
    </row>
    <row r="107" spans="1:4" ht="18" customHeight="1" x14ac:dyDescent="0.15">
      <c r="A107" s="8">
        <v>84</v>
      </c>
      <c r="B107" s="34">
        <v>850</v>
      </c>
      <c r="C107" s="13">
        <v>1355</v>
      </c>
      <c r="D107" s="12">
        <v>2205</v>
      </c>
    </row>
    <row r="108" spans="1:4" ht="18" customHeight="1" x14ac:dyDescent="0.15">
      <c r="A108" s="8" t="s">
        <v>98</v>
      </c>
      <c r="B108" s="34">
        <v>6407</v>
      </c>
      <c r="C108" s="13">
        <v>9054</v>
      </c>
      <c r="D108" s="12">
        <v>15461</v>
      </c>
    </row>
    <row r="109" spans="1:4" ht="18" customHeight="1" x14ac:dyDescent="0.15">
      <c r="A109" s="8">
        <v>85</v>
      </c>
      <c r="B109" s="34">
        <v>927</v>
      </c>
      <c r="C109" s="13">
        <v>1502</v>
      </c>
      <c r="D109" s="12">
        <v>2429</v>
      </c>
    </row>
    <row r="110" spans="1:4" ht="18" customHeight="1" x14ac:dyDescent="0.15">
      <c r="A110" s="8">
        <v>86</v>
      </c>
      <c r="B110" s="34">
        <v>802</v>
      </c>
      <c r="C110" s="13">
        <v>1475</v>
      </c>
      <c r="D110" s="12">
        <v>2277</v>
      </c>
    </row>
    <row r="111" spans="1:4" ht="18" customHeight="1" x14ac:dyDescent="0.15">
      <c r="A111" s="8">
        <v>87</v>
      </c>
      <c r="B111" s="34">
        <v>762</v>
      </c>
      <c r="C111" s="13">
        <v>1513</v>
      </c>
      <c r="D111" s="12">
        <v>2275</v>
      </c>
    </row>
    <row r="112" spans="1:4" ht="18" customHeight="1" x14ac:dyDescent="0.15">
      <c r="A112" s="8">
        <v>88</v>
      </c>
      <c r="B112" s="34">
        <v>578</v>
      </c>
      <c r="C112" s="13">
        <v>1094</v>
      </c>
      <c r="D112" s="12">
        <v>1672</v>
      </c>
    </row>
    <row r="113" spans="1:4" ht="18" customHeight="1" x14ac:dyDescent="0.15">
      <c r="A113" s="8">
        <v>89</v>
      </c>
      <c r="B113" s="34">
        <v>531</v>
      </c>
      <c r="C113" s="13">
        <v>1144</v>
      </c>
      <c r="D113" s="12">
        <v>1675</v>
      </c>
    </row>
    <row r="114" spans="1:4" ht="18" customHeight="1" x14ac:dyDescent="0.15">
      <c r="A114" s="8" t="s">
        <v>38</v>
      </c>
      <c r="B114" s="34">
        <v>3600</v>
      </c>
      <c r="C114" s="13">
        <v>6728</v>
      </c>
      <c r="D114" s="12">
        <v>10328</v>
      </c>
    </row>
    <row r="115" spans="1:4" ht="18" customHeight="1" x14ac:dyDescent="0.15">
      <c r="A115" s="8">
        <v>90</v>
      </c>
      <c r="B115" s="34">
        <v>419</v>
      </c>
      <c r="C115" s="13">
        <v>1204</v>
      </c>
      <c r="D115" s="12">
        <v>1623</v>
      </c>
    </row>
    <row r="116" spans="1:4" ht="18" customHeight="1" x14ac:dyDescent="0.15">
      <c r="A116" s="8">
        <v>91</v>
      </c>
      <c r="B116" s="34">
        <v>327</v>
      </c>
      <c r="C116" s="13">
        <v>835</v>
      </c>
      <c r="D116" s="12">
        <v>1162</v>
      </c>
    </row>
    <row r="117" spans="1:4" ht="18" customHeight="1" x14ac:dyDescent="0.15">
      <c r="A117" s="8">
        <v>92</v>
      </c>
      <c r="B117" s="34">
        <v>244</v>
      </c>
      <c r="C117" s="13">
        <v>746</v>
      </c>
      <c r="D117" s="12">
        <v>990</v>
      </c>
    </row>
    <row r="118" spans="1:4" ht="18" customHeight="1" x14ac:dyDescent="0.15">
      <c r="A118" s="8">
        <v>93</v>
      </c>
      <c r="B118" s="34">
        <v>204</v>
      </c>
      <c r="C118" s="13">
        <v>628</v>
      </c>
      <c r="D118" s="12">
        <v>832</v>
      </c>
    </row>
    <row r="119" spans="1:4" ht="18" customHeight="1" x14ac:dyDescent="0.15">
      <c r="A119" s="8">
        <v>94</v>
      </c>
      <c r="B119" s="34">
        <v>153</v>
      </c>
      <c r="C119" s="13">
        <v>513</v>
      </c>
      <c r="D119" s="12">
        <v>666</v>
      </c>
    </row>
    <row r="120" spans="1:4" ht="18" customHeight="1" x14ac:dyDescent="0.15">
      <c r="A120" s="8" t="s">
        <v>69</v>
      </c>
      <c r="B120" s="34">
        <v>1347</v>
      </c>
      <c r="C120" s="13">
        <v>3926</v>
      </c>
      <c r="D120" s="12">
        <v>5273</v>
      </c>
    </row>
    <row r="121" spans="1:4" ht="18" customHeight="1" x14ac:dyDescent="0.15">
      <c r="A121" s="8">
        <v>95</v>
      </c>
      <c r="B121" s="34">
        <v>107</v>
      </c>
      <c r="C121" s="13">
        <v>410</v>
      </c>
      <c r="D121" s="12">
        <v>517</v>
      </c>
    </row>
    <row r="122" spans="1:4" ht="18" customHeight="1" x14ac:dyDescent="0.15">
      <c r="A122" s="8">
        <v>96</v>
      </c>
      <c r="B122" s="34">
        <v>93</v>
      </c>
      <c r="C122" s="13">
        <v>328</v>
      </c>
      <c r="D122" s="12">
        <v>421</v>
      </c>
    </row>
    <row r="123" spans="1:4" ht="18" customHeight="1" x14ac:dyDescent="0.15">
      <c r="A123" s="8">
        <v>97</v>
      </c>
      <c r="B123" s="34">
        <v>60</v>
      </c>
      <c r="C123" s="13">
        <v>264</v>
      </c>
      <c r="D123" s="12">
        <v>324</v>
      </c>
    </row>
    <row r="124" spans="1:4" ht="18" customHeight="1" x14ac:dyDescent="0.15">
      <c r="A124" s="8">
        <v>98</v>
      </c>
      <c r="B124" s="34">
        <v>39</v>
      </c>
      <c r="C124" s="13">
        <v>198</v>
      </c>
      <c r="D124" s="12">
        <v>237</v>
      </c>
    </row>
    <row r="125" spans="1:4" ht="18" customHeight="1" x14ac:dyDescent="0.15">
      <c r="A125" s="8">
        <v>99</v>
      </c>
      <c r="B125" s="34">
        <v>20</v>
      </c>
      <c r="C125" s="13">
        <v>128</v>
      </c>
      <c r="D125" s="12">
        <v>148</v>
      </c>
    </row>
    <row r="126" spans="1:4" ht="18" customHeight="1" x14ac:dyDescent="0.15">
      <c r="A126" s="8" t="s">
        <v>68</v>
      </c>
      <c r="B126" s="34">
        <v>319</v>
      </c>
      <c r="C126" s="13">
        <v>1328</v>
      </c>
      <c r="D126" s="12">
        <v>1647</v>
      </c>
    </row>
    <row r="127" spans="1:4" ht="18" customHeight="1" x14ac:dyDescent="0.15">
      <c r="A127" s="8">
        <v>100</v>
      </c>
      <c r="B127" s="34">
        <v>17</v>
      </c>
      <c r="C127" s="13">
        <v>83</v>
      </c>
      <c r="D127" s="12">
        <v>100</v>
      </c>
    </row>
    <row r="128" spans="1:4" ht="18" customHeight="1" x14ac:dyDescent="0.15">
      <c r="A128" s="15" t="s">
        <v>159</v>
      </c>
      <c r="B128" s="34">
        <v>15</v>
      </c>
      <c r="C128" s="13">
        <v>144</v>
      </c>
      <c r="D128" s="12">
        <v>159</v>
      </c>
    </row>
    <row r="129" spans="1:4" ht="18" customHeight="1" x14ac:dyDescent="0.15">
      <c r="A129" s="8" t="s">
        <v>36</v>
      </c>
      <c r="B129" s="34">
        <v>32</v>
      </c>
      <c r="C129" s="13">
        <v>227</v>
      </c>
      <c r="D129" s="12">
        <v>259</v>
      </c>
    </row>
    <row r="130" spans="1:4" ht="18" customHeight="1" x14ac:dyDescent="0.15">
      <c r="A130" s="8" t="s">
        <v>35</v>
      </c>
      <c r="B130" s="28">
        <v>40096</v>
      </c>
      <c r="C130" s="6">
        <v>54487</v>
      </c>
      <c r="D130" s="5">
        <v>94583</v>
      </c>
    </row>
    <row r="131" spans="1:4" ht="18" customHeight="1" x14ac:dyDescent="0.15">
      <c r="A131" s="4" t="s">
        <v>0</v>
      </c>
      <c r="B131" s="27">
        <v>153826</v>
      </c>
      <c r="C131" s="2">
        <v>161820</v>
      </c>
      <c r="D131" s="1">
        <v>31564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3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0</v>
      </c>
      <c r="D5" s="43">
        <v>0</v>
      </c>
    </row>
    <row r="6" spans="1:4" ht="18" customHeight="1" x14ac:dyDescent="0.15">
      <c r="A6" s="8">
        <v>1</v>
      </c>
      <c r="B6" s="39">
        <v>1</v>
      </c>
      <c r="C6" s="13">
        <v>0</v>
      </c>
      <c r="D6" s="12">
        <v>1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1</v>
      </c>
      <c r="C9" s="41">
        <v>0</v>
      </c>
      <c r="D9" s="40">
        <v>1</v>
      </c>
    </row>
    <row r="10" spans="1:4" ht="18" customHeight="1" x14ac:dyDescent="0.15">
      <c r="A10" s="8" t="s">
        <v>76</v>
      </c>
      <c r="B10" s="34">
        <v>2</v>
      </c>
      <c r="C10" s="13">
        <v>0</v>
      </c>
      <c r="D10" s="12">
        <v>2</v>
      </c>
    </row>
    <row r="11" spans="1:4" ht="18" customHeight="1" x14ac:dyDescent="0.15">
      <c r="A11" s="8">
        <v>5</v>
      </c>
      <c r="B11" s="39">
        <v>2</v>
      </c>
      <c r="C11" s="13">
        <v>0</v>
      </c>
      <c r="D11" s="12">
        <v>2</v>
      </c>
    </row>
    <row r="12" spans="1:4" ht="18" customHeight="1" x14ac:dyDescent="0.15">
      <c r="A12" s="8">
        <v>6</v>
      </c>
      <c r="B12" s="39">
        <v>0</v>
      </c>
      <c r="C12" s="13">
        <v>1</v>
      </c>
      <c r="D12" s="12">
        <v>1</v>
      </c>
    </row>
    <row r="13" spans="1:4" ht="18" customHeight="1" x14ac:dyDescent="0.15">
      <c r="A13" s="8">
        <v>7</v>
      </c>
      <c r="B13" s="39">
        <v>2</v>
      </c>
      <c r="C13" s="13">
        <v>0</v>
      </c>
      <c r="D13" s="12">
        <v>2</v>
      </c>
    </row>
    <row r="14" spans="1:4" ht="18" customHeight="1" x14ac:dyDescent="0.15">
      <c r="A14" s="8">
        <v>8</v>
      </c>
      <c r="B14" s="39">
        <v>3</v>
      </c>
      <c r="C14" s="13">
        <v>1</v>
      </c>
      <c r="D14" s="12">
        <v>4</v>
      </c>
    </row>
    <row r="15" spans="1:4" ht="18" customHeight="1" x14ac:dyDescent="0.15">
      <c r="A15" s="8">
        <v>9</v>
      </c>
      <c r="B15" s="39">
        <v>1</v>
      </c>
      <c r="C15" s="13">
        <v>0</v>
      </c>
      <c r="D15" s="12">
        <v>1</v>
      </c>
    </row>
    <row r="16" spans="1:4" ht="18" customHeight="1" x14ac:dyDescent="0.15">
      <c r="A16" s="8" t="s">
        <v>234</v>
      </c>
      <c r="B16" s="34">
        <v>8</v>
      </c>
      <c r="C16" s="13">
        <v>2</v>
      </c>
      <c r="D16" s="12">
        <v>10</v>
      </c>
    </row>
    <row r="17" spans="1:4" ht="18" customHeight="1" x14ac:dyDescent="0.15">
      <c r="A17" s="8">
        <v>10</v>
      </c>
      <c r="B17" s="34">
        <v>0</v>
      </c>
      <c r="C17" s="13">
        <v>1</v>
      </c>
      <c r="D17" s="12">
        <v>1</v>
      </c>
    </row>
    <row r="18" spans="1:4" ht="18" customHeight="1" x14ac:dyDescent="0.15">
      <c r="A18" s="8">
        <v>11</v>
      </c>
      <c r="B18" s="34">
        <v>1</v>
      </c>
      <c r="C18" s="13">
        <v>1</v>
      </c>
      <c r="D18" s="12">
        <v>2</v>
      </c>
    </row>
    <row r="19" spans="1:4" ht="18" customHeight="1" x14ac:dyDescent="0.15">
      <c r="A19" s="8">
        <v>12</v>
      </c>
      <c r="B19" s="34">
        <v>2</v>
      </c>
      <c r="C19" s="13">
        <v>0</v>
      </c>
      <c r="D19" s="12">
        <v>2</v>
      </c>
    </row>
    <row r="20" spans="1:4" ht="18" customHeight="1" x14ac:dyDescent="0.15">
      <c r="A20" s="8">
        <v>13</v>
      </c>
      <c r="B20" s="34">
        <v>2</v>
      </c>
      <c r="C20" s="13">
        <v>2</v>
      </c>
      <c r="D20" s="12">
        <v>4</v>
      </c>
    </row>
    <row r="21" spans="1:4" ht="18" customHeight="1" x14ac:dyDescent="0.15">
      <c r="A21" s="8">
        <v>14</v>
      </c>
      <c r="B21" s="34">
        <v>0</v>
      </c>
      <c r="C21" s="13">
        <v>0</v>
      </c>
      <c r="D21" s="12">
        <v>0</v>
      </c>
    </row>
    <row r="22" spans="1:4" ht="18" customHeight="1" x14ac:dyDescent="0.15">
      <c r="A22" s="8" t="s">
        <v>75</v>
      </c>
      <c r="B22" s="34">
        <v>5</v>
      </c>
      <c r="C22" s="13">
        <v>4</v>
      </c>
      <c r="D22" s="12">
        <v>9</v>
      </c>
    </row>
    <row r="23" spans="1:4" ht="18" customHeight="1" x14ac:dyDescent="0.15">
      <c r="A23" s="8" t="s">
        <v>65</v>
      </c>
      <c r="B23" s="34">
        <v>15</v>
      </c>
      <c r="C23" s="13">
        <v>6</v>
      </c>
      <c r="D23" s="12">
        <v>21</v>
      </c>
    </row>
    <row r="24" spans="1:4" ht="18" customHeight="1" x14ac:dyDescent="0.15">
      <c r="A24" s="8">
        <v>15</v>
      </c>
      <c r="B24" s="34">
        <v>0</v>
      </c>
      <c r="C24" s="13">
        <v>0</v>
      </c>
      <c r="D24" s="12">
        <v>0</v>
      </c>
    </row>
    <row r="25" spans="1:4" ht="18" customHeight="1" x14ac:dyDescent="0.15">
      <c r="A25" s="8">
        <v>16</v>
      </c>
      <c r="B25" s="34">
        <v>0</v>
      </c>
      <c r="C25" s="13">
        <v>1</v>
      </c>
      <c r="D25" s="12">
        <v>1</v>
      </c>
    </row>
    <row r="26" spans="1:4" ht="18" customHeight="1" x14ac:dyDescent="0.15">
      <c r="A26" s="8">
        <v>17</v>
      </c>
      <c r="B26" s="34">
        <v>1</v>
      </c>
      <c r="C26" s="13">
        <v>1</v>
      </c>
      <c r="D26" s="12">
        <v>2</v>
      </c>
    </row>
    <row r="27" spans="1:4" ht="18" customHeight="1" x14ac:dyDescent="0.15">
      <c r="A27" s="8">
        <v>18</v>
      </c>
      <c r="B27" s="34">
        <v>1</v>
      </c>
      <c r="C27" s="13">
        <v>0</v>
      </c>
      <c r="D27" s="12">
        <v>1</v>
      </c>
    </row>
    <row r="28" spans="1:4" ht="18" customHeight="1" x14ac:dyDescent="0.15">
      <c r="A28" s="8">
        <v>19</v>
      </c>
      <c r="B28" s="34">
        <v>1</v>
      </c>
      <c r="C28" s="13">
        <v>3</v>
      </c>
      <c r="D28" s="12">
        <v>4</v>
      </c>
    </row>
    <row r="29" spans="1:4" ht="18" customHeight="1" x14ac:dyDescent="0.15">
      <c r="A29" s="8" t="s">
        <v>48</v>
      </c>
      <c r="B29" s="34">
        <v>3</v>
      </c>
      <c r="C29" s="13">
        <v>5</v>
      </c>
      <c r="D29" s="12">
        <v>8</v>
      </c>
    </row>
    <row r="30" spans="1:4" ht="18" customHeight="1" x14ac:dyDescent="0.15">
      <c r="A30" s="8">
        <v>20</v>
      </c>
      <c r="B30" s="34">
        <v>0</v>
      </c>
      <c r="C30" s="13">
        <v>0</v>
      </c>
      <c r="D30" s="12">
        <v>0</v>
      </c>
    </row>
    <row r="31" spans="1:4" ht="18" customHeight="1" x14ac:dyDescent="0.15">
      <c r="A31" s="8">
        <v>21</v>
      </c>
      <c r="B31" s="34">
        <v>2</v>
      </c>
      <c r="C31" s="13">
        <v>1</v>
      </c>
      <c r="D31" s="12">
        <v>3</v>
      </c>
    </row>
    <row r="32" spans="1:4" ht="18" customHeight="1" x14ac:dyDescent="0.15">
      <c r="A32" s="8">
        <v>22</v>
      </c>
      <c r="B32" s="34">
        <v>2</v>
      </c>
      <c r="C32" s="13">
        <v>0</v>
      </c>
      <c r="D32" s="12">
        <v>2</v>
      </c>
    </row>
    <row r="33" spans="1:4" ht="18" customHeight="1" x14ac:dyDescent="0.15">
      <c r="A33" s="8">
        <v>23</v>
      </c>
      <c r="B33" s="34">
        <v>0</v>
      </c>
      <c r="C33" s="13">
        <v>2</v>
      </c>
      <c r="D33" s="12">
        <v>2</v>
      </c>
    </row>
    <row r="34" spans="1:4" ht="18" customHeight="1" x14ac:dyDescent="0.15">
      <c r="A34" s="8">
        <v>24</v>
      </c>
      <c r="B34" s="34">
        <v>1</v>
      </c>
      <c r="C34" s="13">
        <v>1</v>
      </c>
      <c r="D34" s="12">
        <v>2</v>
      </c>
    </row>
    <row r="35" spans="1:4" ht="18" customHeight="1" x14ac:dyDescent="0.15">
      <c r="A35" s="8" t="s">
        <v>74</v>
      </c>
      <c r="B35" s="34">
        <v>5</v>
      </c>
      <c r="C35" s="13">
        <v>4</v>
      </c>
      <c r="D35" s="12">
        <v>9</v>
      </c>
    </row>
    <row r="36" spans="1:4" ht="18" customHeight="1" x14ac:dyDescent="0.15">
      <c r="A36" s="8">
        <v>25</v>
      </c>
      <c r="B36" s="34">
        <v>0</v>
      </c>
      <c r="C36" s="13">
        <v>0</v>
      </c>
      <c r="D36" s="12">
        <v>0</v>
      </c>
    </row>
    <row r="37" spans="1:4" ht="18" customHeight="1" x14ac:dyDescent="0.15">
      <c r="A37" s="8">
        <v>26</v>
      </c>
      <c r="B37" s="34">
        <v>3</v>
      </c>
      <c r="C37" s="13">
        <v>0</v>
      </c>
      <c r="D37" s="12">
        <v>3</v>
      </c>
    </row>
    <row r="38" spans="1:4" ht="18" customHeight="1" x14ac:dyDescent="0.15">
      <c r="A38" s="8">
        <v>27</v>
      </c>
      <c r="B38" s="34">
        <v>0</v>
      </c>
      <c r="C38" s="13">
        <v>1</v>
      </c>
      <c r="D38" s="12">
        <v>1</v>
      </c>
    </row>
    <row r="39" spans="1:4" ht="18" customHeight="1" x14ac:dyDescent="0.15">
      <c r="A39" s="8">
        <v>28</v>
      </c>
      <c r="B39" s="34">
        <v>0</v>
      </c>
      <c r="C39" s="13">
        <v>0</v>
      </c>
      <c r="D39" s="12">
        <v>0</v>
      </c>
    </row>
    <row r="40" spans="1:4" ht="18" customHeight="1" x14ac:dyDescent="0.15">
      <c r="A40" s="8">
        <v>29</v>
      </c>
      <c r="B40" s="34">
        <v>2</v>
      </c>
      <c r="C40" s="13">
        <v>1</v>
      </c>
      <c r="D40" s="12">
        <v>3</v>
      </c>
    </row>
    <row r="41" spans="1:4" ht="18" customHeight="1" x14ac:dyDescent="0.15">
      <c r="A41" s="8" t="s">
        <v>73</v>
      </c>
      <c r="B41" s="34">
        <v>5</v>
      </c>
      <c r="C41" s="13">
        <v>2</v>
      </c>
      <c r="D41" s="12">
        <v>7</v>
      </c>
    </row>
    <row r="42" spans="1:4" ht="18" customHeight="1" x14ac:dyDescent="0.15">
      <c r="A42" s="8">
        <v>30</v>
      </c>
      <c r="B42" s="34">
        <v>1</v>
      </c>
      <c r="C42" s="13">
        <v>0</v>
      </c>
      <c r="D42" s="12">
        <v>1</v>
      </c>
    </row>
    <row r="43" spans="1:4" ht="18" customHeight="1" x14ac:dyDescent="0.15">
      <c r="A43" s="8">
        <v>31</v>
      </c>
      <c r="B43" s="34">
        <v>0</v>
      </c>
      <c r="C43" s="13">
        <v>0</v>
      </c>
      <c r="D43" s="12">
        <v>0</v>
      </c>
    </row>
    <row r="44" spans="1:4" ht="18" customHeight="1" x14ac:dyDescent="0.15">
      <c r="A44" s="8">
        <v>32</v>
      </c>
      <c r="B44" s="34">
        <v>1</v>
      </c>
      <c r="C44" s="13">
        <v>0</v>
      </c>
      <c r="D44" s="12">
        <v>1</v>
      </c>
    </row>
    <row r="45" spans="1:4" ht="18" customHeight="1" x14ac:dyDescent="0.15">
      <c r="A45" s="8">
        <v>33</v>
      </c>
      <c r="B45" s="34">
        <v>1</v>
      </c>
      <c r="C45" s="13">
        <v>0</v>
      </c>
      <c r="D45" s="12">
        <v>1</v>
      </c>
    </row>
    <row r="46" spans="1:4" ht="18" customHeight="1" x14ac:dyDescent="0.15">
      <c r="A46" s="8">
        <v>34</v>
      </c>
      <c r="B46" s="34">
        <v>0</v>
      </c>
      <c r="C46" s="13">
        <v>0</v>
      </c>
      <c r="D46" s="12">
        <v>0</v>
      </c>
    </row>
    <row r="47" spans="1:4" ht="18" customHeight="1" x14ac:dyDescent="0.15">
      <c r="A47" s="8" t="s">
        <v>61</v>
      </c>
      <c r="B47" s="34">
        <v>3</v>
      </c>
      <c r="C47" s="13">
        <v>0</v>
      </c>
      <c r="D47" s="12">
        <v>3</v>
      </c>
    </row>
    <row r="48" spans="1:4" ht="18" customHeight="1" x14ac:dyDescent="0.15">
      <c r="A48" s="8">
        <v>35</v>
      </c>
      <c r="B48" s="34">
        <v>0</v>
      </c>
      <c r="C48" s="13">
        <v>2</v>
      </c>
      <c r="D48" s="12">
        <v>2</v>
      </c>
    </row>
    <row r="49" spans="1:4" ht="18" customHeight="1" x14ac:dyDescent="0.15">
      <c r="A49" s="8">
        <v>36</v>
      </c>
      <c r="B49" s="34">
        <v>0</v>
      </c>
      <c r="C49" s="13">
        <v>1</v>
      </c>
      <c r="D49" s="12">
        <v>1</v>
      </c>
    </row>
    <row r="50" spans="1:4" ht="18" customHeight="1" x14ac:dyDescent="0.15">
      <c r="A50" s="8">
        <v>37</v>
      </c>
      <c r="B50" s="34">
        <v>2</v>
      </c>
      <c r="C50" s="13">
        <v>0</v>
      </c>
      <c r="D50" s="12">
        <v>2</v>
      </c>
    </row>
    <row r="51" spans="1:4" ht="18" customHeight="1" x14ac:dyDescent="0.15">
      <c r="A51" s="8">
        <v>38</v>
      </c>
      <c r="B51" s="34">
        <v>3</v>
      </c>
      <c r="C51" s="13">
        <v>1</v>
      </c>
      <c r="D51" s="12">
        <v>4</v>
      </c>
    </row>
    <row r="52" spans="1:4" ht="18" customHeight="1" x14ac:dyDescent="0.15">
      <c r="A52" s="8">
        <v>39</v>
      </c>
      <c r="B52" s="34">
        <v>1</v>
      </c>
      <c r="C52" s="13">
        <v>0</v>
      </c>
      <c r="D52" s="12">
        <v>1</v>
      </c>
    </row>
    <row r="53" spans="1:4" ht="18" customHeight="1" x14ac:dyDescent="0.15">
      <c r="A53" s="8" t="s">
        <v>72</v>
      </c>
      <c r="B53" s="34">
        <v>6</v>
      </c>
      <c r="C53" s="13">
        <v>4</v>
      </c>
      <c r="D53" s="12">
        <v>10</v>
      </c>
    </row>
    <row r="54" spans="1:4" ht="18" customHeight="1" x14ac:dyDescent="0.15">
      <c r="A54" s="8">
        <v>40</v>
      </c>
      <c r="B54" s="34">
        <v>2</v>
      </c>
      <c r="C54" s="13">
        <v>2</v>
      </c>
      <c r="D54" s="12">
        <v>4</v>
      </c>
    </row>
    <row r="55" spans="1:4" ht="18" customHeight="1" x14ac:dyDescent="0.15">
      <c r="A55" s="8">
        <v>41</v>
      </c>
      <c r="B55" s="34">
        <v>0</v>
      </c>
      <c r="C55" s="13">
        <v>2</v>
      </c>
      <c r="D55" s="12">
        <v>2</v>
      </c>
    </row>
    <row r="56" spans="1:4" ht="18" customHeight="1" x14ac:dyDescent="0.15">
      <c r="A56" s="8">
        <v>42</v>
      </c>
      <c r="B56" s="34">
        <v>1</v>
      </c>
      <c r="C56" s="13">
        <v>1</v>
      </c>
      <c r="D56" s="12">
        <v>2</v>
      </c>
    </row>
    <row r="57" spans="1:4" ht="18" customHeight="1" x14ac:dyDescent="0.15">
      <c r="A57" s="8">
        <v>43</v>
      </c>
      <c r="B57" s="34">
        <v>1</v>
      </c>
      <c r="C57" s="13">
        <v>1</v>
      </c>
      <c r="D57" s="12">
        <v>2</v>
      </c>
    </row>
    <row r="58" spans="1:4" ht="18" customHeight="1" x14ac:dyDescent="0.15">
      <c r="A58" s="8">
        <v>44</v>
      </c>
      <c r="B58" s="34">
        <v>1</v>
      </c>
      <c r="C58" s="13">
        <v>0</v>
      </c>
      <c r="D58" s="12">
        <v>1</v>
      </c>
    </row>
    <row r="59" spans="1:4" ht="18" customHeight="1" x14ac:dyDescent="0.15">
      <c r="A59" s="8" t="s">
        <v>46</v>
      </c>
      <c r="B59" s="34">
        <v>5</v>
      </c>
      <c r="C59" s="13">
        <v>6</v>
      </c>
      <c r="D59" s="12">
        <v>11</v>
      </c>
    </row>
    <row r="60" spans="1:4" ht="18" customHeight="1" x14ac:dyDescent="0.15">
      <c r="A60" s="8">
        <v>45</v>
      </c>
      <c r="B60" s="34">
        <v>3</v>
      </c>
      <c r="C60" s="13">
        <v>3</v>
      </c>
      <c r="D60" s="12">
        <v>6</v>
      </c>
    </row>
    <row r="61" spans="1:4" ht="18" customHeight="1" x14ac:dyDescent="0.15">
      <c r="A61" s="8">
        <v>46</v>
      </c>
      <c r="B61" s="34">
        <v>1</v>
      </c>
      <c r="C61" s="13">
        <v>4</v>
      </c>
      <c r="D61" s="12">
        <v>5</v>
      </c>
    </row>
    <row r="62" spans="1:4" ht="18" customHeight="1" x14ac:dyDescent="0.15">
      <c r="A62" s="8">
        <v>47</v>
      </c>
      <c r="B62" s="34">
        <v>3</v>
      </c>
      <c r="C62" s="13">
        <v>1</v>
      </c>
      <c r="D62" s="12">
        <v>4</v>
      </c>
    </row>
    <row r="63" spans="1:4" ht="18" customHeight="1" x14ac:dyDescent="0.15">
      <c r="A63" s="8">
        <v>48</v>
      </c>
      <c r="B63" s="34">
        <v>3</v>
      </c>
      <c r="C63" s="13">
        <v>0</v>
      </c>
      <c r="D63" s="12">
        <v>3</v>
      </c>
    </row>
    <row r="64" spans="1:4" ht="18" customHeight="1" x14ac:dyDescent="0.15">
      <c r="A64" s="8">
        <v>49</v>
      </c>
      <c r="B64" s="34">
        <v>1</v>
      </c>
      <c r="C64" s="13">
        <v>1</v>
      </c>
      <c r="D64" s="12">
        <v>2</v>
      </c>
    </row>
    <row r="65" spans="1:4" ht="18" customHeight="1" x14ac:dyDescent="0.15">
      <c r="A65" s="8" t="s">
        <v>45</v>
      </c>
      <c r="B65" s="34">
        <v>11</v>
      </c>
      <c r="C65" s="13">
        <v>9</v>
      </c>
      <c r="D65" s="12">
        <v>20</v>
      </c>
    </row>
    <row r="66" spans="1:4" ht="18" customHeight="1" x14ac:dyDescent="0.15">
      <c r="A66" s="8">
        <v>50</v>
      </c>
      <c r="B66" s="34">
        <v>0</v>
      </c>
      <c r="C66" s="13">
        <v>0</v>
      </c>
      <c r="D66" s="12">
        <v>0</v>
      </c>
    </row>
    <row r="67" spans="1:4" ht="18" customHeight="1" x14ac:dyDescent="0.15">
      <c r="A67" s="8">
        <v>51</v>
      </c>
      <c r="B67" s="34">
        <v>2</v>
      </c>
      <c r="C67" s="13">
        <v>0</v>
      </c>
      <c r="D67" s="12">
        <v>2</v>
      </c>
    </row>
    <row r="68" spans="1:4" ht="18" customHeight="1" x14ac:dyDescent="0.15">
      <c r="A68" s="8">
        <v>52</v>
      </c>
      <c r="B68" s="34">
        <v>0</v>
      </c>
      <c r="C68" s="13">
        <v>1</v>
      </c>
      <c r="D68" s="12">
        <v>1</v>
      </c>
    </row>
    <row r="69" spans="1:4" ht="18" customHeight="1" x14ac:dyDescent="0.15">
      <c r="A69" s="8">
        <v>53</v>
      </c>
      <c r="B69" s="34">
        <v>0</v>
      </c>
      <c r="C69" s="13">
        <v>2</v>
      </c>
      <c r="D69" s="12">
        <v>2</v>
      </c>
    </row>
    <row r="70" spans="1:4" ht="18" customHeight="1" x14ac:dyDescent="0.15">
      <c r="A70" s="8">
        <v>54</v>
      </c>
      <c r="B70" s="34">
        <v>4</v>
      </c>
      <c r="C70" s="13">
        <v>2</v>
      </c>
      <c r="D70" s="12">
        <v>6</v>
      </c>
    </row>
    <row r="71" spans="1:4" ht="18" customHeight="1" x14ac:dyDescent="0.15">
      <c r="A71" s="8" t="s">
        <v>58</v>
      </c>
      <c r="B71" s="34">
        <v>6</v>
      </c>
      <c r="C71" s="13">
        <v>5</v>
      </c>
      <c r="D71" s="12">
        <v>11</v>
      </c>
    </row>
    <row r="72" spans="1:4" ht="18" customHeight="1" x14ac:dyDescent="0.15">
      <c r="A72" s="8">
        <v>55</v>
      </c>
      <c r="B72" s="34">
        <v>0</v>
      </c>
      <c r="C72" s="13">
        <v>0</v>
      </c>
      <c r="D72" s="12">
        <v>0</v>
      </c>
    </row>
    <row r="73" spans="1:4" ht="18" customHeight="1" x14ac:dyDescent="0.15">
      <c r="A73" s="8">
        <v>56</v>
      </c>
      <c r="B73" s="34">
        <v>2</v>
      </c>
      <c r="C73" s="13">
        <v>0</v>
      </c>
      <c r="D73" s="12">
        <v>2</v>
      </c>
    </row>
    <row r="74" spans="1:4" ht="18" customHeight="1" x14ac:dyDescent="0.15">
      <c r="A74" s="8">
        <v>57</v>
      </c>
      <c r="B74" s="34">
        <v>2</v>
      </c>
      <c r="C74" s="13">
        <v>2</v>
      </c>
      <c r="D74" s="12">
        <v>4</v>
      </c>
    </row>
    <row r="75" spans="1:4" ht="18" customHeight="1" x14ac:dyDescent="0.15">
      <c r="A75" s="8">
        <v>58</v>
      </c>
      <c r="B75" s="34">
        <v>1</v>
      </c>
      <c r="C75" s="13">
        <v>3</v>
      </c>
      <c r="D75" s="12">
        <v>4</v>
      </c>
    </row>
    <row r="76" spans="1:4" ht="18" customHeight="1" x14ac:dyDescent="0.15">
      <c r="A76" s="8">
        <v>59</v>
      </c>
      <c r="B76" s="34">
        <v>2</v>
      </c>
      <c r="C76" s="13">
        <v>1</v>
      </c>
      <c r="D76" s="12">
        <v>3</v>
      </c>
    </row>
    <row r="77" spans="1:4" ht="18" customHeight="1" x14ac:dyDescent="0.15">
      <c r="A77" s="8" t="s">
        <v>71</v>
      </c>
      <c r="B77" s="34">
        <v>7</v>
      </c>
      <c r="C77" s="13">
        <v>6</v>
      </c>
      <c r="D77" s="12">
        <v>13</v>
      </c>
    </row>
    <row r="78" spans="1:4" ht="18" customHeight="1" x14ac:dyDescent="0.15">
      <c r="A78" s="8">
        <v>60</v>
      </c>
      <c r="B78" s="34">
        <v>4</v>
      </c>
      <c r="C78" s="13">
        <v>2</v>
      </c>
      <c r="D78" s="12">
        <v>6</v>
      </c>
    </row>
    <row r="79" spans="1:4" ht="18" customHeight="1" x14ac:dyDescent="0.15">
      <c r="A79" s="8">
        <v>61</v>
      </c>
      <c r="B79" s="34">
        <v>3</v>
      </c>
      <c r="C79" s="13">
        <v>2</v>
      </c>
      <c r="D79" s="12">
        <v>5</v>
      </c>
    </row>
    <row r="80" spans="1:4" ht="18" customHeight="1" x14ac:dyDescent="0.15">
      <c r="A80" s="8">
        <v>62</v>
      </c>
      <c r="B80" s="34">
        <v>3</v>
      </c>
      <c r="C80" s="13">
        <v>2</v>
      </c>
      <c r="D80" s="12">
        <v>5</v>
      </c>
    </row>
    <row r="81" spans="1:4" ht="18" customHeight="1" x14ac:dyDescent="0.15">
      <c r="A81" s="8">
        <v>63</v>
      </c>
      <c r="B81" s="34">
        <v>1</v>
      </c>
      <c r="C81" s="13">
        <v>0</v>
      </c>
      <c r="D81" s="12">
        <v>1</v>
      </c>
    </row>
    <row r="82" spans="1:4" ht="18" customHeight="1" x14ac:dyDescent="0.15">
      <c r="A82" s="8">
        <v>64</v>
      </c>
      <c r="B82" s="34">
        <v>2</v>
      </c>
      <c r="C82" s="13">
        <v>2</v>
      </c>
      <c r="D82" s="12">
        <v>4</v>
      </c>
    </row>
    <row r="83" spans="1:4" ht="18" customHeight="1" x14ac:dyDescent="0.15">
      <c r="A83" s="8" t="s">
        <v>44</v>
      </c>
      <c r="B83" s="34">
        <v>13</v>
      </c>
      <c r="C83" s="13">
        <v>8</v>
      </c>
      <c r="D83" s="12">
        <v>21</v>
      </c>
    </row>
    <row r="84" spans="1:4" ht="18" customHeight="1" x14ac:dyDescent="0.15">
      <c r="A84" s="8" t="s">
        <v>43</v>
      </c>
      <c r="B84" s="34">
        <v>64</v>
      </c>
      <c r="C84" s="13">
        <v>49</v>
      </c>
      <c r="D84" s="12">
        <v>113</v>
      </c>
    </row>
    <row r="85" spans="1:4" ht="18" customHeight="1" x14ac:dyDescent="0.15">
      <c r="A85" s="8">
        <v>65</v>
      </c>
      <c r="B85" s="34">
        <v>2</v>
      </c>
      <c r="C85" s="13">
        <v>0</v>
      </c>
      <c r="D85" s="12">
        <v>2</v>
      </c>
    </row>
    <row r="86" spans="1:4" ht="18" customHeight="1" x14ac:dyDescent="0.15">
      <c r="A86" s="8">
        <v>66</v>
      </c>
      <c r="B86" s="34">
        <v>0</v>
      </c>
      <c r="C86" s="13">
        <v>1</v>
      </c>
      <c r="D86" s="12">
        <v>1</v>
      </c>
    </row>
    <row r="87" spans="1:4" ht="18" customHeight="1" x14ac:dyDescent="0.15">
      <c r="A87" s="8">
        <v>67</v>
      </c>
      <c r="B87" s="34">
        <v>1</v>
      </c>
      <c r="C87" s="13">
        <v>3</v>
      </c>
      <c r="D87" s="12">
        <v>4</v>
      </c>
    </row>
    <row r="88" spans="1:4" ht="18" customHeight="1" x14ac:dyDescent="0.15">
      <c r="A88" s="8">
        <v>68</v>
      </c>
      <c r="B88" s="34">
        <v>2</v>
      </c>
      <c r="C88" s="13">
        <v>4</v>
      </c>
      <c r="D88" s="12">
        <v>6</v>
      </c>
    </row>
    <row r="89" spans="1:4" ht="18" customHeight="1" x14ac:dyDescent="0.15">
      <c r="A89" s="8">
        <v>69</v>
      </c>
      <c r="B89" s="34">
        <v>4</v>
      </c>
      <c r="C89" s="13">
        <v>2</v>
      </c>
      <c r="D89" s="12">
        <v>6</v>
      </c>
    </row>
    <row r="90" spans="1:4" ht="18" customHeight="1" x14ac:dyDescent="0.15">
      <c r="A90" s="8" t="s">
        <v>42</v>
      </c>
      <c r="B90" s="34">
        <v>9</v>
      </c>
      <c r="C90" s="13">
        <v>10</v>
      </c>
      <c r="D90" s="12">
        <v>19</v>
      </c>
    </row>
    <row r="91" spans="1:4" ht="18" customHeight="1" x14ac:dyDescent="0.15">
      <c r="A91" s="8">
        <v>70</v>
      </c>
      <c r="B91" s="34">
        <v>1</v>
      </c>
      <c r="C91" s="13">
        <v>5</v>
      </c>
      <c r="D91" s="12">
        <v>6</v>
      </c>
    </row>
    <row r="92" spans="1:4" ht="18" customHeight="1" x14ac:dyDescent="0.15">
      <c r="A92" s="8">
        <v>71</v>
      </c>
      <c r="B92" s="34">
        <v>4</v>
      </c>
      <c r="C92" s="13">
        <v>2</v>
      </c>
      <c r="D92" s="12">
        <v>6</v>
      </c>
    </row>
    <row r="93" spans="1:4" ht="18" customHeight="1" x14ac:dyDescent="0.15">
      <c r="A93" s="8">
        <v>72</v>
      </c>
      <c r="B93" s="34">
        <v>3</v>
      </c>
      <c r="C93" s="13">
        <v>3</v>
      </c>
      <c r="D93" s="12">
        <v>6</v>
      </c>
    </row>
    <row r="94" spans="1:4" ht="18" customHeight="1" x14ac:dyDescent="0.15">
      <c r="A94" s="8">
        <v>73</v>
      </c>
      <c r="B94" s="34">
        <v>3</v>
      </c>
      <c r="C94" s="13">
        <v>3</v>
      </c>
      <c r="D94" s="12">
        <v>6</v>
      </c>
    </row>
    <row r="95" spans="1:4" ht="18" customHeight="1" x14ac:dyDescent="0.15">
      <c r="A95" s="8">
        <v>74</v>
      </c>
      <c r="B95" s="34">
        <v>3</v>
      </c>
      <c r="C95" s="13">
        <v>4</v>
      </c>
      <c r="D95" s="12">
        <v>7</v>
      </c>
    </row>
    <row r="96" spans="1:4" ht="18" customHeight="1" x14ac:dyDescent="0.15">
      <c r="A96" s="8" t="s">
        <v>41</v>
      </c>
      <c r="B96" s="34">
        <v>14</v>
      </c>
      <c r="C96" s="13">
        <v>17</v>
      </c>
      <c r="D96" s="12">
        <v>31</v>
      </c>
    </row>
    <row r="97" spans="1:4" ht="18" customHeight="1" x14ac:dyDescent="0.15">
      <c r="A97" s="8">
        <v>75</v>
      </c>
      <c r="B97" s="34">
        <v>6</v>
      </c>
      <c r="C97" s="13">
        <v>5</v>
      </c>
      <c r="D97" s="12">
        <v>11</v>
      </c>
    </row>
    <row r="98" spans="1:4" ht="18" customHeight="1" x14ac:dyDescent="0.15">
      <c r="A98" s="8">
        <v>76</v>
      </c>
      <c r="B98" s="34">
        <v>4</v>
      </c>
      <c r="C98" s="13">
        <v>4</v>
      </c>
      <c r="D98" s="12">
        <v>8</v>
      </c>
    </row>
    <row r="99" spans="1:4" ht="18" customHeight="1" x14ac:dyDescent="0.15">
      <c r="A99" s="8">
        <v>77</v>
      </c>
      <c r="B99" s="34">
        <v>2</v>
      </c>
      <c r="C99" s="13">
        <v>2</v>
      </c>
      <c r="D99" s="12">
        <v>4</v>
      </c>
    </row>
    <row r="100" spans="1:4" ht="18" customHeight="1" x14ac:dyDescent="0.15">
      <c r="A100" s="8">
        <v>78</v>
      </c>
      <c r="B100" s="34">
        <v>2</v>
      </c>
      <c r="C100" s="13">
        <v>4</v>
      </c>
      <c r="D100" s="12">
        <v>6</v>
      </c>
    </row>
    <row r="101" spans="1:4" ht="18" customHeight="1" x14ac:dyDescent="0.15">
      <c r="A101" s="8">
        <v>79</v>
      </c>
      <c r="B101" s="34">
        <v>1</v>
      </c>
      <c r="C101" s="13">
        <v>2</v>
      </c>
      <c r="D101" s="12">
        <v>3</v>
      </c>
    </row>
    <row r="102" spans="1:4" ht="18" customHeight="1" x14ac:dyDescent="0.15">
      <c r="A102" s="8" t="s">
        <v>70</v>
      </c>
      <c r="B102" s="34">
        <v>15</v>
      </c>
      <c r="C102" s="13">
        <v>17</v>
      </c>
      <c r="D102" s="12">
        <v>32</v>
      </c>
    </row>
    <row r="103" spans="1:4" ht="18" customHeight="1" x14ac:dyDescent="0.15">
      <c r="A103" s="8">
        <v>80</v>
      </c>
      <c r="B103" s="34">
        <v>1</v>
      </c>
      <c r="C103" s="13">
        <v>4</v>
      </c>
      <c r="D103" s="12">
        <v>5</v>
      </c>
    </row>
    <row r="104" spans="1:4" ht="18" customHeight="1" x14ac:dyDescent="0.15">
      <c r="A104" s="8">
        <v>81</v>
      </c>
      <c r="B104" s="34">
        <v>3</v>
      </c>
      <c r="C104" s="13">
        <v>2</v>
      </c>
      <c r="D104" s="12">
        <v>5</v>
      </c>
    </row>
    <row r="105" spans="1:4" ht="18" customHeight="1" x14ac:dyDescent="0.15">
      <c r="A105" s="8">
        <v>82</v>
      </c>
      <c r="B105" s="34">
        <v>2</v>
      </c>
      <c r="C105" s="13">
        <v>2</v>
      </c>
      <c r="D105" s="12">
        <v>4</v>
      </c>
    </row>
    <row r="106" spans="1:4" ht="18" customHeight="1" x14ac:dyDescent="0.15">
      <c r="A106" s="8">
        <v>83</v>
      </c>
      <c r="B106" s="34">
        <v>2</v>
      </c>
      <c r="C106" s="13">
        <v>2</v>
      </c>
      <c r="D106" s="12">
        <v>4</v>
      </c>
    </row>
    <row r="107" spans="1:4" ht="18" customHeight="1" x14ac:dyDescent="0.15">
      <c r="A107" s="8">
        <v>84</v>
      </c>
      <c r="B107" s="34">
        <v>1</v>
      </c>
      <c r="C107" s="13">
        <v>0</v>
      </c>
      <c r="D107" s="12">
        <v>1</v>
      </c>
    </row>
    <row r="108" spans="1:4" ht="18" customHeight="1" x14ac:dyDescent="0.15">
      <c r="A108" s="8" t="s">
        <v>39</v>
      </c>
      <c r="B108" s="34">
        <v>9</v>
      </c>
      <c r="C108" s="13">
        <v>10</v>
      </c>
      <c r="D108" s="12">
        <v>19</v>
      </c>
    </row>
    <row r="109" spans="1:4" ht="18" customHeight="1" x14ac:dyDescent="0.15">
      <c r="A109" s="8">
        <v>85</v>
      </c>
      <c r="B109" s="34">
        <v>1</v>
      </c>
      <c r="C109" s="13">
        <v>6</v>
      </c>
      <c r="D109" s="12">
        <v>7</v>
      </c>
    </row>
    <row r="110" spans="1:4" ht="18" customHeight="1" x14ac:dyDescent="0.15">
      <c r="A110" s="8">
        <v>86</v>
      </c>
      <c r="B110" s="34">
        <v>2</v>
      </c>
      <c r="C110" s="13">
        <v>7</v>
      </c>
      <c r="D110" s="12">
        <v>9</v>
      </c>
    </row>
    <row r="111" spans="1:4" ht="18" customHeight="1" x14ac:dyDescent="0.15">
      <c r="A111" s="8">
        <v>87</v>
      </c>
      <c r="B111" s="34">
        <v>2</v>
      </c>
      <c r="C111" s="13">
        <v>4</v>
      </c>
      <c r="D111" s="12">
        <v>6</v>
      </c>
    </row>
    <row r="112" spans="1:4" ht="18" customHeight="1" x14ac:dyDescent="0.15">
      <c r="A112" s="8">
        <v>88</v>
      </c>
      <c r="B112" s="34">
        <v>3</v>
      </c>
      <c r="C112" s="13">
        <v>4</v>
      </c>
      <c r="D112" s="12">
        <v>7</v>
      </c>
    </row>
    <row r="113" spans="1:4" ht="18" customHeight="1" x14ac:dyDescent="0.15">
      <c r="A113" s="8">
        <v>89</v>
      </c>
      <c r="B113" s="34">
        <v>2</v>
      </c>
      <c r="C113" s="13">
        <v>2</v>
      </c>
      <c r="D113" s="12">
        <v>4</v>
      </c>
    </row>
    <row r="114" spans="1:4" ht="18" customHeight="1" x14ac:dyDescent="0.15">
      <c r="A114" s="8" t="s">
        <v>38</v>
      </c>
      <c r="B114" s="34">
        <v>10</v>
      </c>
      <c r="C114" s="13">
        <v>23</v>
      </c>
      <c r="D114" s="12">
        <v>33</v>
      </c>
    </row>
    <row r="115" spans="1:4" ht="18" customHeight="1" x14ac:dyDescent="0.15">
      <c r="A115" s="8">
        <v>90</v>
      </c>
      <c r="B115" s="34">
        <v>0</v>
      </c>
      <c r="C115" s="13">
        <v>4</v>
      </c>
      <c r="D115" s="12">
        <v>4</v>
      </c>
    </row>
    <row r="116" spans="1:4" ht="18" customHeight="1" x14ac:dyDescent="0.15">
      <c r="A116" s="8">
        <v>91</v>
      </c>
      <c r="B116" s="34">
        <v>1</v>
      </c>
      <c r="C116" s="13">
        <v>2</v>
      </c>
      <c r="D116" s="12">
        <v>3</v>
      </c>
    </row>
    <row r="117" spans="1:4" ht="18" customHeight="1" x14ac:dyDescent="0.15">
      <c r="A117" s="8">
        <v>92</v>
      </c>
      <c r="B117" s="34">
        <v>1</v>
      </c>
      <c r="C117" s="13">
        <v>2</v>
      </c>
      <c r="D117" s="12">
        <v>3</v>
      </c>
    </row>
    <row r="118" spans="1:4" ht="18" customHeight="1" x14ac:dyDescent="0.15">
      <c r="A118" s="8">
        <v>93</v>
      </c>
      <c r="B118" s="34">
        <v>1</v>
      </c>
      <c r="C118" s="13">
        <v>2</v>
      </c>
      <c r="D118" s="12">
        <v>3</v>
      </c>
    </row>
    <row r="119" spans="1:4" ht="18" customHeight="1" x14ac:dyDescent="0.15">
      <c r="A119" s="8">
        <v>94</v>
      </c>
      <c r="B119" s="34">
        <v>0</v>
      </c>
      <c r="C119" s="13">
        <v>3</v>
      </c>
      <c r="D119" s="12">
        <v>3</v>
      </c>
    </row>
    <row r="120" spans="1:4" ht="18" customHeight="1" x14ac:dyDescent="0.15">
      <c r="A120" s="8" t="s">
        <v>69</v>
      </c>
      <c r="B120" s="34">
        <v>3</v>
      </c>
      <c r="C120" s="13">
        <v>13</v>
      </c>
      <c r="D120" s="12">
        <v>16</v>
      </c>
    </row>
    <row r="121" spans="1:4" ht="18" customHeight="1" x14ac:dyDescent="0.15">
      <c r="A121" s="8">
        <v>95</v>
      </c>
      <c r="B121" s="34">
        <v>0</v>
      </c>
      <c r="C121" s="13">
        <v>0</v>
      </c>
      <c r="D121" s="12">
        <v>0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0</v>
      </c>
      <c r="D123" s="12">
        <v>0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233</v>
      </c>
      <c r="B126" s="34">
        <v>0</v>
      </c>
      <c r="C126" s="13">
        <v>0</v>
      </c>
      <c r="D126" s="12">
        <v>0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1</v>
      </c>
      <c r="D128" s="12">
        <v>1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60</v>
      </c>
      <c r="C130" s="6">
        <v>91</v>
      </c>
      <c r="D130" s="5">
        <v>151</v>
      </c>
    </row>
    <row r="131" spans="1:4" ht="18" customHeight="1" x14ac:dyDescent="0.15">
      <c r="A131" s="4" t="s">
        <v>0</v>
      </c>
      <c r="B131" s="27">
        <v>139</v>
      </c>
      <c r="C131" s="2">
        <v>146</v>
      </c>
      <c r="D131" s="1">
        <v>28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5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1</v>
      </c>
      <c r="D5" s="43">
        <v>1</v>
      </c>
    </row>
    <row r="6" spans="1:4" ht="18" customHeight="1" x14ac:dyDescent="0.15">
      <c r="A6" s="8">
        <v>1</v>
      </c>
      <c r="B6" s="39">
        <v>2</v>
      </c>
      <c r="C6" s="13">
        <v>0</v>
      </c>
      <c r="D6" s="12">
        <v>2</v>
      </c>
    </row>
    <row r="7" spans="1:4" ht="18" customHeight="1" x14ac:dyDescent="0.15">
      <c r="A7" s="8">
        <v>2</v>
      </c>
      <c r="B7" s="39">
        <v>1</v>
      </c>
      <c r="C7" s="13">
        <v>0</v>
      </c>
      <c r="D7" s="12">
        <v>1</v>
      </c>
    </row>
    <row r="8" spans="1:4" ht="18" customHeight="1" x14ac:dyDescent="0.15">
      <c r="A8" s="8">
        <v>3</v>
      </c>
      <c r="B8" s="39">
        <v>0</v>
      </c>
      <c r="C8" s="13">
        <v>1</v>
      </c>
      <c r="D8" s="12">
        <v>1</v>
      </c>
    </row>
    <row r="9" spans="1:4" ht="18" customHeight="1" x14ac:dyDescent="0.15">
      <c r="A9" s="8">
        <v>4</v>
      </c>
      <c r="B9" s="42">
        <v>2</v>
      </c>
      <c r="C9" s="41">
        <v>1</v>
      </c>
      <c r="D9" s="40">
        <v>3</v>
      </c>
    </row>
    <row r="10" spans="1:4" ht="18" customHeight="1" x14ac:dyDescent="0.15">
      <c r="A10" s="8" t="s">
        <v>256</v>
      </c>
      <c r="B10" s="34">
        <v>5</v>
      </c>
      <c r="C10" s="13">
        <v>3</v>
      </c>
      <c r="D10" s="12">
        <v>8</v>
      </c>
    </row>
    <row r="11" spans="1:4" ht="18" customHeight="1" x14ac:dyDescent="0.15">
      <c r="A11" s="8">
        <v>5</v>
      </c>
      <c r="B11" s="39">
        <v>0</v>
      </c>
      <c r="C11" s="13">
        <v>1</v>
      </c>
      <c r="D11" s="12">
        <v>1</v>
      </c>
    </row>
    <row r="12" spans="1:4" ht="18" customHeight="1" x14ac:dyDescent="0.15">
      <c r="A12" s="8">
        <v>6</v>
      </c>
      <c r="B12" s="39">
        <v>0</v>
      </c>
      <c r="C12" s="13">
        <v>0</v>
      </c>
      <c r="D12" s="12">
        <v>0</v>
      </c>
    </row>
    <row r="13" spans="1:4" ht="18" customHeight="1" x14ac:dyDescent="0.15">
      <c r="A13" s="8">
        <v>7</v>
      </c>
      <c r="B13" s="39">
        <v>3</v>
      </c>
      <c r="C13" s="13">
        <v>1</v>
      </c>
      <c r="D13" s="12">
        <v>4</v>
      </c>
    </row>
    <row r="14" spans="1:4" ht="18" customHeight="1" x14ac:dyDescent="0.15">
      <c r="A14" s="8">
        <v>8</v>
      </c>
      <c r="B14" s="39">
        <v>0</v>
      </c>
      <c r="C14" s="13">
        <v>0</v>
      </c>
      <c r="D14" s="12">
        <v>0</v>
      </c>
    </row>
    <row r="15" spans="1:4" ht="18" customHeight="1" x14ac:dyDescent="0.15">
      <c r="A15" s="8">
        <v>9</v>
      </c>
      <c r="B15" s="39">
        <v>0</v>
      </c>
      <c r="C15" s="13">
        <v>1</v>
      </c>
      <c r="D15" s="12">
        <v>1</v>
      </c>
    </row>
    <row r="16" spans="1:4" ht="18" customHeight="1" x14ac:dyDescent="0.15">
      <c r="A16" s="8" t="s">
        <v>50</v>
      </c>
      <c r="B16" s="34">
        <v>3</v>
      </c>
      <c r="C16" s="13">
        <v>3</v>
      </c>
      <c r="D16" s="12">
        <v>6</v>
      </c>
    </row>
    <row r="17" spans="1:4" ht="18" customHeight="1" x14ac:dyDescent="0.15">
      <c r="A17" s="8">
        <v>10</v>
      </c>
      <c r="B17" s="34">
        <v>1</v>
      </c>
      <c r="C17" s="13">
        <v>0</v>
      </c>
      <c r="D17" s="12">
        <v>1</v>
      </c>
    </row>
    <row r="18" spans="1:4" ht="18" customHeight="1" x14ac:dyDescent="0.15">
      <c r="A18" s="8">
        <v>11</v>
      </c>
      <c r="B18" s="34">
        <v>0</v>
      </c>
      <c r="C18" s="13">
        <v>1</v>
      </c>
      <c r="D18" s="12">
        <v>1</v>
      </c>
    </row>
    <row r="19" spans="1:4" ht="18" customHeight="1" x14ac:dyDescent="0.15">
      <c r="A19" s="8">
        <v>12</v>
      </c>
      <c r="B19" s="34">
        <v>2</v>
      </c>
      <c r="C19" s="13">
        <v>0</v>
      </c>
      <c r="D19" s="12">
        <v>2</v>
      </c>
    </row>
    <row r="20" spans="1:4" ht="18" customHeight="1" x14ac:dyDescent="0.15">
      <c r="A20" s="8">
        <v>13</v>
      </c>
      <c r="B20" s="34">
        <v>3</v>
      </c>
      <c r="C20" s="13">
        <v>0</v>
      </c>
      <c r="D20" s="12">
        <v>3</v>
      </c>
    </row>
    <row r="21" spans="1:4" ht="18" customHeight="1" x14ac:dyDescent="0.15">
      <c r="A21" s="8">
        <v>14</v>
      </c>
      <c r="B21" s="34">
        <v>0</v>
      </c>
      <c r="C21" s="13">
        <v>2</v>
      </c>
      <c r="D21" s="12">
        <v>2</v>
      </c>
    </row>
    <row r="22" spans="1:4" ht="18" customHeight="1" x14ac:dyDescent="0.15">
      <c r="A22" s="8" t="s">
        <v>255</v>
      </c>
      <c r="B22" s="34">
        <v>6</v>
      </c>
      <c r="C22" s="13">
        <v>3</v>
      </c>
      <c r="D22" s="12">
        <v>9</v>
      </c>
    </row>
    <row r="23" spans="1:4" ht="18" customHeight="1" x14ac:dyDescent="0.15">
      <c r="A23" s="8" t="s">
        <v>65</v>
      </c>
      <c r="B23" s="34">
        <v>14</v>
      </c>
      <c r="C23" s="13">
        <v>9</v>
      </c>
      <c r="D23" s="12">
        <v>23</v>
      </c>
    </row>
    <row r="24" spans="1:4" ht="18" customHeight="1" x14ac:dyDescent="0.15">
      <c r="A24" s="8">
        <v>15</v>
      </c>
      <c r="B24" s="34">
        <v>1</v>
      </c>
      <c r="C24" s="13">
        <v>4</v>
      </c>
      <c r="D24" s="12">
        <v>5</v>
      </c>
    </row>
    <row r="25" spans="1:4" ht="18" customHeight="1" x14ac:dyDescent="0.15">
      <c r="A25" s="8">
        <v>16</v>
      </c>
      <c r="B25" s="34">
        <v>0</v>
      </c>
      <c r="C25" s="13">
        <v>1</v>
      </c>
      <c r="D25" s="12">
        <v>1</v>
      </c>
    </row>
    <row r="26" spans="1:4" ht="18" customHeight="1" x14ac:dyDescent="0.15">
      <c r="A26" s="8">
        <v>17</v>
      </c>
      <c r="B26" s="34">
        <v>1</v>
      </c>
      <c r="C26" s="13">
        <v>0</v>
      </c>
      <c r="D26" s="12">
        <v>1</v>
      </c>
    </row>
    <row r="27" spans="1:4" ht="18" customHeight="1" x14ac:dyDescent="0.15">
      <c r="A27" s="8">
        <v>18</v>
      </c>
      <c r="B27" s="34">
        <v>1</v>
      </c>
      <c r="C27" s="13">
        <v>1</v>
      </c>
      <c r="D27" s="12">
        <v>2</v>
      </c>
    </row>
    <row r="28" spans="1:4" ht="18" customHeight="1" x14ac:dyDescent="0.15">
      <c r="A28" s="8">
        <v>19</v>
      </c>
      <c r="B28" s="34">
        <v>1</v>
      </c>
      <c r="C28" s="13">
        <v>0</v>
      </c>
      <c r="D28" s="12">
        <v>1</v>
      </c>
    </row>
    <row r="29" spans="1:4" ht="18" customHeight="1" x14ac:dyDescent="0.15">
      <c r="A29" s="8" t="s">
        <v>254</v>
      </c>
      <c r="B29" s="34">
        <v>4</v>
      </c>
      <c r="C29" s="13">
        <v>6</v>
      </c>
      <c r="D29" s="12">
        <v>10</v>
      </c>
    </row>
    <row r="30" spans="1:4" ht="18" customHeight="1" x14ac:dyDescent="0.15">
      <c r="A30" s="8">
        <v>20</v>
      </c>
      <c r="B30" s="34">
        <v>0</v>
      </c>
      <c r="C30" s="13">
        <v>1</v>
      </c>
      <c r="D30" s="12">
        <v>1</v>
      </c>
    </row>
    <row r="31" spans="1:4" ht="18" customHeight="1" x14ac:dyDescent="0.15">
      <c r="A31" s="8">
        <v>21</v>
      </c>
      <c r="B31" s="34">
        <v>0</v>
      </c>
      <c r="C31" s="13">
        <v>0</v>
      </c>
      <c r="D31" s="12">
        <v>0</v>
      </c>
    </row>
    <row r="32" spans="1:4" ht="18" customHeight="1" x14ac:dyDescent="0.15">
      <c r="A32" s="8">
        <v>22</v>
      </c>
      <c r="B32" s="34">
        <v>0</v>
      </c>
      <c r="C32" s="13">
        <v>0</v>
      </c>
      <c r="D32" s="12">
        <v>0</v>
      </c>
    </row>
    <row r="33" spans="1:4" ht="18" customHeight="1" x14ac:dyDescent="0.15">
      <c r="A33" s="8">
        <v>23</v>
      </c>
      <c r="B33" s="34">
        <v>0</v>
      </c>
      <c r="C33" s="13">
        <v>1</v>
      </c>
      <c r="D33" s="12">
        <v>1</v>
      </c>
    </row>
    <row r="34" spans="1:4" ht="18" customHeight="1" x14ac:dyDescent="0.15">
      <c r="A34" s="8">
        <v>24</v>
      </c>
      <c r="B34" s="34">
        <v>0</v>
      </c>
      <c r="C34" s="13">
        <v>2</v>
      </c>
      <c r="D34" s="12">
        <v>2</v>
      </c>
    </row>
    <row r="35" spans="1:4" ht="18" customHeight="1" x14ac:dyDescent="0.15">
      <c r="A35" s="8" t="s">
        <v>74</v>
      </c>
      <c r="B35" s="34">
        <v>0</v>
      </c>
      <c r="C35" s="13">
        <v>4</v>
      </c>
      <c r="D35" s="12">
        <v>4</v>
      </c>
    </row>
    <row r="36" spans="1:4" ht="18" customHeight="1" x14ac:dyDescent="0.15">
      <c r="A36" s="8">
        <v>25</v>
      </c>
      <c r="B36" s="34">
        <v>2</v>
      </c>
      <c r="C36" s="13">
        <v>0</v>
      </c>
      <c r="D36" s="12">
        <v>2</v>
      </c>
    </row>
    <row r="37" spans="1:4" ht="18" customHeight="1" x14ac:dyDescent="0.15">
      <c r="A37" s="8">
        <v>26</v>
      </c>
      <c r="B37" s="34">
        <v>1</v>
      </c>
      <c r="C37" s="13">
        <v>0</v>
      </c>
      <c r="D37" s="12">
        <v>1</v>
      </c>
    </row>
    <row r="38" spans="1:4" ht="18" customHeight="1" x14ac:dyDescent="0.15">
      <c r="A38" s="8">
        <v>27</v>
      </c>
      <c r="B38" s="34">
        <v>3</v>
      </c>
      <c r="C38" s="13">
        <v>0</v>
      </c>
      <c r="D38" s="12">
        <v>3</v>
      </c>
    </row>
    <row r="39" spans="1:4" ht="18" customHeight="1" x14ac:dyDescent="0.15">
      <c r="A39" s="8">
        <v>28</v>
      </c>
      <c r="B39" s="34">
        <v>1</v>
      </c>
      <c r="C39" s="13">
        <v>0</v>
      </c>
      <c r="D39" s="12">
        <v>1</v>
      </c>
    </row>
    <row r="40" spans="1:4" ht="18" customHeight="1" x14ac:dyDescent="0.15">
      <c r="A40" s="8">
        <v>29</v>
      </c>
      <c r="B40" s="34">
        <v>2</v>
      </c>
      <c r="C40" s="13">
        <v>1</v>
      </c>
      <c r="D40" s="12">
        <v>3</v>
      </c>
    </row>
    <row r="41" spans="1:4" ht="18" customHeight="1" x14ac:dyDescent="0.15">
      <c r="A41" s="8" t="s">
        <v>253</v>
      </c>
      <c r="B41" s="34">
        <v>9</v>
      </c>
      <c r="C41" s="13">
        <v>1</v>
      </c>
      <c r="D41" s="12">
        <v>10</v>
      </c>
    </row>
    <row r="42" spans="1:4" ht="18" customHeight="1" x14ac:dyDescent="0.15">
      <c r="A42" s="8">
        <v>30</v>
      </c>
      <c r="B42" s="34">
        <v>0</v>
      </c>
      <c r="C42" s="13">
        <v>0</v>
      </c>
      <c r="D42" s="12">
        <v>0</v>
      </c>
    </row>
    <row r="43" spans="1:4" ht="18" customHeight="1" x14ac:dyDescent="0.15">
      <c r="A43" s="8">
        <v>31</v>
      </c>
      <c r="B43" s="34">
        <v>3</v>
      </c>
      <c r="C43" s="13">
        <v>1</v>
      </c>
      <c r="D43" s="12">
        <v>4</v>
      </c>
    </row>
    <row r="44" spans="1:4" ht="18" customHeight="1" x14ac:dyDescent="0.15">
      <c r="A44" s="8">
        <v>32</v>
      </c>
      <c r="B44" s="34">
        <v>0</v>
      </c>
      <c r="C44" s="13">
        <v>1</v>
      </c>
      <c r="D44" s="12">
        <v>1</v>
      </c>
    </row>
    <row r="45" spans="1:4" ht="18" customHeight="1" x14ac:dyDescent="0.15">
      <c r="A45" s="8">
        <v>33</v>
      </c>
      <c r="B45" s="34">
        <v>0</v>
      </c>
      <c r="C45" s="13">
        <v>2</v>
      </c>
      <c r="D45" s="12">
        <v>2</v>
      </c>
    </row>
    <row r="46" spans="1:4" ht="18" customHeight="1" x14ac:dyDescent="0.15">
      <c r="A46" s="8">
        <v>34</v>
      </c>
      <c r="B46" s="34">
        <v>5</v>
      </c>
      <c r="C46" s="13">
        <v>1</v>
      </c>
      <c r="D46" s="12">
        <v>6</v>
      </c>
    </row>
    <row r="47" spans="1:4" ht="18" customHeight="1" x14ac:dyDescent="0.15">
      <c r="A47" s="8" t="s">
        <v>252</v>
      </c>
      <c r="B47" s="34">
        <v>8</v>
      </c>
      <c r="C47" s="13">
        <v>5</v>
      </c>
      <c r="D47" s="12">
        <v>13</v>
      </c>
    </row>
    <row r="48" spans="1:4" ht="18" customHeight="1" x14ac:dyDescent="0.15">
      <c r="A48" s="8">
        <v>35</v>
      </c>
      <c r="B48" s="34">
        <v>2</v>
      </c>
      <c r="C48" s="13">
        <v>2</v>
      </c>
      <c r="D48" s="12">
        <v>4</v>
      </c>
    </row>
    <row r="49" spans="1:4" ht="18" customHeight="1" x14ac:dyDescent="0.15">
      <c r="A49" s="8">
        <v>36</v>
      </c>
      <c r="B49" s="34">
        <v>3</v>
      </c>
      <c r="C49" s="13">
        <v>2</v>
      </c>
      <c r="D49" s="12">
        <v>5</v>
      </c>
    </row>
    <row r="50" spans="1:4" ht="18" customHeight="1" x14ac:dyDescent="0.15">
      <c r="A50" s="8">
        <v>37</v>
      </c>
      <c r="B50" s="34">
        <v>1</v>
      </c>
      <c r="C50" s="13">
        <v>2</v>
      </c>
      <c r="D50" s="12">
        <v>3</v>
      </c>
    </row>
    <row r="51" spans="1:4" ht="18" customHeight="1" x14ac:dyDescent="0.15">
      <c r="A51" s="8">
        <v>38</v>
      </c>
      <c r="B51" s="34">
        <v>1</v>
      </c>
      <c r="C51" s="13">
        <v>0</v>
      </c>
      <c r="D51" s="12">
        <v>1</v>
      </c>
    </row>
    <row r="52" spans="1:4" ht="18" customHeight="1" x14ac:dyDescent="0.15">
      <c r="A52" s="8">
        <v>39</v>
      </c>
      <c r="B52" s="34">
        <v>0</v>
      </c>
      <c r="C52" s="13">
        <v>2</v>
      </c>
      <c r="D52" s="12">
        <v>2</v>
      </c>
    </row>
    <row r="53" spans="1:4" ht="18" customHeight="1" x14ac:dyDescent="0.15">
      <c r="A53" s="8" t="s">
        <v>251</v>
      </c>
      <c r="B53" s="34">
        <v>7</v>
      </c>
      <c r="C53" s="13">
        <v>8</v>
      </c>
      <c r="D53" s="12">
        <v>15</v>
      </c>
    </row>
    <row r="54" spans="1:4" ht="18" customHeight="1" x14ac:dyDescent="0.15">
      <c r="A54" s="8">
        <v>40</v>
      </c>
      <c r="B54" s="34">
        <v>0</v>
      </c>
      <c r="C54" s="13">
        <v>1</v>
      </c>
      <c r="D54" s="12">
        <v>1</v>
      </c>
    </row>
    <row r="55" spans="1:4" ht="18" customHeight="1" x14ac:dyDescent="0.15">
      <c r="A55" s="8">
        <v>41</v>
      </c>
      <c r="B55" s="34">
        <v>2</v>
      </c>
      <c r="C55" s="13">
        <v>0</v>
      </c>
      <c r="D55" s="12">
        <v>2</v>
      </c>
    </row>
    <row r="56" spans="1:4" ht="18" customHeight="1" x14ac:dyDescent="0.15">
      <c r="A56" s="8">
        <v>42</v>
      </c>
      <c r="B56" s="34">
        <v>1</v>
      </c>
      <c r="C56" s="13">
        <v>1</v>
      </c>
      <c r="D56" s="12">
        <v>2</v>
      </c>
    </row>
    <row r="57" spans="1:4" ht="18" customHeight="1" x14ac:dyDescent="0.15">
      <c r="A57" s="8">
        <v>43</v>
      </c>
      <c r="B57" s="34">
        <v>3</v>
      </c>
      <c r="C57" s="13">
        <v>1</v>
      </c>
      <c r="D57" s="12">
        <v>4</v>
      </c>
    </row>
    <row r="58" spans="1:4" ht="18" customHeight="1" x14ac:dyDescent="0.15">
      <c r="A58" s="8">
        <v>44</v>
      </c>
      <c r="B58" s="34">
        <v>2</v>
      </c>
      <c r="C58" s="13">
        <v>1</v>
      </c>
      <c r="D58" s="12">
        <v>3</v>
      </c>
    </row>
    <row r="59" spans="1:4" ht="18" customHeight="1" x14ac:dyDescent="0.15">
      <c r="A59" s="8" t="s">
        <v>250</v>
      </c>
      <c r="B59" s="34">
        <v>8</v>
      </c>
      <c r="C59" s="13">
        <v>4</v>
      </c>
      <c r="D59" s="12">
        <v>12</v>
      </c>
    </row>
    <row r="60" spans="1:4" ht="18" customHeight="1" x14ac:dyDescent="0.15">
      <c r="A60" s="8">
        <v>45</v>
      </c>
      <c r="B60" s="34">
        <v>0</v>
      </c>
      <c r="C60" s="13">
        <v>1</v>
      </c>
      <c r="D60" s="12">
        <v>1</v>
      </c>
    </row>
    <row r="61" spans="1:4" ht="18" customHeight="1" x14ac:dyDescent="0.15">
      <c r="A61" s="8">
        <v>46</v>
      </c>
      <c r="B61" s="34">
        <v>2</v>
      </c>
      <c r="C61" s="13">
        <v>1</v>
      </c>
      <c r="D61" s="12">
        <v>3</v>
      </c>
    </row>
    <row r="62" spans="1:4" ht="18" customHeight="1" x14ac:dyDescent="0.15">
      <c r="A62" s="8">
        <v>47</v>
      </c>
      <c r="B62" s="34">
        <v>0</v>
      </c>
      <c r="C62" s="13">
        <v>2</v>
      </c>
      <c r="D62" s="12">
        <v>2</v>
      </c>
    </row>
    <row r="63" spans="1:4" ht="18" customHeight="1" x14ac:dyDescent="0.15">
      <c r="A63" s="8">
        <v>48</v>
      </c>
      <c r="B63" s="34">
        <v>2</v>
      </c>
      <c r="C63" s="13">
        <v>0</v>
      </c>
      <c r="D63" s="12">
        <v>2</v>
      </c>
    </row>
    <row r="64" spans="1:4" ht="18" customHeight="1" x14ac:dyDescent="0.15">
      <c r="A64" s="8">
        <v>49</v>
      </c>
      <c r="B64" s="34">
        <v>1</v>
      </c>
      <c r="C64" s="13">
        <v>1</v>
      </c>
      <c r="D64" s="12">
        <v>2</v>
      </c>
    </row>
    <row r="65" spans="1:4" ht="18" customHeight="1" x14ac:dyDescent="0.15">
      <c r="A65" s="8" t="s">
        <v>249</v>
      </c>
      <c r="B65" s="34">
        <v>5</v>
      </c>
      <c r="C65" s="13">
        <v>5</v>
      </c>
      <c r="D65" s="12">
        <v>10</v>
      </c>
    </row>
    <row r="66" spans="1:4" ht="18" customHeight="1" x14ac:dyDescent="0.15">
      <c r="A66" s="8">
        <v>50</v>
      </c>
      <c r="B66" s="34">
        <v>1</v>
      </c>
      <c r="C66" s="13">
        <v>2</v>
      </c>
      <c r="D66" s="12">
        <v>3</v>
      </c>
    </row>
    <row r="67" spans="1:4" ht="18" customHeight="1" x14ac:dyDescent="0.15">
      <c r="A67" s="8">
        <v>51</v>
      </c>
      <c r="B67" s="34">
        <v>1</v>
      </c>
      <c r="C67" s="13">
        <v>2</v>
      </c>
      <c r="D67" s="12">
        <v>3</v>
      </c>
    </row>
    <row r="68" spans="1:4" ht="18" customHeight="1" x14ac:dyDescent="0.15">
      <c r="A68" s="8">
        <v>52</v>
      </c>
      <c r="B68" s="34">
        <v>1</v>
      </c>
      <c r="C68" s="13">
        <v>1</v>
      </c>
      <c r="D68" s="12">
        <v>2</v>
      </c>
    </row>
    <row r="69" spans="1:4" ht="18" customHeight="1" x14ac:dyDescent="0.15">
      <c r="A69" s="8">
        <v>53</v>
      </c>
      <c r="B69" s="34">
        <v>2</v>
      </c>
      <c r="C69" s="13">
        <v>0</v>
      </c>
      <c r="D69" s="12">
        <v>2</v>
      </c>
    </row>
    <row r="70" spans="1:4" ht="18" customHeight="1" x14ac:dyDescent="0.15">
      <c r="A70" s="8">
        <v>54</v>
      </c>
      <c r="B70" s="34">
        <v>0</v>
      </c>
      <c r="C70" s="13">
        <v>2</v>
      </c>
      <c r="D70" s="12">
        <v>2</v>
      </c>
    </row>
    <row r="71" spans="1:4" ht="18" customHeight="1" x14ac:dyDescent="0.15">
      <c r="A71" s="8" t="s">
        <v>248</v>
      </c>
      <c r="B71" s="34">
        <v>5</v>
      </c>
      <c r="C71" s="13">
        <v>7</v>
      </c>
      <c r="D71" s="12">
        <v>12</v>
      </c>
    </row>
    <row r="72" spans="1:4" ht="18" customHeight="1" x14ac:dyDescent="0.15">
      <c r="A72" s="8">
        <v>55</v>
      </c>
      <c r="B72" s="34">
        <v>0</v>
      </c>
      <c r="C72" s="13">
        <v>2</v>
      </c>
      <c r="D72" s="12">
        <v>2</v>
      </c>
    </row>
    <row r="73" spans="1:4" ht="18" customHeight="1" x14ac:dyDescent="0.15">
      <c r="A73" s="8">
        <v>56</v>
      </c>
      <c r="B73" s="34">
        <v>0</v>
      </c>
      <c r="C73" s="13">
        <v>1</v>
      </c>
      <c r="D73" s="12">
        <v>1</v>
      </c>
    </row>
    <row r="74" spans="1:4" ht="18" customHeight="1" x14ac:dyDescent="0.15">
      <c r="A74" s="8">
        <v>57</v>
      </c>
      <c r="B74" s="34">
        <v>0</v>
      </c>
      <c r="C74" s="13">
        <v>0</v>
      </c>
      <c r="D74" s="12">
        <v>0</v>
      </c>
    </row>
    <row r="75" spans="1:4" ht="18" customHeight="1" x14ac:dyDescent="0.15">
      <c r="A75" s="8">
        <v>58</v>
      </c>
      <c r="B75" s="34">
        <v>2</v>
      </c>
      <c r="C75" s="13">
        <v>2</v>
      </c>
      <c r="D75" s="12">
        <v>4</v>
      </c>
    </row>
    <row r="76" spans="1:4" ht="18" customHeight="1" x14ac:dyDescent="0.15">
      <c r="A76" s="8">
        <v>59</v>
      </c>
      <c r="B76" s="34">
        <v>1</v>
      </c>
      <c r="C76" s="13">
        <v>1</v>
      </c>
      <c r="D76" s="12">
        <v>2</v>
      </c>
    </row>
    <row r="77" spans="1:4" ht="18" customHeight="1" x14ac:dyDescent="0.15">
      <c r="A77" s="8" t="s">
        <v>247</v>
      </c>
      <c r="B77" s="34">
        <v>3</v>
      </c>
      <c r="C77" s="13">
        <v>6</v>
      </c>
      <c r="D77" s="12">
        <v>9</v>
      </c>
    </row>
    <row r="78" spans="1:4" ht="18" customHeight="1" x14ac:dyDescent="0.15">
      <c r="A78" s="8">
        <v>60</v>
      </c>
      <c r="B78" s="34">
        <v>1</v>
      </c>
      <c r="C78" s="13">
        <v>2</v>
      </c>
      <c r="D78" s="12">
        <v>3</v>
      </c>
    </row>
    <row r="79" spans="1:4" ht="18" customHeight="1" x14ac:dyDescent="0.15">
      <c r="A79" s="8">
        <v>61</v>
      </c>
      <c r="B79" s="34">
        <v>6</v>
      </c>
      <c r="C79" s="13">
        <v>4</v>
      </c>
      <c r="D79" s="12">
        <v>10</v>
      </c>
    </row>
    <row r="80" spans="1:4" ht="18" customHeight="1" x14ac:dyDescent="0.15">
      <c r="A80" s="8">
        <v>62</v>
      </c>
      <c r="B80" s="34">
        <v>0</v>
      </c>
      <c r="C80" s="13">
        <v>2</v>
      </c>
      <c r="D80" s="12">
        <v>2</v>
      </c>
    </row>
    <row r="81" spans="1:4" ht="18" customHeight="1" x14ac:dyDescent="0.15">
      <c r="A81" s="8">
        <v>63</v>
      </c>
      <c r="B81" s="34">
        <v>6</v>
      </c>
      <c r="C81" s="13">
        <v>2</v>
      </c>
      <c r="D81" s="12">
        <v>8</v>
      </c>
    </row>
    <row r="82" spans="1:4" ht="18" customHeight="1" x14ac:dyDescent="0.15">
      <c r="A82" s="8">
        <v>64</v>
      </c>
      <c r="B82" s="34">
        <v>2</v>
      </c>
      <c r="C82" s="13">
        <v>3</v>
      </c>
      <c r="D82" s="12">
        <v>5</v>
      </c>
    </row>
    <row r="83" spans="1:4" ht="18" customHeight="1" x14ac:dyDescent="0.15">
      <c r="A83" s="8" t="s">
        <v>246</v>
      </c>
      <c r="B83" s="34">
        <v>15</v>
      </c>
      <c r="C83" s="13">
        <v>13</v>
      </c>
      <c r="D83" s="12">
        <v>28</v>
      </c>
    </row>
    <row r="84" spans="1:4" ht="18" customHeight="1" x14ac:dyDescent="0.15">
      <c r="A84" s="8" t="s">
        <v>43</v>
      </c>
      <c r="B84" s="34">
        <v>64</v>
      </c>
      <c r="C84" s="13">
        <v>59</v>
      </c>
      <c r="D84" s="12">
        <v>123</v>
      </c>
    </row>
    <row r="85" spans="1:4" ht="18" customHeight="1" x14ac:dyDescent="0.15">
      <c r="A85" s="8">
        <v>65</v>
      </c>
      <c r="B85" s="34">
        <v>1</v>
      </c>
      <c r="C85" s="13">
        <v>0</v>
      </c>
      <c r="D85" s="12">
        <v>1</v>
      </c>
    </row>
    <row r="86" spans="1:4" ht="18" customHeight="1" x14ac:dyDescent="0.15">
      <c r="A86" s="8">
        <v>66</v>
      </c>
      <c r="B86" s="34">
        <v>4</v>
      </c>
      <c r="C86" s="13">
        <v>1</v>
      </c>
      <c r="D86" s="12">
        <v>5</v>
      </c>
    </row>
    <row r="87" spans="1:4" ht="18" customHeight="1" x14ac:dyDescent="0.15">
      <c r="A87" s="8">
        <v>67</v>
      </c>
      <c r="B87" s="34">
        <v>0</v>
      </c>
      <c r="C87" s="13">
        <v>4</v>
      </c>
      <c r="D87" s="12">
        <v>4</v>
      </c>
    </row>
    <row r="88" spans="1:4" ht="18" customHeight="1" x14ac:dyDescent="0.15">
      <c r="A88" s="8">
        <v>68</v>
      </c>
      <c r="B88" s="34">
        <v>1</v>
      </c>
      <c r="C88" s="13">
        <v>3</v>
      </c>
      <c r="D88" s="12">
        <v>4</v>
      </c>
    </row>
    <row r="89" spans="1:4" ht="18" customHeight="1" x14ac:dyDescent="0.15">
      <c r="A89" s="8">
        <v>69</v>
      </c>
      <c r="B89" s="34">
        <v>4</v>
      </c>
      <c r="C89" s="13">
        <v>1</v>
      </c>
      <c r="D89" s="12">
        <v>5</v>
      </c>
    </row>
    <row r="90" spans="1:4" ht="18" customHeight="1" x14ac:dyDescent="0.15">
      <c r="A90" s="8" t="s">
        <v>245</v>
      </c>
      <c r="B90" s="34">
        <v>10</v>
      </c>
      <c r="C90" s="13">
        <v>9</v>
      </c>
      <c r="D90" s="12">
        <v>19</v>
      </c>
    </row>
    <row r="91" spans="1:4" ht="18" customHeight="1" x14ac:dyDescent="0.15">
      <c r="A91" s="8">
        <v>70</v>
      </c>
      <c r="B91" s="34">
        <v>2</v>
      </c>
      <c r="C91" s="13">
        <v>1</v>
      </c>
      <c r="D91" s="12">
        <v>3</v>
      </c>
    </row>
    <row r="92" spans="1:4" ht="18" customHeight="1" x14ac:dyDescent="0.15">
      <c r="A92" s="8">
        <v>71</v>
      </c>
      <c r="B92" s="34">
        <v>1</v>
      </c>
      <c r="C92" s="13">
        <v>2</v>
      </c>
      <c r="D92" s="12">
        <v>3</v>
      </c>
    </row>
    <row r="93" spans="1:4" ht="18" customHeight="1" x14ac:dyDescent="0.15">
      <c r="A93" s="8">
        <v>72</v>
      </c>
      <c r="B93" s="34">
        <v>4</v>
      </c>
      <c r="C93" s="13">
        <v>1</v>
      </c>
      <c r="D93" s="12">
        <v>5</v>
      </c>
    </row>
    <row r="94" spans="1:4" ht="18" customHeight="1" x14ac:dyDescent="0.15">
      <c r="A94" s="8">
        <v>73</v>
      </c>
      <c r="B94" s="34">
        <v>5</v>
      </c>
      <c r="C94" s="13">
        <v>3</v>
      </c>
      <c r="D94" s="12">
        <v>8</v>
      </c>
    </row>
    <row r="95" spans="1:4" ht="18" customHeight="1" x14ac:dyDescent="0.15">
      <c r="A95" s="8">
        <v>74</v>
      </c>
      <c r="B95" s="34">
        <v>2</v>
      </c>
      <c r="C95" s="13">
        <v>1</v>
      </c>
      <c r="D95" s="12">
        <v>3</v>
      </c>
    </row>
    <row r="96" spans="1:4" ht="18" customHeight="1" x14ac:dyDescent="0.15">
      <c r="A96" s="8" t="s">
        <v>244</v>
      </c>
      <c r="B96" s="34">
        <v>14</v>
      </c>
      <c r="C96" s="13">
        <v>8</v>
      </c>
      <c r="D96" s="12">
        <v>22</v>
      </c>
    </row>
    <row r="97" spans="1:4" ht="18" customHeight="1" x14ac:dyDescent="0.15">
      <c r="A97" s="8">
        <v>75</v>
      </c>
      <c r="B97" s="34">
        <v>4</v>
      </c>
      <c r="C97" s="13">
        <v>1</v>
      </c>
      <c r="D97" s="12">
        <v>5</v>
      </c>
    </row>
    <row r="98" spans="1:4" ht="18" customHeight="1" x14ac:dyDescent="0.15">
      <c r="A98" s="8">
        <v>76</v>
      </c>
      <c r="B98" s="34">
        <v>3</v>
      </c>
      <c r="C98" s="13">
        <v>2</v>
      </c>
      <c r="D98" s="12">
        <v>5</v>
      </c>
    </row>
    <row r="99" spans="1:4" ht="18" customHeight="1" x14ac:dyDescent="0.15">
      <c r="A99" s="8">
        <v>77</v>
      </c>
      <c r="B99" s="34">
        <v>1</v>
      </c>
      <c r="C99" s="13">
        <v>0</v>
      </c>
      <c r="D99" s="12">
        <v>1</v>
      </c>
    </row>
    <row r="100" spans="1:4" ht="18" customHeight="1" x14ac:dyDescent="0.15">
      <c r="A100" s="8">
        <v>78</v>
      </c>
      <c r="B100" s="34">
        <v>1</v>
      </c>
      <c r="C100" s="13">
        <v>3</v>
      </c>
      <c r="D100" s="12">
        <v>4</v>
      </c>
    </row>
    <row r="101" spans="1:4" ht="18" customHeight="1" x14ac:dyDescent="0.15">
      <c r="A101" s="8">
        <v>79</v>
      </c>
      <c r="B101" s="34">
        <v>0</v>
      </c>
      <c r="C101" s="13">
        <v>2</v>
      </c>
      <c r="D101" s="12">
        <v>2</v>
      </c>
    </row>
    <row r="102" spans="1:4" ht="18" customHeight="1" x14ac:dyDescent="0.15">
      <c r="A102" s="8" t="s">
        <v>243</v>
      </c>
      <c r="B102" s="34">
        <v>9</v>
      </c>
      <c r="C102" s="13">
        <v>8</v>
      </c>
      <c r="D102" s="12">
        <v>17</v>
      </c>
    </row>
    <row r="103" spans="1:4" ht="18" customHeight="1" x14ac:dyDescent="0.15">
      <c r="A103" s="8">
        <v>80</v>
      </c>
      <c r="B103" s="34">
        <v>2</v>
      </c>
      <c r="C103" s="13">
        <v>4</v>
      </c>
      <c r="D103" s="12">
        <v>6</v>
      </c>
    </row>
    <row r="104" spans="1:4" ht="18" customHeight="1" x14ac:dyDescent="0.15">
      <c r="A104" s="8">
        <v>81</v>
      </c>
      <c r="B104" s="34">
        <v>2</v>
      </c>
      <c r="C104" s="13">
        <v>0</v>
      </c>
      <c r="D104" s="12">
        <v>2</v>
      </c>
    </row>
    <row r="105" spans="1:4" ht="18" customHeight="1" x14ac:dyDescent="0.15">
      <c r="A105" s="8">
        <v>82</v>
      </c>
      <c r="B105" s="34">
        <v>1</v>
      </c>
      <c r="C105" s="13">
        <v>1</v>
      </c>
      <c r="D105" s="12">
        <v>2</v>
      </c>
    </row>
    <row r="106" spans="1:4" ht="18" customHeight="1" x14ac:dyDescent="0.15">
      <c r="A106" s="8">
        <v>83</v>
      </c>
      <c r="B106" s="34">
        <v>0</v>
      </c>
      <c r="C106" s="13">
        <v>3</v>
      </c>
      <c r="D106" s="12">
        <v>3</v>
      </c>
    </row>
    <row r="107" spans="1:4" ht="18" customHeight="1" x14ac:dyDescent="0.15">
      <c r="A107" s="8">
        <v>84</v>
      </c>
      <c r="B107" s="34">
        <v>2</v>
      </c>
      <c r="C107" s="13">
        <v>1</v>
      </c>
      <c r="D107" s="12">
        <v>3</v>
      </c>
    </row>
    <row r="108" spans="1:4" ht="18" customHeight="1" x14ac:dyDescent="0.15">
      <c r="A108" s="8" t="s">
        <v>242</v>
      </c>
      <c r="B108" s="34">
        <v>7</v>
      </c>
      <c r="C108" s="13">
        <v>9</v>
      </c>
      <c r="D108" s="12">
        <v>16</v>
      </c>
    </row>
    <row r="109" spans="1:4" ht="18" customHeight="1" x14ac:dyDescent="0.15">
      <c r="A109" s="8">
        <v>85</v>
      </c>
      <c r="B109" s="34">
        <v>0</v>
      </c>
      <c r="C109" s="13">
        <v>4</v>
      </c>
      <c r="D109" s="12">
        <v>4</v>
      </c>
    </row>
    <row r="110" spans="1:4" ht="18" customHeight="1" x14ac:dyDescent="0.15">
      <c r="A110" s="8">
        <v>86</v>
      </c>
      <c r="B110" s="34">
        <v>2</v>
      </c>
      <c r="C110" s="13">
        <v>1</v>
      </c>
      <c r="D110" s="12">
        <v>3</v>
      </c>
    </row>
    <row r="111" spans="1:4" ht="18" customHeight="1" x14ac:dyDescent="0.15">
      <c r="A111" s="8">
        <v>87</v>
      </c>
      <c r="B111" s="34">
        <v>0</v>
      </c>
      <c r="C111" s="13">
        <v>3</v>
      </c>
      <c r="D111" s="12">
        <v>3</v>
      </c>
    </row>
    <row r="112" spans="1:4" ht="18" customHeight="1" x14ac:dyDescent="0.15">
      <c r="A112" s="8">
        <v>88</v>
      </c>
      <c r="B112" s="34">
        <v>0</v>
      </c>
      <c r="C112" s="13">
        <v>1</v>
      </c>
      <c r="D112" s="12">
        <v>1</v>
      </c>
    </row>
    <row r="113" spans="1:4" ht="18" customHeight="1" x14ac:dyDescent="0.15">
      <c r="A113" s="8">
        <v>89</v>
      </c>
      <c r="B113" s="34">
        <v>0</v>
      </c>
      <c r="C113" s="13">
        <v>1</v>
      </c>
      <c r="D113" s="12">
        <v>1</v>
      </c>
    </row>
    <row r="114" spans="1:4" ht="18" customHeight="1" x14ac:dyDescent="0.15">
      <c r="A114" s="8" t="s">
        <v>241</v>
      </c>
      <c r="B114" s="34">
        <v>2</v>
      </c>
      <c r="C114" s="13">
        <v>10</v>
      </c>
      <c r="D114" s="12">
        <v>12</v>
      </c>
    </row>
    <row r="115" spans="1:4" ht="18" customHeight="1" x14ac:dyDescent="0.15">
      <c r="A115" s="8">
        <v>90</v>
      </c>
      <c r="B115" s="34">
        <v>0</v>
      </c>
      <c r="C115" s="13">
        <v>0</v>
      </c>
      <c r="D115" s="12">
        <v>0</v>
      </c>
    </row>
    <row r="116" spans="1:4" ht="18" customHeight="1" x14ac:dyDescent="0.15">
      <c r="A116" s="8">
        <v>91</v>
      </c>
      <c r="B116" s="34">
        <v>0</v>
      </c>
      <c r="C116" s="13">
        <v>0</v>
      </c>
      <c r="D116" s="12">
        <v>0</v>
      </c>
    </row>
    <row r="117" spans="1:4" ht="18" customHeight="1" x14ac:dyDescent="0.15">
      <c r="A117" s="8">
        <v>92</v>
      </c>
      <c r="B117" s="34">
        <v>2</v>
      </c>
      <c r="C117" s="13">
        <v>5</v>
      </c>
      <c r="D117" s="12">
        <v>7</v>
      </c>
    </row>
    <row r="118" spans="1:4" ht="18" customHeight="1" x14ac:dyDescent="0.15">
      <c r="A118" s="8">
        <v>93</v>
      </c>
      <c r="B118" s="34">
        <v>1</v>
      </c>
      <c r="C118" s="13">
        <v>5</v>
      </c>
      <c r="D118" s="12">
        <v>6</v>
      </c>
    </row>
    <row r="119" spans="1:4" ht="18" customHeight="1" x14ac:dyDescent="0.15">
      <c r="A119" s="8">
        <v>94</v>
      </c>
      <c r="B119" s="34">
        <v>0</v>
      </c>
      <c r="C119" s="13">
        <v>2</v>
      </c>
      <c r="D119" s="12">
        <v>2</v>
      </c>
    </row>
    <row r="120" spans="1:4" ht="18" customHeight="1" x14ac:dyDescent="0.15">
      <c r="A120" s="8" t="s">
        <v>240</v>
      </c>
      <c r="B120" s="34">
        <v>3</v>
      </c>
      <c r="C120" s="13">
        <v>12</v>
      </c>
      <c r="D120" s="12">
        <v>15</v>
      </c>
    </row>
    <row r="121" spans="1:4" ht="18" customHeight="1" x14ac:dyDescent="0.15">
      <c r="A121" s="8">
        <v>95</v>
      </c>
      <c r="B121" s="34">
        <v>0</v>
      </c>
      <c r="C121" s="13">
        <v>1</v>
      </c>
      <c r="D121" s="12">
        <v>1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1</v>
      </c>
      <c r="D123" s="12">
        <v>1</v>
      </c>
    </row>
    <row r="124" spans="1:4" ht="18" customHeight="1" x14ac:dyDescent="0.15">
      <c r="A124" s="8">
        <v>98</v>
      </c>
      <c r="B124" s="34">
        <v>1</v>
      </c>
      <c r="C124" s="13">
        <v>0</v>
      </c>
      <c r="D124" s="12">
        <v>1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239</v>
      </c>
      <c r="B126" s="34">
        <v>1</v>
      </c>
      <c r="C126" s="13">
        <v>2</v>
      </c>
      <c r="D126" s="12">
        <v>3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238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237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236</v>
      </c>
      <c r="B130" s="28">
        <v>46</v>
      </c>
      <c r="C130" s="6">
        <v>59</v>
      </c>
      <c r="D130" s="5">
        <v>105</v>
      </c>
    </row>
    <row r="131" spans="1:4" ht="18" customHeight="1" x14ac:dyDescent="0.15">
      <c r="A131" s="4" t="s">
        <v>0</v>
      </c>
      <c r="B131" s="27">
        <v>124</v>
      </c>
      <c r="C131" s="2">
        <v>127</v>
      </c>
      <c r="D131" s="1">
        <v>25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5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4</v>
      </c>
      <c r="C5" s="44">
        <v>5</v>
      </c>
      <c r="D5" s="43">
        <v>9</v>
      </c>
    </row>
    <row r="6" spans="1:4" ht="18" customHeight="1" x14ac:dyDescent="0.15">
      <c r="A6" s="8">
        <v>1</v>
      </c>
      <c r="B6" s="39">
        <v>4</v>
      </c>
      <c r="C6" s="13">
        <v>1</v>
      </c>
      <c r="D6" s="12">
        <v>5</v>
      </c>
    </row>
    <row r="7" spans="1:4" ht="18" customHeight="1" x14ac:dyDescent="0.15">
      <c r="A7" s="8">
        <v>2</v>
      </c>
      <c r="B7" s="39">
        <v>1</v>
      </c>
      <c r="C7" s="13">
        <v>4</v>
      </c>
      <c r="D7" s="12">
        <v>5</v>
      </c>
    </row>
    <row r="8" spans="1:4" ht="18" customHeight="1" x14ac:dyDescent="0.15">
      <c r="A8" s="8">
        <v>3</v>
      </c>
      <c r="B8" s="39">
        <v>3</v>
      </c>
      <c r="C8" s="13">
        <v>2</v>
      </c>
      <c r="D8" s="12">
        <v>5</v>
      </c>
    </row>
    <row r="9" spans="1:4" ht="18" customHeight="1" x14ac:dyDescent="0.15">
      <c r="A9" s="8">
        <v>4</v>
      </c>
      <c r="B9" s="42">
        <v>3</v>
      </c>
      <c r="C9" s="41">
        <v>5</v>
      </c>
      <c r="D9" s="40">
        <v>8</v>
      </c>
    </row>
    <row r="10" spans="1:4" ht="18" customHeight="1" x14ac:dyDescent="0.15">
      <c r="A10" s="8" t="s">
        <v>76</v>
      </c>
      <c r="B10" s="34">
        <v>15</v>
      </c>
      <c r="C10" s="13">
        <v>17</v>
      </c>
      <c r="D10" s="12">
        <v>32</v>
      </c>
    </row>
    <row r="11" spans="1:4" ht="18" customHeight="1" x14ac:dyDescent="0.15">
      <c r="A11" s="8">
        <v>5</v>
      </c>
      <c r="B11" s="39">
        <v>3</v>
      </c>
      <c r="C11" s="13">
        <v>1</v>
      </c>
      <c r="D11" s="12">
        <v>4</v>
      </c>
    </row>
    <row r="12" spans="1:4" ht="18" customHeight="1" x14ac:dyDescent="0.15">
      <c r="A12" s="8">
        <v>6</v>
      </c>
      <c r="B12" s="39">
        <v>6</v>
      </c>
      <c r="C12" s="13">
        <v>5</v>
      </c>
      <c r="D12" s="12">
        <v>11</v>
      </c>
    </row>
    <row r="13" spans="1:4" ht="18" customHeight="1" x14ac:dyDescent="0.15">
      <c r="A13" s="8">
        <v>7</v>
      </c>
      <c r="B13" s="39">
        <v>8</v>
      </c>
      <c r="C13" s="13">
        <v>4</v>
      </c>
      <c r="D13" s="12">
        <v>12</v>
      </c>
    </row>
    <row r="14" spans="1:4" ht="18" customHeight="1" x14ac:dyDescent="0.15">
      <c r="A14" s="8">
        <v>8</v>
      </c>
      <c r="B14" s="39">
        <v>4</v>
      </c>
      <c r="C14" s="13">
        <v>2</v>
      </c>
      <c r="D14" s="12">
        <v>6</v>
      </c>
    </row>
    <row r="15" spans="1:4" ht="18" customHeight="1" x14ac:dyDescent="0.15">
      <c r="A15" s="8">
        <v>9</v>
      </c>
      <c r="B15" s="39">
        <v>3</v>
      </c>
      <c r="C15" s="13">
        <v>6</v>
      </c>
      <c r="D15" s="12">
        <v>9</v>
      </c>
    </row>
    <row r="16" spans="1:4" ht="18" customHeight="1" x14ac:dyDescent="0.15">
      <c r="A16" s="8" t="s">
        <v>258</v>
      </c>
      <c r="B16" s="34">
        <v>24</v>
      </c>
      <c r="C16" s="13">
        <v>18</v>
      </c>
      <c r="D16" s="12">
        <v>42</v>
      </c>
    </row>
    <row r="17" spans="1:4" ht="18" customHeight="1" x14ac:dyDescent="0.15">
      <c r="A17" s="8">
        <v>10</v>
      </c>
      <c r="B17" s="34">
        <v>1</v>
      </c>
      <c r="C17" s="13">
        <v>5</v>
      </c>
      <c r="D17" s="12">
        <v>6</v>
      </c>
    </row>
    <row r="18" spans="1:4" ht="18" customHeight="1" x14ac:dyDescent="0.15">
      <c r="A18" s="8">
        <v>11</v>
      </c>
      <c r="B18" s="34">
        <v>6</v>
      </c>
      <c r="C18" s="13">
        <v>4</v>
      </c>
      <c r="D18" s="12">
        <v>10</v>
      </c>
    </row>
    <row r="19" spans="1:4" ht="18" customHeight="1" x14ac:dyDescent="0.15">
      <c r="A19" s="8">
        <v>12</v>
      </c>
      <c r="B19" s="34">
        <v>6</v>
      </c>
      <c r="C19" s="13">
        <v>3</v>
      </c>
      <c r="D19" s="12">
        <v>9</v>
      </c>
    </row>
    <row r="20" spans="1:4" ht="18" customHeight="1" x14ac:dyDescent="0.15">
      <c r="A20" s="8">
        <v>13</v>
      </c>
      <c r="B20" s="34">
        <v>5</v>
      </c>
      <c r="C20" s="13">
        <v>5</v>
      </c>
      <c r="D20" s="12">
        <v>10</v>
      </c>
    </row>
    <row r="21" spans="1:4" ht="18" customHeight="1" x14ac:dyDescent="0.15">
      <c r="A21" s="8">
        <v>14</v>
      </c>
      <c r="B21" s="34">
        <v>7</v>
      </c>
      <c r="C21" s="13">
        <v>6</v>
      </c>
      <c r="D21" s="12">
        <v>13</v>
      </c>
    </row>
    <row r="22" spans="1:4" ht="18" customHeight="1" x14ac:dyDescent="0.15">
      <c r="A22" s="8" t="s">
        <v>75</v>
      </c>
      <c r="B22" s="34">
        <v>25</v>
      </c>
      <c r="C22" s="13">
        <v>23</v>
      </c>
      <c r="D22" s="12">
        <v>48</v>
      </c>
    </row>
    <row r="23" spans="1:4" ht="18" customHeight="1" x14ac:dyDescent="0.15">
      <c r="A23" s="8" t="s">
        <v>65</v>
      </c>
      <c r="B23" s="34">
        <v>64</v>
      </c>
      <c r="C23" s="13">
        <v>58</v>
      </c>
      <c r="D23" s="12">
        <v>122</v>
      </c>
    </row>
    <row r="24" spans="1:4" ht="18" customHeight="1" x14ac:dyDescent="0.15">
      <c r="A24" s="8">
        <v>15</v>
      </c>
      <c r="B24" s="34">
        <v>5</v>
      </c>
      <c r="C24" s="13">
        <v>7</v>
      </c>
      <c r="D24" s="12">
        <v>12</v>
      </c>
    </row>
    <row r="25" spans="1:4" ht="18" customHeight="1" x14ac:dyDescent="0.15">
      <c r="A25" s="8">
        <v>16</v>
      </c>
      <c r="B25" s="34">
        <v>8</v>
      </c>
      <c r="C25" s="13">
        <v>7</v>
      </c>
      <c r="D25" s="12">
        <v>15</v>
      </c>
    </row>
    <row r="26" spans="1:4" ht="18" customHeight="1" x14ac:dyDescent="0.15">
      <c r="A26" s="8">
        <v>17</v>
      </c>
      <c r="B26" s="34">
        <v>5</v>
      </c>
      <c r="C26" s="13">
        <v>6</v>
      </c>
      <c r="D26" s="12">
        <v>11</v>
      </c>
    </row>
    <row r="27" spans="1:4" ht="18" customHeight="1" x14ac:dyDescent="0.15">
      <c r="A27" s="8">
        <v>18</v>
      </c>
      <c r="B27" s="34">
        <v>7</v>
      </c>
      <c r="C27" s="13">
        <v>6</v>
      </c>
      <c r="D27" s="12">
        <v>13</v>
      </c>
    </row>
    <row r="28" spans="1:4" ht="18" customHeight="1" x14ac:dyDescent="0.15">
      <c r="A28" s="8">
        <v>19</v>
      </c>
      <c r="B28" s="34">
        <v>11</v>
      </c>
      <c r="C28" s="13">
        <v>7</v>
      </c>
      <c r="D28" s="12">
        <v>18</v>
      </c>
    </row>
    <row r="29" spans="1:4" ht="18" customHeight="1" x14ac:dyDescent="0.15">
      <c r="A29" s="8" t="s">
        <v>48</v>
      </c>
      <c r="B29" s="34">
        <v>36</v>
      </c>
      <c r="C29" s="13">
        <v>33</v>
      </c>
      <c r="D29" s="12">
        <v>69</v>
      </c>
    </row>
    <row r="30" spans="1:4" ht="18" customHeight="1" x14ac:dyDescent="0.15">
      <c r="A30" s="8">
        <v>20</v>
      </c>
      <c r="B30" s="34">
        <v>6</v>
      </c>
      <c r="C30" s="13">
        <v>2</v>
      </c>
      <c r="D30" s="12">
        <v>8</v>
      </c>
    </row>
    <row r="31" spans="1:4" ht="18" customHeight="1" x14ac:dyDescent="0.15">
      <c r="A31" s="8">
        <v>21</v>
      </c>
      <c r="B31" s="34">
        <v>9</v>
      </c>
      <c r="C31" s="13">
        <v>8</v>
      </c>
      <c r="D31" s="12">
        <v>17</v>
      </c>
    </row>
    <row r="32" spans="1:4" ht="18" customHeight="1" x14ac:dyDescent="0.15">
      <c r="A32" s="8">
        <v>22</v>
      </c>
      <c r="B32" s="34">
        <v>7</v>
      </c>
      <c r="C32" s="13">
        <v>6</v>
      </c>
      <c r="D32" s="12">
        <v>13</v>
      </c>
    </row>
    <row r="33" spans="1:4" ht="18" customHeight="1" x14ac:dyDescent="0.15">
      <c r="A33" s="8">
        <v>23</v>
      </c>
      <c r="B33" s="34">
        <v>4</v>
      </c>
      <c r="C33" s="13">
        <v>7</v>
      </c>
      <c r="D33" s="12">
        <v>11</v>
      </c>
    </row>
    <row r="34" spans="1:4" ht="18" customHeight="1" x14ac:dyDescent="0.15">
      <c r="A34" s="8">
        <v>24</v>
      </c>
      <c r="B34" s="34">
        <v>5</v>
      </c>
      <c r="C34" s="13">
        <v>6</v>
      </c>
      <c r="D34" s="12">
        <v>11</v>
      </c>
    </row>
    <row r="35" spans="1:4" ht="18" customHeight="1" x14ac:dyDescent="0.15">
      <c r="A35" s="8" t="s">
        <v>74</v>
      </c>
      <c r="B35" s="34">
        <v>31</v>
      </c>
      <c r="C35" s="13">
        <v>29</v>
      </c>
      <c r="D35" s="12">
        <v>60</v>
      </c>
    </row>
    <row r="36" spans="1:4" ht="18" customHeight="1" x14ac:dyDescent="0.15">
      <c r="A36" s="8">
        <v>25</v>
      </c>
      <c r="B36" s="34">
        <v>7</v>
      </c>
      <c r="C36" s="13">
        <v>2</v>
      </c>
      <c r="D36" s="12">
        <v>9</v>
      </c>
    </row>
    <row r="37" spans="1:4" ht="18" customHeight="1" x14ac:dyDescent="0.15">
      <c r="A37" s="8">
        <v>26</v>
      </c>
      <c r="B37" s="34">
        <v>7</v>
      </c>
      <c r="C37" s="13">
        <v>2</v>
      </c>
      <c r="D37" s="12">
        <v>9</v>
      </c>
    </row>
    <row r="38" spans="1:4" ht="18" customHeight="1" x14ac:dyDescent="0.15">
      <c r="A38" s="8">
        <v>27</v>
      </c>
      <c r="B38" s="34">
        <v>4</v>
      </c>
      <c r="C38" s="13">
        <v>6</v>
      </c>
      <c r="D38" s="12">
        <v>10</v>
      </c>
    </row>
    <row r="39" spans="1:4" ht="18" customHeight="1" x14ac:dyDescent="0.15">
      <c r="A39" s="8">
        <v>28</v>
      </c>
      <c r="B39" s="34">
        <v>6</v>
      </c>
      <c r="C39" s="13">
        <v>3</v>
      </c>
      <c r="D39" s="12">
        <v>9</v>
      </c>
    </row>
    <row r="40" spans="1:4" ht="18" customHeight="1" x14ac:dyDescent="0.15">
      <c r="A40" s="8">
        <v>29</v>
      </c>
      <c r="B40" s="34">
        <v>12</v>
      </c>
      <c r="C40" s="13">
        <v>6</v>
      </c>
      <c r="D40" s="12">
        <v>18</v>
      </c>
    </row>
    <row r="41" spans="1:4" ht="18" customHeight="1" x14ac:dyDescent="0.15">
      <c r="A41" s="8" t="s">
        <v>73</v>
      </c>
      <c r="B41" s="34">
        <v>36</v>
      </c>
      <c r="C41" s="13">
        <v>19</v>
      </c>
      <c r="D41" s="12">
        <v>55</v>
      </c>
    </row>
    <row r="42" spans="1:4" ht="18" customHeight="1" x14ac:dyDescent="0.15">
      <c r="A42" s="8">
        <v>30</v>
      </c>
      <c r="B42" s="34">
        <v>5</v>
      </c>
      <c r="C42" s="13">
        <v>5</v>
      </c>
      <c r="D42" s="12">
        <v>10</v>
      </c>
    </row>
    <row r="43" spans="1:4" ht="18" customHeight="1" x14ac:dyDescent="0.15">
      <c r="A43" s="8">
        <v>31</v>
      </c>
      <c r="B43" s="34">
        <v>11</v>
      </c>
      <c r="C43" s="13">
        <v>4</v>
      </c>
      <c r="D43" s="12">
        <v>15</v>
      </c>
    </row>
    <row r="44" spans="1:4" ht="18" customHeight="1" x14ac:dyDescent="0.15">
      <c r="A44" s="8">
        <v>32</v>
      </c>
      <c r="B44" s="34">
        <v>13</v>
      </c>
      <c r="C44" s="13">
        <v>9</v>
      </c>
      <c r="D44" s="12">
        <v>22</v>
      </c>
    </row>
    <row r="45" spans="1:4" ht="18" customHeight="1" x14ac:dyDescent="0.15">
      <c r="A45" s="8">
        <v>33</v>
      </c>
      <c r="B45" s="34">
        <v>8</v>
      </c>
      <c r="C45" s="13">
        <v>9</v>
      </c>
      <c r="D45" s="12">
        <v>17</v>
      </c>
    </row>
    <row r="46" spans="1:4" ht="18" customHeight="1" x14ac:dyDescent="0.15">
      <c r="A46" s="8">
        <v>34</v>
      </c>
      <c r="B46" s="34">
        <v>10</v>
      </c>
      <c r="C46" s="13">
        <v>9</v>
      </c>
      <c r="D46" s="12">
        <v>19</v>
      </c>
    </row>
    <row r="47" spans="1:4" ht="18" customHeight="1" x14ac:dyDescent="0.15">
      <c r="A47" s="8" t="s">
        <v>61</v>
      </c>
      <c r="B47" s="34">
        <v>47</v>
      </c>
      <c r="C47" s="13">
        <v>36</v>
      </c>
      <c r="D47" s="12">
        <v>83</v>
      </c>
    </row>
    <row r="48" spans="1:4" ht="18" customHeight="1" x14ac:dyDescent="0.15">
      <c r="A48" s="8">
        <v>35</v>
      </c>
      <c r="B48" s="34">
        <v>9</v>
      </c>
      <c r="C48" s="13">
        <v>7</v>
      </c>
      <c r="D48" s="12">
        <v>16</v>
      </c>
    </row>
    <row r="49" spans="1:4" ht="18" customHeight="1" x14ac:dyDescent="0.15">
      <c r="A49" s="8">
        <v>36</v>
      </c>
      <c r="B49" s="34">
        <v>9</v>
      </c>
      <c r="C49" s="13">
        <v>14</v>
      </c>
      <c r="D49" s="12">
        <v>23</v>
      </c>
    </row>
    <row r="50" spans="1:4" ht="18" customHeight="1" x14ac:dyDescent="0.15">
      <c r="A50" s="8">
        <v>37</v>
      </c>
      <c r="B50" s="34">
        <v>11</v>
      </c>
      <c r="C50" s="13">
        <v>8</v>
      </c>
      <c r="D50" s="12">
        <v>19</v>
      </c>
    </row>
    <row r="51" spans="1:4" ht="18" customHeight="1" x14ac:dyDescent="0.15">
      <c r="A51" s="8">
        <v>38</v>
      </c>
      <c r="B51" s="34">
        <v>14</v>
      </c>
      <c r="C51" s="13">
        <v>9</v>
      </c>
      <c r="D51" s="12">
        <v>23</v>
      </c>
    </row>
    <row r="52" spans="1:4" ht="18" customHeight="1" x14ac:dyDescent="0.15">
      <c r="A52" s="8">
        <v>39</v>
      </c>
      <c r="B52" s="34">
        <v>18</v>
      </c>
      <c r="C52" s="13">
        <v>5</v>
      </c>
      <c r="D52" s="12">
        <v>23</v>
      </c>
    </row>
    <row r="53" spans="1:4" ht="18" customHeight="1" x14ac:dyDescent="0.15">
      <c r="A53" s="8" t="s">
        <v>72</v>
      </c>
      <c r="B53" s="34">
        <v>61</v>
      </c>
      <c r="C53" s="13">
        <v>43</v>
      </c>
      <c r="D53" s="12">
        <v>104</v>
      </c>
    </row>
    <row r="54" spans="1:4" ht="18" customHeight="1" x14ac:dyDescent="0.15">
      <c r="A54" s="8">
        <v>40</v>
      </c>
      <c r="B54" s="34">
        <v>15</v>
      </c>
      <c r="C54" s="13">
        <v>15</v>
      </c>
      <c r="D54" s="12">
        <v>30</v>
      </c>
    </row>
    <row r="55" spans="1:4" ht="18" customHeight="1" x14ac:dyDescent="0.15">
      <c r="A55" s="8">
        <v>41</v>
      </c>
      <c r="B55" s="34">
        <v>19</v>
      </c>
      <c r="C55" s="13">
        <v>8</v>
      </c>
      <c r="D55" s="12">
        <v>27</v>
      </c>
    </row>
    <row r="56" spans="1:4" ht="18" customHeight="1" x14ac:dyDescent="0.15">
      <c r="A56" s="8">
        <v>42</v>
      </c>
      <c r="B56" s="34">
        <v>10</v>
      </c>
      <c r="C56" s="13">
        <v>10</v>
      </c>
      <c r="D56" s="12">
        <v>20</v>
      </c>
    </row>
    <row r="57" spans="1:4" ht="18" customHeight="1" x14ac:dyDescent="0.15">
      <c r="A57" s="8">
        <v>43</v>
      </c>
      <c r="B57" s="34">
        <v>11</v>
      </c>
      <c r="C57" s="13">
        <v>12</v>
      </c>
      <c r="D57" s="12">
        <v>23</v>
      </c>
    </row>
    <row r="58" spans="1:4" ht="18" customHeight="1" x14ac:dyDescent="0.15">
      <c r="A58" s="8">
        <v>44</v>
      </c>
      <c r="B58" s="34">
        <v>15</v>
      </c>
      <c r="C58" s="13">
        <v>9</v>
      </c>
      <c r="D58" s="12">
        <v>24</v>
      </c>
    </row>
    <row r="59" spans="1:4" ht="18" customHeight="1" x14ac:dyDescent="0.15">
      <c r="A59" s="8" t="s">
        <v>46</v>
      </c>
      <c r="B59" s="34">
        <v>70</v>
      </c>
      <c r="C59" s="13">
        <v>54</v>
      </c>
      <c r="D59" s="12">
        <v>124</v>
      </c>
    </row>
    <row r="60" spans="1:4" ht="18" customHeight="1" x14ac:dyDescent="0.15">
      <c r="A60" s="8">
        <v>45</v>
      </c>
      <c r="B60" s="34">
        <v>14</v>
      </c>
      <c r="C60" s="13">
        <v>13</v>
      </c>
      <c r="D60" s="12">
        <v>27</v>
      </c>
    </row>
    <row r="61" spans="1:4" ht="18" customHeight="1" x14ac:dyDescent="0.15">
      <c r="A61" s="8">
        <v>46</v>
      </c>
      <c r="B61" s="34">
        <v>10</v>
      </c>
      <c r="C61" s="13">
        <v>10</v>
      </c>
      <c r="D61" s="12">
        <v>20</v>
      </c>
    </row>
    <row r="62" spans="1:4" ht="18" customHeight="1" x14ac:dyDescent="0.15">
      <c r="A62" s="8">
        <v>47</v>
      </c>
      <c r="B62" s="34">
        <v>22</v>
      </c>
      <c r="C62" s="13">
        <v>18</v>
      </c>
      <c r="D62" s="12">
        <v>40</v>
      </c>
    </row>
    <row r="63" spans="1:4" ht="18" customHeight="1" x14ac:dyDescent="0.15">
      <c r="A63" s="8">
        <v>48</v>
      </c>
      <c r="B63" s="34">
        <v>17</v>
      </c>
      <c r="C63" s="13">
        <v>8</v>
      </c>
      <c r="D63" s="12">
        <v>25</v>
      </c>
    </row>
    <row r="64" spans="1:4" ht="18" customHeight="1" x14ac:dyDescent="0.15">
      <c r="A64" s="8">
        <v>49</v>
      </c>
      <c r="B64" s="34">
        <v>11</v>
      </c>
      <c r="C64" s="13">
        <v>7</v>
      </c>
      <c r="D64" s="12">
        <v>18</v>
      </c>
    </row>
    <row r="65" spans="1:4" ht="18" customHeight="1" x14ac:dyDescent="0.15">
      <c r="A65" s="8" t="s">
        <v>45</v>
      </c>
      <c r="B65" s="34">
        <v>74</v>
      </c>
      <c r="C65" s="13">
        <v>56</v>
      </c>
      <c r="D65" s="12">
        <v>130</v>
      </c>
    </row>
    <row r="66" spans="1:4" ht="18" customHeight="1" x14ac:dyDescent="0.15">
      <c r="A66" s="8">
        <v>50</v>
      </c>
      <c r="B66" s="34">
        <v>13</v>
      </c>
      <c r="C66" s="13">
        <v>6</v>
      </c>
      <c r="D66" s="12">
        <v>19</v>
      </c>
    </row>
    <row r="67" spans="1:4" ht="18" customHeight="1" x14ac:dyDescent="0.15">
      <c r="A67" s="8">
        <v>51</v>
      </c>
      <c r="B67" s="34">
        <v>14</v>
      </c>
      <c r="C67" s="13">
        <v>11</v>
      </c>
      <c r="D67" s="12">
        <v>25</v>
      </c>
    </row>
    <row r="68" spans="1:4" ht="18" customHeight="1" x14ac:dyDescent="0.15">
      <c r="A68" s="8">
        <v>52</v>
      </c>
      <c r="B68" s="34">
        <v>21</v>
      </c>
      <c r="C68" s="13">
        <v>16</v>
      </c>
      <c r="D68" s="12">
        <v>37</v>
      </c>
    </row>
    <row r="69" spans="1:4" ht="18" customHeight="1" x14ac:dyDescent="0.15">
      <c r="A69" s="8">
        <v>53</v>
      </c>
      <c r="B69" s="34">
        <v>8</v>
      </c>
      <c r="C69" s="13">
        <v>9</v>
      </c>
      <c r="D69" s="12">
        <v>17</v>
      </c>
    </row>
    <row r="70" spans="1:4" ht="18" customHeight="1" x14ac:dyDescent="0.15">
      <c r="A70" s="8">
        <v>54</v>
      </c>
      <c r="B70" s="34">
        <v>10</v>
      </c>
      <c r="C70" s="13">
        <v>12</v>
      </c>
      <c r="D70" s="12">
        <v>22</v>
      </c>
    </row>
    <row r="71" spans="1:4" ht="18" customHeight="1" x14ac:dyDescent="0.15">
      <c r="A71" s="8" t="s">
        <v>58</v>
      </c>
      <c r="B71" s="34">
        <v>66</v>
      </c>
      <c r="C71" s="13">
        <v>54</v>
      </c>
      <c r="D71" s="12">
        <v>120</v>
      </c>
    </row>
    <row r="72" spans="1:4" ht="18" customHeight="1" x14ac:dyDescent="0.15">
      <c r="A72" s="8">
        <v>55</v>
      </c>
      <c r="B72" s="34">
        <v>12</v>
      </c>
      <c r="C72" s="13">
        <v>9</v>
      </c>
      <c r="D72" s="12">
        <v>21</v>
      </c>
    </row>
    <row r="73" spans="1:4" ht="18" customHeight="1" x14ac:dyDescent="0.15">
      <c r="A73" s="8">
        <v>56</v>
      </c>
      <c r="B73" s="34">
        <v>14</v>
      </c>
      <c r="C73" s="13">
        <v>11</v>
      </c>
      <c r="D73" s="12">
        <v>25</v>
      </c>
    </row>
    <row r="74" spans="1:4" ht="18" customHeight="1" x14ac:dyDescent="0.15">
      <c r="A74" s="8">
        <v>57</v>
      </c>
      <c r="B74" s="34">
        <v>9</v>
      </c>
      <c r="C74" s="13">
        <v>10</v>
      </c>
      <c r="D74" s="12">
        <v>19</v>
      </c>
    </row>
    <row r="75" spans="1:4" ht="18" customHeight="1" x14ac:dyDescent="0.15">
      <c r="A75" s="8">
        <v>58</v>
      </c>
      <c r="B75" s="34">
        <v>17</v>
      </c>
      <c r="C75" s="13">
        <v>16</v>
      </c>
      <c r="D75" s="12">
        <v>33</v>
      </c>
    </row>
    <row r="76" spans="1:4" ht="18" customHeight="1" x14ac:dyDescent="0.15">
      <c r="A76" s="8">
        <v>59</v>
      </c>
      <c r="B76" s="34">
        <v>18</v>
      </c>
      <c r="C76" s="13">
        <v>9</v>
      </c>
      <c r="D76" s="12">
        <v>27</v>
      </c>
    </row>
    <row r="77" spans="1:4" ht="18" customHeight="1" x14ac:dyDescent="0.15">
      <c r="A77" s="8" t="s">
        <v>71</v>
      </c>
      <c r="B77" s="34">
        <v>70</v>
      </c>
      <c r="C77" s="13">
        <v>55</v>
      </c>
      <c r="D77" s="12">
        <v>125</v>
      </c>
    </row>
    <row r="78" spans="1:4" ht="18" customHeight="1" x14ac:dyDescent="0.15">
      <c r="A78" s="8">
        <v>60</v>
      </c>
      <c r="B78" s="34">
        <v>10</v>
      </c>
      <c r="C78" s="13">
        <v>11</v>
      </c>
      <c r="D78" s="12">
        <v>21</v>
      </c>
    </row>
    <row r="79" spans="1:4" ht="18" customHeight="1" x14ac:dyDescent="0.15">
      <c r="A79" s="8">
        <v>61</v>
      </c>
      <c r="B79" s="34">
        <v>9</v>
      </c>
      <c r="C79" s="13">
        <v>12</v>
      </c>
      <c r="D79" s="12">
        <v>21</v>
      </c>
    </row>
    <row r="80" spans="1:4" ht="18" customHeight="1" x14ac:dyDescent="0.15">
      <c r="A80" s="8">
        <v>62</v>
      </c>
      <c r="B80" s="34">
        <v>13</v>
      </c>
      <c r="C80" s="13">
        <v>16</v>
      </c>
      <c r="D80" s="12">
        <v>29</v>
      </c>
    </row>
    <row r="81" spans="1:4" ht="18" customHeight="1" x14ac:dyDescent="0.15">
      <c r="A81" s="8">
        <v>63</v>
      </c>
      <c r="B81" s="34">
        <v>12</v>
      </c>
      <c r="C81" s="13">
        <v>20</v>
      </c>
      <c r="D81" s="12">
        <v>32</v>
      </c>
    </row>
    <row r="82" spans="1:4" ht="18" customHeight="1" x14ac:dyDescent="0.15">
      <c r="A82" s="8">
        <v>64</v>
      </c>
      <c r="B82" s="34">
        <v>13</v>
      </c>
      <c r="C82" s="13">
        <v>24</v>
      </c>
      <c r="D82" s="12">
        <v>37</v>
      </c>
    </row>
    <row r="83" spans="1:4" ht="18" customHeight="1" x14ac:dyDescent="0.15">
      <c r="A83" s="8" t="s">
        <v>44</v>
      </c>
      <c r="B83" s="34">
        <v>57</v>
      </c>
      <c r="C83" s="13">
        <v>83</v>
      </c>
      <c r="D83" s="12">
        <v>140</v>
      </c>
    </row>
    <row r="84" spans="1:4" ht="18" customHeight="1" x14ac:dyDescent="0.15">
      <c r="A84" s="8" t="s">
        <v>43</v>
      </c>
      <c r="B84" s="34">
        <v>548</v>
      </c>
      <c r="C84" s="13">
        <v>462</v>
      </c>
      <c r="D84" s="12">
        <v>1010</v>
      </c>
    </row>
    <row r="85" spans="1:4" ht="18" customHeight="1" x14ac:dyDescent="0.15">
      <c r="A85" s="8">
        <v>65</v>
      </c>
      <c r="B85" s="34">
        <v>18</v>
      </c>
      <c r="C85" s="13">
        <v>20</v>
      </c>
      <c r="D85" s="12">
        <v>38</v>
      </c>
    </row>
    <row r="86" spans="1:4" ht="18" customHeight="1" x14ac:dyDescent="0.15">
      <c r="A86" s="8">
        <v>66</v>
      </c>
      <c r="B86" s="34">
        <v>29</v>
      </c>
      <c r="C86" s="13">
        <v>22</v>
      </c>
      <c r="D86" s="12">
        <v>51</v>
      </c>
    </row>
    <row r="87" spans="1:4" ht="18" customHeight="1" x14ac:dyDescent="0.15">
      <c r="A87" s="8">
        <v>67</v>
      </c>
      <c r="B87" s="34">
        <v>14</v>
      </c>
      <c r="C87" s="13">
        <v>16</v>
      </c>
      <c r="D87" s="12">
        <v>30</v>
      </c>
    </row>
    <row r="88" spans="1:4" ht="18" customHeight="1" x14ac:dyDescent="0.15">
      <c r="A88" s="8">
        <v>68</v>
      </c>
      <c r="B88" s="34">
        <v>32</v>
      </c>
      <c r="C88" s="13">
        <v>18</v>
      </c>
      <c r="D88" s="12">
        <v>50</v>
      </c>
    </row>
    <row r="89" spans="1:4" ht="18" customHeight="1" x14ac:dyDescent="0.15">
      <c r="A89" s="8">
        <v>69</v>
      </c>
      <c r="B89" s="34">
        <v>29</v>
      </c>
      <c r="C89" s="13">
        <v>22</v>
      </c>
      <c r="D89" s="12">
        <v>51</v>
      </c>
    </row>
    <row r="90" spans="1:4" ht="18" customHeight="1" x14ac:dyDescent="0.15">
      <c r="A90" s="8" t="s">
        <v>42</v>
      </c>
      <c r="B90" s="34">
        <v>122</v>
      </c>
      <c r="C90" s="13">
        <v>98</v>
      </c>
      <c r="D90" s="12">
        <v>220</v>
      </c>
    </row>
    <row r="91" spans="1:4" ht="18" customHeight="1" x14ac:dyDescent="0.15">
      <c r="A91" s="8">
        <v>70</v>
      </c>
      <c r="B91" s="34">
        <v>22</v>
      </c>
      <c r="C91" s="13">
        <v>18</v>
      </c>
      <c r="D91" s="12">
        <v>40</v>
      </c>
    </row>
    <row r="92" spans="1:4" ht="18" customHeight="1" x14ac:dyDescent="0.15">
      <c r="A92" s="8">
        <v>71</v>
      </c>
      <c r="B92" s="34">
        <v>26</v>
      </c>
      <c r="C92" s="13">
        <v>8</v>
      </c>
      <c r="D92" s="12">
        <v>34</v>
      </c>
    </row>
    <row r="93" spans="1:4" ht="18" customHeight="1" x14ac:dyDescent="0.15">
      <c r="A93" s="8">
        <v>72</v>
      </c>
      <c r="B93" s="34">
        <v>18</v>
      </c>
      <c r="C93" s="13">
        <v>17</v>
      </c>
      <c r="D93" s="12">
        <v>35</v>
      </c>
    </row>
    <row r="94" spans="1:4" ht="18" customHeight="1" x14ac:dyDescent="0.15">
      <c r="A94" s="8">
        <v>73</v>
      </c>
      <c r="B94" s="34">
        <v>18</v>
      </c>
      <c r="C94" s="13">
        <v>22</v>
      </c>
      <c r="D94" s="12">
        <v>40</v>
      </c>
    </row>
    <row r="95" spans="1:4" ht="18" customHeight="1" x14ac:dyDescent="0.15">
      <c r="A95" s="8">
        <v>74</v>
      </c>
      <c r="B95" s="34">
        <v>22</v>
      </c>
      <c r="C95" s="13">
        <v>15</v>
      </c>
      <c r="D95" s="12">
        <v>37</v>
      </c>
    </row>
    <row r="96" spans="1:4" ht="18" customHeight="1" x14ac:dyDescent="0.15">
      <c r="A96" s="8" t="s">
        <v>41</v>
      </c>
      <c r="B96" s="34">
        <v>106</v>
      </c>
      <c r="C96" s="13">
        <v>80</v>
      </c>
      <c r="D96" s="12">
        <v>186</v>
      </c>
    </row>
    <row r="97" spans="1:4" ht="18" customHeight="1" x14ac:dyDescent="0.15">
      <c r="A97" s="8">
        <v>75</v>
      </c>
      <c r="B97" s="34">
        <v>19</v>
      </c>
      <c r="C97" s="13">
        <v>22</v>
      </c>
      <c r="D97" s="12">
        <v>41</v>
      </c>
    </row>
    <row r="98" spans="1:4" ht="18" customHeight="1" x14ac:dyDescent="0.15">
      <c r="A98" s="8">
        <v>76</v>
      </c>
      <c r="B98" s="34">
        <v>15</v>
      </c>
      <c r="C98" s="13">
        <v>17</v>
      </c>
      <c r="D98" s="12">
        <v>32</v>
      </c>
    </row>
    <row r="99" spans="1:4" ht="18" customHeight="1" x14ac:dyDescent="0.15">
      <c r="A99" s="8">
        <v>77</v>
      </c>
      <c r="B99" s="34">
        <v>7</v>
      </c>
      <c r="C99" s="13">
        <v>14</v>
      </c>
      <c r="D99" s="12">
        <v>21</v>
      </c>
    </row>
    <row r="100" spans="1:4" ht="18" customHeight="1" x14ac:dyDescent="0.15">
      <c r="A100" s="8">
        <v>78</v>
      </c>
      <c r="B100" s="34">
        <v>15</v>
      </c>
      <c r="C100" s="13">
        <v>17</v>
      </c>
      <c r="D100" s="12">
        <v>32</v>
      </c>
    </row>
    <row r="101" spans="1:4" ht="18" customHeight="1" x14ac:dyDescent="0.15">
      <c r="A101" s="8">
        <v>79</v>
      </c>
      <c r="B101" s="34">
        <v>8</v>
      </c>
      <c r="C101" s="13">
        <v>11</v>
      </c>
      <c r="D101" s="12">
        <v>19</v>
      </c>
    </row>
    <row r="102" spans="1:4" ht="18" customHeight="1" x14ac:dyDescent="0.15">
      <c r="A102" s="8" t="s">
        <v>70</v>
      </c>
      <c r="B102" s="34">
        <v>64</v>
      </c>
      <c r="C102" s="13">
        <v>81</v>
      </c>
      <c r="D102" s="12">
        <v>145</v>
      </c>
    </row>
    <row r="103" spans="1:4" ht="18" customHeight="1" x14ac:dyDescent="0.15">
      <c r="A103" s="8">
        <v>80</v>
      </c>
      <c r="B103" s="34">
        <v>7</v>
      </c>
      <c r="C103" s="13">
        <v>12</v>
      </c>
      <c r="D103" s="12">
        <v>19</v>
      </c>
    </row>
    <row r="104" spans="1:4" ht="18" customHeight="1" x14ac:dyDescent="0.15">
      <c r="A104" s="8">
        <v>81</v>
      </c>
      <c r="B104" s="34">
        <v>10</v>
      </c>
      <c r="C104" s="13">
        <v>15</v>
      </c>
      <c r="D104" s="12">
        <v>25</v>
      </c>
    </row>
    <row r="105" spans="1:4" ht="18" customHeight="1" x14ac:dyDescent="0.15">
      <c r="A105" s="8">
        <v>82</v>
      </c>
      <c r="B105" s="34">
        <v>4</v>
      </c>
      <c r="C105" s="13">
        <v>11</v>
      </c>
      <c r="D105" s="12">
        <v>15</v>
      </c>
    </row>
    <row r="106" spans="1:4" ht="18" customHeight="1" x14ac:dyDescent="0.15">
      <c r="A106" s="8">
        <v>83</v>
      </c>
      <c r="B106" s="34">
        <v>9</v>
      </c>
      <c r="C106" s="13">
        <v>10</v>
      </c>
      <c r="D106" s="12">
        <v>19</v>
      </c>
    </row>
    <row r="107" spans="1:4" ht="18" customHeight="1" x14ac:dyDescent="0.15">
      <c r="A107" s="8">
        <v>84</v>
      </c>
      <c r="B107" s="34">
        <v>7</v>
      </c>
      <c r="C107" s="13">
        <v>7</v>
      </c>
      <c r="D107" s="12">
        <v>14</v>
      </c>
    </row>
    <row r="108" spans="1:4" ht="18" customHeight="1" x14ac:dyDescent="0.15">
      <c r="A108" s="8" t="s">
        <v>39</v>
      </c>
      <c r="B108" s="34">
        <v>37</v>
      </c>
      <c r="C108" s="13">
        <v>55</v>
      </c>
      <c r="D108" s="12">
        <v>92</v>
      </c>
    </row>
    <row r="109" spans="1:4" ht="18" customHeight="1" x14ac:dyDescent="0.15">
      <c r="A109" s="8">
        <v>85</v>
      </c>
      <c r="B109" s="34">
        <v>9</v>
      </c>
      <c r="C109" s="13">
        <v>10</v>
      </c>
      <c r="D109" s="12">
        <v>19</v>
      </c>
    </row>
    <row r="110" spans="1:4" ht="18" customHeight="1" x14ac:dyDescent="0.15">
      <c r="A110" s="8">
        <v>86</v>
      </c>
      <c r="B110" s="34">
        <v>7</v>
      </c>
      <c r="C110" s="13">
        <v>17</v>
      </c>
      <c r="D110" s="12">
        <v>24</v>
      </c>
    </row>
    <row r="111" spans="1:4" ht="18" customHeight="1" x14ac:dyDescent="0.15">
      <c r="A111" s="8">
        <v>87</v>
      </c>
      <c r="B111" s="34">
        <v>2</v>
      </c>
      <c r="C111" s="13">
        <v>14</v>
      </c>
      <c r="D111" s="12">
        <v>16</v>
      </c>
    </row>
    <row r="112" spans="1:4" ht="18" customHeight="1" x14ac:dyDescent="0.15">
      <c r="A112" s="8">
        <v>88</v>
      </c>
      <c r="B112" s="34">
        <v>5</v>
      </c>
      <c r="C112" s="13">
        <v>13</v>
      </c>
      <c r="D112" s="12">
        <v>18</v>
      </c>
    </row>
    <row r="113" spans="1:4" ht="18" customHeight="1" x14ac:dyDescent="0.15">
      <c r="A113" s="8">
        <v>89</v>
      </c>
      <c r="B113" s="34">
        <v>4</v>
      </c>
      <c r="C113" s="13">
        <v>12</v>
      </c>
      <c r="D113" s="12">
        <v>16</v>
      </c>
    </row>
    <row r="114" spans="1:4" ht="18" customHeight="1" x14ac:dyDescent="0.15">
      <c r="A114" s="8" t="s">
        <v>38</v>
      </c>
      <c r="B114" s="34">
        <v>27</v>
      </c>
      <c r="C114" s="13">
        <v>66</v>
      </c>
      <c r="D114" s="12">
        <v>93</v>
      </c>
    </row>
    <row r="115" spans="1:4" ht="18" customHeight="1" x14ac:dyDescent="0.15">
      <c r="A115" s="8">
        <v>90</v>
      </c>
      <c r="B115" s="34">
        <v>1</v>
      </c>
      <c r="C115" s="13">
        <v>15</v>
      </c>
      <c r="D115" s="12">
        <v>16</v>
      </c>
    </row>
    <row r="116" spans="1:4" ht="18" customHeight="1" x14ac:dyDescent="0.15">
      <c r="A116" s="8">
        <v>91</v>
      </c>
      <c r="B116" s="34">
        <v>4</v>
      </c>
      <c r="C116" s="13">
        <v>12</v>
      </c>
      <c r="D116" s="12">
        <v>16</v>
      </c>
    </row>
    <row r="117" spans="1:4" ht="18" customHeight="1" x14ac:dyDescent="0.15">
      <c r="A117" s="8">
        <v>92</v>
      </c>
      <c r="B117" s="34">
        <v>5</v>
      </c>
      <c r="C117" s="13">
        <v>11</v>
      </c>
      <c r="D117" s="12">
        <v>16</v>
      </c>
    </row>
    <row r="118" spans="1:4" ht="18" customHeight="1" x14ac:dyDescent="0.15">
      <c r="A118" s="8">
        <v>93</v>
      </c>
      <c r="B118" s="34">
        <v>4</v>
      </c>
      <c r="C118" s="13">
        <v>7</v>
      </c>
      <c r="D118" s="12">
        <v>11</v>
      </c>
    </row>
    <row r="119" spans="1:4" ht="18" customHeight="1" x14ac:dyDescent="0.15">
      <c r="A119" s="8">
        <v>94</v>
      </c>
      <c r="B119" s="34">
        <v>2</v>
      </c>
      <c r="C119" s="13">
        <v>3</v>
      </c>
      <c r="D119" s="12">
        <v>5</v>
      </c>
    </row>
    <row r="120" spans="1:4" ht="18" customHeight="1" x14ac:dyDescent="0.15">
      <c r="A120" s="8" t="s">
        <v>69</v>
      </c>
      <c r="B120" s="34">
        <v>16</v>
      </c>
      <c r="C120" s="13">
        <v>48</v>
      </c>
      <c r="D120" s="12">
        <v>64</v>
      </c>
    </row>
    <row r="121" spans="1:4" ht="18" customHeight="1" x14ac:dyDescent="0.15">
      <c r="A121" s="8">
        <v>95</v>
      </c>
      <c r="B121" s="34">
        <v>0</v>
      </c>
      <c r="C121" s="13">
        <v>3</v>
      </c>
      <c r="D121" s="12">
        <v>3</v>
      </c>
    </row>
    <row r="122" spans="1:4" ht="18" customHeight="1" x14ac:dyDescent="0.15">
      <c r="A122" s="8">
        <v>96</v>
      </c>
      <c r="B122" s="34">
        <v>2</v>
      </c>
      <c r="C122" s="13">
        <v>6</v>
      </c>
      <c r="D122" s="12">
        <v>8</v>
      </c>
    </row>
    <row r="123" spans="1:4" ht="18" customHeight="1" x14ac:dyDescent="0.15">
      <c r="A123" s="8">
        <v>97</v>
      </c>
      <c r="B123" s="34">
        <v>0</v>
      </c>
      <c r="C123" s="13">
        <v>4</v>
      </c>
      <c r="D123" s="12">
        <v>4</v>
      </c>
    </row>
    <row r="124" spans="1:4" ht="18" customHeight="1" x14ac:dyDescent="0.15">
      <c r="A124" s="8">
        <v>98</v>
      </c>
      <c r="B124" s="34">
        <v>1</v>
      </c>
      <c r="C124" s="13">
        <v>1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2</v>
      </c>
      <c r="D125" s="12">
        <v>2</v>
      </c>
    </row>
    <row r="126" spans="1:4" ht="18" customHeight="1" x14ac:dyDescent="0.15">
      <c r="A126" s="8" t="s">
        <v>68</v>
      </c>
      <c r="B126" s="34">
        <v>3</v>
      </c>
      <c r="C126" s="13">
        <v>16</v>
      </c>
      <c r="D126" s="12">
        <v>19</v>
      </c>
    </row>
    <row r="127" spans="1:4" ht="18" customHeight="1" x14ac:dyDescent="0.15">
      <c r="A127" s="8">
        <v>100</v>
      </c>
      <c r="B127" s="34">
        <v>1</v>
      </c>
      <c r="C127" s="13">
        <v>0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2</v>
      </c>
      <c r="D128" s="12">
        <v>2</v>
      </c>
    </row>
    <row r="129" spans="1:4" ht="18" customHeight="1" x14ac:dyDescent="0.15">
      <c r="A129" s="8" t="s">
        <v>36</v>
      </c>
      <c r="B129" s="34">
        <v>1</v>
      </c>
      <c r="C129" s="13">
        <v>2</v>
      </c>
      <c r="D129" s="12">
        <v>3</v>
      </c>
    </row>
    <row r="130" spans="1:4" ht="18" customHeight="1" x14ac:dyDescent="0.15">
      <c r="A130" s="8" t="s">
        <v>35</v>
      </c>
      <c r="B130" s="28">
        <v>376</v>
      </c>
      <c r="C130" s="6">
        <v>446</v>
      </c>
      <c r="D130" s="5">
        <v>822</v>
      </c>
    </row>
    <row r="131" spans="1:4" ht="18" customHeight="1" x14ac:dyDescent="0.15">
      <c r="A131" s="4" t="s">
        <v>0</v>
      </c>
      <c r="B131" s="27">
        <v>988</v>
      </c>
      <c r="C131" s="2">
        <v>966</v>
      </c>
      <c r="D131" s="1">
        <v>195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6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9</v>
      </c>
      <c r="C5" s="44">
        <v>27</v>
      </c>
      <c r="D5" s="43">
        <v>46</v>
      </c>
    </row>
    <row r="6" spans="1:4" ht="18" customHeight="1" x14ac:dyDescent="0.15">
      <c r="A6" s="8">
        <v>1</v>
      </c>
      <c r="B6" s="39">
        <v>21</v>
      </c>
      <c r="C6" s="13">
        <v>24</v>
      </c>
      <c r="D6" s="12">
        <v>45</v>
      </c>
    </row>
    <row r="7" spans="1:4" ht="18" customHeight="1" x14ac:dyDescent="0.15">
      <c r="A7" s="8">
        <v>2</v>
      </c>
      <c r="B7" s="39">
        <v>28</v>
      </c>
      <c r="C7" s="13">
        <v>26</v>
      </c>
      <c r="D7" s="12">
        <v>54</v>
      </c>
    </row>
    <row r="8" spans="1:4" ht="18" customHeight="1" x14ac:dyDescent="0.15">
      <c r="A8" s="8">
        <v>3</v>
      </c>
      <c r="B8" s="39">
        <v>26</v>
      </c>
      <c r="C8" s="13">
        <v>20</v>
      </c>
      <c r="D8" s="12">
        <v>46</v>
      </c>
    </row>
    <row r="9" spans="1:4" ht="18" customHeight="1" x14ac:dyDescent="0.15">
      <c r="A9" s="8">
        <v>4</v>
      </c>
      <c r="B9" s="42">
        <v>37</v>
      </c>
      <c r="C9" s="41">
        <v>33</v>
      </c>
      <c r="D9" s="40">
        <v>70</v>
      </c>
    </row>
    <row r="10" spans="1:4" ht="18" customHeight="1" x14ac:dyDescent="0.15">
      <c r="A10" s="8" t="s">
        <v>76</v>
      </c>
      <c r="B10" s="34">
        <v>131</v>
      </c>
      <c r="C10" s="13">
        <v>130</v>
      </c>
      <c r="D10" s="12">
        <v>261</v>
      </c>
    </row>
    <row r="11" spans="1:4" ht="18" customHeight="1" x14ac:dyDescent="0.15">
      <c r="A11" s="8">
        <v>5</v>
      </c>
      <c r="B11" s="39">
        <v>30</v>
      </c>
      <c r="C11" s="13">
        <v>23</v>
      </c>
      <c r="D11" s="12">
        <v>53</v>
      </c>
    </row>
    <row r="12" spans="1:4" ht="18" customHeight="1" x14ac:dyDescent="0.15">
      <c r="A12" s="8">
        <v>6</v>
      </c>
      <c r="B12" s="39">
        <v>30</v>
      </c>
      <c r="C12" s="13">
        <v>36</v>
      </c>
      <c r="D12" s="12">
        <v>66</v>
      </c>
    </row>
    <row r="13" spans="1:4" ht="18" customHeight="1" x14ac:dyDescent="0.15">
      <c r="A13" s="8">
        <v>7</v>
      </c>
      <c r="B13" s="39">
        <v>42</v>
      </c>
      <c r="C13" s="13">
        <v>33</v>
      </c>
      <c r="D13" s="12">
        <v>75</v>
      </c>
    </row>
    <row r="14" spans="1:4" ht="18" customHeight="1" x14ac:dyDescent="0.15">
      <c r="A14" s="8">
        <v>8</v>
      </c>
      <c r="B14" s="39">
        <v>31</v>
      </c>
      <c r="C14" s="13">
        <v>28</v>
      </c>
      <c r="D14" s="12">
        <v>59</v>
      </c>
    </row>
    <row r="15" spans="1:4" ht="18" customHeight="1" x14ac:dyDescent="0.15">
      <c r="A15" s="8">
        <v>9</v>
      </c>
      <c r="B15" s="39">
        <v>32</v>
      </c>
      <c r="C15" s="13">
        <v>36</v>
      </c>
      <c r="D15" s="12">
        <v>68</v>
      </c>
    </row>
    <row r="16" spans="1:4" ht="18" customHeight="1" x14ac:dyDescent="0.15">
      <c r="A16" s="8" t="s">
        <v>50</v>
      </c>
      <c r="B16" s="34">
        <v>165</v>
      </c>
      <c r="C16" s="13">
        <v>156</v>
      </c>
      <c r="D16" s="12">
        <v>321</v>
      </c>
    </row>
    <row r="17" spans="1:4" ht="18" customHeight="1" x14ac:dyDescent="0.15">
      <c r="A17" s="8">
        <v>10</v>
      </c>
      <c r="B17" s="34">
        <v>40</v>
      </c>
      <c r="C17" s="13">
        <v>31</v>
      </c>
      <c r="D17" s="12">
        <v>71</v>
      </c>
    </row>
    <row r="18" spans="1:4" ht="18" customHeight="1" x14ac:dyDescent="0.15">
      <c r="A18" s="8">
        <v>11</v>
      </c>
      <c r="B18" s="34">
        <v>34</v>
      </c>
      <c r="C18" s="13">
        <v>41</v>
      </c>
      <c r="D18" s="12">
        <v>75</v>
      </c>
    </row>
    <row r="19" spans="1:4" ht="18" customHeight="1" x14ac:dyDescent="0.15">
      <c r="A19" s="8">
        <v>12</v>
      </c>
      <c r="B19" s="34">
        <v>52</v>
      </c>
      <c r="C19" s="13">
        <v>49</v>
      </c>
      <c r="D19" s="12">
        <v>101</v>
      </c>
    </row>
    <row r="20" spans="1:4" ht="18" customHeight="1" x14ac:dyDescent="0.15">
      <c r="A20" s="8">
        <v>13</v>
      </c>
      <c r="B20" s="34">
        <v>49</v>
      </c>
      <c r="C20" s="13">
        <v>33</v>
      </c>
      <c r="D20" s="12">
        <v>82</v>
      </c>
    </row>
    <row r="21" spans="1:4" ht="18" customHeight="1" x14ac:dyDescent="0.15">
      <c r="A21" s="8">
        <v>14</v>
      </c>
      <c r="B21" s="34">
        <v>42</v>
      </c>
      <c r="C21" s="13">
        <v>39</v>
      </c>
      <c r="D21" s="12">
        <v>81</v>
      </c>
    </row>
    <row r="22" spans="1:4" ht="18" customHeight="1" x14ac:dyDescent="0.15">
      <c r="A22" s="8" t="s">
        <v>75</v>
      </c>
      <c r="B22" s="34">
        <v>217</v>
      </c>
      <c r="C22" s="13">
        <v>193</v>
      </c>
      <c r="D22" s="12">
        <v>410</v>
      </c>
    </row>
    <row r="23" spans="1:4" ht="18" customHeight="1" x14ac:dyDescent="0.15">
      <c r="A23" s="8" t="s">
        <v>65</v>
      </c>
      <c r="B23" s="34">
        <v>513</v>
      </c>
      <c r="C23" s="13">
        <v>479</v>
      </c>
      <c r="D23" s="12">
        <v>992</v>
      </c>
    </row>
    <row r="24" spans="1:4" ht="18" customHeight="1" x14ac:dyDescent="0.15">
      <c r="A24" s="8">
        <v>15</v>
      </c>
      <c r="B24" s="34">
        <v>37</v>
      </c>
      <c r="C24" s="13">
        <v>39</v>
      </c>
      <c r="D24" s="12">
        <v>76</v>
      </c>
    </row>
    <row r="25" spans="1:4" ht="18" customHeight="1" x14ac:dyDescent="0.15">
      <c r="A25" s="8">
        <v>16</v>
      </c>
      <c r="B25" s="34">
        <v>31</v>
      </c>
      <c r="C25" s="13">
        <v>43</v>
      </c>
      <c r="D25" s="12">
        <v>74</v>
      </c>
    </row>
    <row r="26" spans="1:4" ht="18" customHeight="1" x14ac:dyDescent="0.15">
      <c r="A26" s="8">
        <v>17</v>
      </c>
      <c r="B26" s="34">
        <v>50</v>
      </c>
      <c r="C26" s="13">
        <v>50</v>
      </c>
      <c r="D26" s="12">
        <v>100</v>
      </c>
    </row>
    <row r="27" spans="1:4" ht="18" customHeight="1" x14ac:dyDescent="0.15">
      <c r="A27" s="8">
        <v>18</v>
      </c>
      <c r="B27" s="34">
        <v>52</v>
      </c>
      <c r="C27" s="13">
        <v>53</v>
      </c>
      <c r="D27" s="12">
        <v>105</v>
      </c>
    </row>
    <row r="28" spans="1:4" ht="18" customHeight="1" x14ac:dyDescent="0.15">
      <c r="A28" s="8">
        <v>19</v>
      </c>
      <c r="B28" s="34">
        <v>67</v>
      </c>
      <c r="C28" s="13">
        <v>44</v>
      </c>
      <c r="D28" s="12">
        <v>111</v>
      </c>
    </row>
    <row r="29" spans="1:4" ht="18" customHeight="1" x14ac:dyDescent="0.15">
      <c r="A29" s="8" t="s">
        <v>48</v>
      </c>
      <c r="B29" s="34">
        <v>237</v>
      </c>
      <c r="C29" s="13">
        <v>229</v>
      </c>
      <c r="D29" s="12">
        <v>466</v>
      </c>
    </row>
    <row r="30" spans="1:4" ht="18" customHeight="1" x14ac:dyDescent="0.15">
      <c r="A30" s="8">
        <v>20</v>
      </c>
      <c r="B30" s="34">
        <v>59</v>
      </c>
      <c r="C30" s="13">
        <v>46</v>
      </c>
      <c r="D30" s="12">
        <v>105</v>
      </c>
    </row>
    <row r="31" spans="1:4" ht="18" customHeight="1" x14ac:dyDescent="0.15">
      <c r="A31" s="8">
        <v>21</v>
      </c>
      <c r="B31" s="34">
        <v>57</v>
      </c>
      <c r="C31" s="13">
        <v>54</v>
      </c>
      <c r="D31" s="12">
        <v>111</v>
      </c>
    </row>
    <row r="32" spans="1:4" ht="18" customHeight="1" x14ac:dyDescent="0.15">
      <c r="A32" s="8">
        <v>22</v>
      </c>
      <c r="B32" s="34">
        <v>63</v>
      </c>
      <c r="C32" s="13">
        <v>54</v>
      </c>
      <c r="D32" s="12">
        <v>117</v>
      </c>
    </row>
    <row r="33" spans="1:4" ht="18" customHeight="1" x14ac:dyDescent="0.15">
      <c r="A33" s="8">
        <v>23</v>
      </c>
      <c r="B33" s="34">
        <v>61</v>
      </c>
      <c r="C33" s="13">
        <v>55</v>
      </c>
      <c r="D33" s="12">
        <v>116</v>
      </c>
    </row>
    <row r="34" spans="1:4" ht="18" customHeight="1" x14ac:dyDescent="0.15">
      <c r="A34" s="8">
        <v>24</v>
      </c>
      <c r="B34" s="34">
        <v>52</v>
      </c>
      <c r="C34" s="13">
        <v>46</v>
      </c>
      <c r="D34" s="12">
        <v>98</v>
      </c>
    </row>
    <row r="35" spans="1:4" ht="18" customHeight="1" x14ac:dyDescent="0.15">
      <c r="A35" s="8" t="s">
        <v>74</v>
      </c>
      <c r="B35" s="34">
        <v>292</v>
      </c>
      <c r="C35" s="13">
        <v>255</v>
      </c>
      <c r="D35" s="12">
        <v>547</v>
      </c>
    </row>
    <row r="36" spans="1:4" ht="18" customHeight="1" x14ac:dyDescent="0.15">
      <c r="A36" s="8">
        <v>25</v>
      </c>
      <c r="B36" s="34">
        <v>59</v>
      </c>
      <c r="C36" s="13">
        <v>46</v>
      </c>
      <c r="D36" s="12">
        <v>105</v>
      </c>
    </row>
    <row r="37" spans="1:4" ht="18" customHeight="1" x14ac:dyDescent="0.15">
      <c r="A37" s="8">
        <v>26</v>
      </c>
      <c r="B37" s="34">
        <v>48</v>
      </c>
      <c r="C37" s="13">
        <v>51</v>
      </c>
      <c r="D37" s="12">
        <v>99</v>
      </c>
    </row>
    <row r="38" spans="1:4" ht="18" customHeight="1" x14ac:dyDescent="0.15">
      <c r="A38" s="8">
        <v>27</v>
      </c>
      <c r="B38" s="34">
        <v>51</v>
      </c>
      <c r="C38" s="13">
        <v>37</v>
      </c>
      <c r="D38" s="12">
        <v>88</v>
      </c>
    </row>
    <row r="39" spans="1:4" ht="18" customHeight="1" x14ac:dyDescent="0.15">
      <c r="A39" s="8">
        <v>28</v>
      </c>
      <c r="B39" s="34">
        <v>64</v>
      </c>
      <c r="C39" s="13">
        <v>50</v>
      </c>
      <c r="D39" s="12">
        <v>114</v>
      </c>
    </row>
    <row r="40" spans="1:4" ht="18" customHeight="1" x14ac:dyDescent="0.15">
      <c r="A40" s="8">
        <v>29</v>
      </c>
      <c r="B40" s="34">
        <v>50</v>
      </c>
      <c r="C40" s="13">
        <v>42</v>
      </c>
      <c r="D40" s="12">
        <v>92</v>
      </c>
    </row>
    <row r="41" spans="1:4" ht="18" customHeight="1" x14ac:dyDescent="0.15">
      <c r="A41" s="8" t="s">
        <v>73</v>
      </c>
      <c r="B41" s="34">
        <v>272</v>
      </c>
      <c r="C41" s="13">
        <v>226</v>
      </c>
      <c r="D41" s="12">
        <v>498</v>
      </c>
    </row>
    <row r="42" spans="1:4" ht="18" customHeight="1" x14ac:dyDescent="0.15">
      <c r="A42" s="8">
        <v>30</v>
      </c>
      <c r="B42" s="34">
        <v>48</v>
      </c>
      <c r="C42" s="13">
        <v>44</v>
      </c>
      <c r="D42" s="12">
        <v>92</v>
      </c>
    </row>
    <row r="43" spans="1:4" ht="18" customHeight="1" x14ac:dyDescent="0.15">
      <c r="A43" s="8">
        <v>31</v>
      </c>
      <c r="B43" s="34">
        <v>47</v>
      </c>
      <c r="C43" s="13">
        <v>43</v>
      </c>
      <c r="D43" s="12">
        <v>90</v>
      </c>
    </row>
    <row r="44" spans="1:4" ht="18" customHeight="1" x14ac:dyDescent="0.15">
      <c r="A44" s="8">
        <v>32</v>
      </c>
      <c r="B44" s="34">
        <v>48</v>
      </c>
      <c r="C44" s="13">
        <v>34</v>
      </c>
      <c r="D44" s="12">
        <v>82</v>
      </c>
    </row>
    <row r="45" spans="1:4" ht="18" customHeight="1" x14ac:dyDescent="0.15">
      <c r="A45" s="8">
        <v>33</v>
      </c>
      <c r="B45" s="34">
        <v>51</v>
      </c>
      <c r="C45" s="13">
        <v>43</v>
      </c>
      <c r="D45" s="12">
        <v>94</v>
      </c>
    </row>
    <row r="46" spans="1:4" ht="18" customHeight="1" x14ac:dyDescent="0.15">
      <c r="A46" s="8">
        <v>34</v>
      </c>
      <c r="B46" s="34">
        <v>58</v>
      </c>
      <c r="C46" s="13">
        <v>39</v>
      </c>
      <c r="D46" s="12">
        <v>97</v>
      </c>
    </row>
    <row r="47" spans="1:4" ht="18" customHeight="1" x14ac:dyDescent="0.15">
      <c r="A47" s="8" t="s">
        <v>61</v>
      </c>
      <c r="B47" s="34">
        <v>252</v>
      </c>
      <c r="C47" s="13">
        <v>203</v>
      </c>
      <c r="D47" s="12">
        <v>455</v>
      </c>
    </row>
    <row r="48" spans="1:4" ht="18" customHeight="1" x14ac:dyDescent="0.15">
      <c r="A48" s="8">
        <v>35</v>
      </c>
      <c r="B48" s="34">
        <v>66</v>
      </c>
      <c r="C48" s="13">
        <v>52</v>
      </c>
      <c r="D48" s="12">
        <v>118</v>
      </c>
    </row>
    <row r="49" spans="1:4" ht="18" customHeight="1" x14ac:dyDescent="0.15">
      <c r="A49" s="8">
        <v>36</v>
      </c>
      <c r="B49" s="34">
        <v>50</v>
      </c>
      <c r="C49" s="13">
        <v>50</v>
      </c>
      <c r="D49" s="12">
        <v>100</v>
      </c>
    </row>
    <row r="50" spans="1:4" ht="18" customHeight="1" x14ac:dyDescent="0.15">
      <c r="A50" s="8">
        <v>37</v>
      </c>
      <c r="B50" s="34">
        <v>54</v>
      </c>
      <c r="C50" s="13">
        <v>62</v>
      </c>
      <c r="D50" s="12">
        <v>116</v>
      </c>
    </row>
    <row r="51" spans="1:4" ht="18" customHeight="1" x14ac:dyDescent="0.15">
      <c r="A51" s="8">
        <v>38</v>
      </c>
      <c r="B51" s="34">
        <v>66</v>
      </c>
      <c r="C51" s="13">
        <v>46</v>
      </c>
      <c r="D51" s="12">
        <v>112</v>
      </c>
    </row>
    <row r="52" spans="1:4" ht="18" customHeight="1" x14ac:dyDescent="0.15">
      <c r="A52" s="8">
        <v>39</v>
      </c>
      <c r="B52" s="34">
        <v>57</v>
      </c>
      <c r="C52" s="13">
        <v>48</v>
      </c>
      <c r="D52" s="12">
        <v>105</v>
      </c>
    </row>
    <row r="53" spans="1:4" ht="18" customHeight="1" x14ac:dyDescent="0.15">
      <c r="A53" s="8" t="s">
        <v>72</v>
      </c>
      <c r="B53" s="34">
        <v>293</v>
      </c>
      <c r="C53" s="13">
        <v>258</v>
      </c>
      <c r="D53" s="12">
        <v>551</v>
      </c>
    </row>
    <row r="54" spans="1:4" ht="18" customHeight="1" x14ac:dyDescent="0.15">
      <c r="A54" s="8">
        <v>40</v>
      </c>
      <c r="B54" s="34">
        <v>57</v>
      </c>
      <c r="C54" s="13">
        <v>43</v>
      </c>
      <c r="D54" s="12">
        <v>100</v>
      </c>
    </row>
    <row r="55" spans="1:4" ht="18" customHeight="1" x14ac:dyDescent="0.15">
      <c r="A55" s="8">
        <v>41</v>
      </c>
      <c r="B55" s="34">
        <v>58</v>
      </c>
      <c r="C55" s="13">
        <v>62</v>
      </c>
      <c r="D55" s="12">
        <v>120</v>
      </c>
    </row>
    <row r="56" spans="1:4" ht="18" customHeight="1" x14ac:dyDescent="0.15">
      <c r="A56" s="8">
        <v>42</v>
      </c>
      <c r="B56" s="34">
        <v>51</v>
      </c>
      <c r="C56" s="13">
        <v>48</v>
      </c>
      <c r="D56" s="12">
        <v>99</v>
      </c>
    </row>
    <row r="57" spans="1:4" ht="18" customHeight="1" x14ac:dyDescent="0.15">
      <c r="A57" s="8">
        <v>43</v>
      </c>
      <c r="B57" s="34">
        <v>68</v>
      </c>
      <c r="C57" s="13">
        <v>51</v>
      </c>
      <c r="D57" s="12">
        <v>119</v>
      </c>
    </row>
    <row r="58" spans="1:4" ht="18" customHeight="1" x14ac:dyDescent="0.15">
      <c r="A58" s="8">
        <v>44</v>
      </c>
      <c r="B58" s="34">
        <v>52</v>
      </c>
      <c r="C58" s="13">
        <v>70</v>
      </c>
      <c r="D58" s="12">
        <v>122</v>
      </c>
    </row>
    <row r="59" spans="1:4" ht="18" customHeight="1" x14ac:dyDescent="0.15">
      <c r="A59" s="8" t="s">
        <v>46</v>
      </c>
      <c r="B59" s="34">
        <v>286</v>
      </c>
      <c r="C59" s="13">
        <v>274</v>
      </c>
      <c r="D59" s="12">
        <v>560</v>
      </c>
    </row>
    <row r="60" spans="1:4" ht="18" customHeight="1" x14ac:dyDescent="0.15">
      <c r="A60" s="8">
        <v>45</v>
      </c>
      <c r="B60" s="34">
        <v>85</v>
      </c>
      <c r="C60" s="13">
        <v>58</v>
      </c>
      <c r="D60" s="12">
        <v>143</v>
      </c>
    </row>
    <row r="61" spans="1:4" ht="18" customHeight="1" x14ac:dyDescent="0.15">
      <c r="A61" s="8">
        <v>46</v>
      </c>
      <c r="B61" s="34">
        <v>70</v>
      </c>
      <c r="C61" s="13">
        <v>57</v>
      </c>
      <c r="D61" s="12">
        <v>127</v>
      </c>
    </row>
    <row r="62" spans="1:4" ht="18" customHeight="1" x14ac:dyDescent="0.15">
      <c r="A62" s="8">
        <v>47</v>
      </c>
      <c r="B62" s="34">
        <v>77</v>
      </c>
      <c r="C62" s="13">
        <v>70</v>
      </c>
      <c r="D62" s="12">
        <v>147</v>
      </c>
    </row>
    <row r="63" spans="1:4" ht="18" customHeight="1" x14ac:dyDescent="0.15">
      <c r="A63" s="8">
        <v>48</v>
      </c>
      <c r="B63" s="34">
        <v>76</v>
      </c>
      <c r="C63" s="13">
        <v>96</v>
      </c>
      <c r="D63" s="12">
        <v>172</v>
      </c>
    </row>
    <row r="64" spans="1:4" ht="18" customHeight="1" x14ac:dyDescent="0.15">
      <c r="A64" s="8">
        <v>49</v>
      </c>
      <c r="B64" s="34">
        <v>81</v>
      </c>
      <c r="C64" s="13">
        <v>63</v>
      </c>
      <c r="D64" s="12">
        <v>144</v>
      </c>
    </row>
    <row r="65" spans="1:4" ht="18" customHeight="1" x14ac:dyDescent="0.15">
      <c r="A65" s="8" t="s">
        <v>45</v>
      </c>
      <c r="B65" s="34">
        <v>389</v>
      </c>
      <c r="C65" s="13">
        <v>344</v>
      </c>
      <c r="D65" s="12">
        <v>733</v>
      </c>
    </row>
    <row r="66" spans="1:4" ht="18" customHeight="1" x14ac:dyDescent="0.15">
      <c r="A66" s="8">
        <v>50</v>
      </c>
      <c r="B66" s="34">
        <v>88</v>
      </c>
      <c r="C66" s="13">
        <v>94</v>
      </c>
      <c r="D66" s="12">
        <v>182</v>
      </c>
    </row>
    <row r="67" spans="1:4" ht="18" customHeight="1" x14ac:dyDescent="0.15">
      <c r="A67" s="8">
        <v>51</v>
      </c>
      <c r="B67" s="34">
        <v>99</v>
      </c>
      <c r="C67" s="13">
        <v>95</v>
      </c>
      <c r="D67" s="12">
        <v>194</v>
      </c>
    </row>
    <row r="68" spans="1:4" ht="18" customHeight="1" x14ac:dyDescent="0.15">
      <c r="A68" s="8">
        <v>52</v>
      </c>
      <c r="B68" s="34">
        <v>84</v>
      </c>
      <c r="C68" s="13">
        <v>88</v>
      </c>
      <c r="D68" s="12">
        <v>172</v>
      </c>
    </row>
    <row r="69" spans="1:4" ht="18" customHeight="1" x14ac:dyDescent="0.15">
      <c r="A69" s="8">
        <v>53</v>
      </c>
      <c r="B69" s="34">
        <v>74</v>
      </c>
      <c r="C69" s="13">
        <v>73</v>
      </c>
      <c r="D69" s="12">
        <v>147</v>
      </c>
    </row>
    <row r="70" spans="1:4" ht="18" customHeight="1" x14ac:dyDescent="0.15">
      <c r="A70" s="8">
        <v>54</v>
      </c>
      <c r="B70" s="34">
        <v>86</v>
      </c>
      <c r="C70" s="13">
        <v>87</v>
      </c>
      <c r="D70" s="12">
        <v>173</v>
      </c>
    </row>
    <row r="71" spans="1:4" ht="18" customHeight="1" x14ac:dyDescent="0.15">
      <c r="A71" s="8" t="s">
        <v>58</v>
      </c>
      <c r="B71" s="34">
        <v>431</v>
      </c>
      <c r="C71" s="13">
        <v>437</v>
      </c>
      <c r="D71" s="12">
        <v>868</v>
      </c>
    </row>
    <row r="72" spans="1:4" ht="18" customHeight="1" x14ac:dyDescent="0.15">
      <c r="A72" s="8">
        <v>55</v>
      </c>
      <c r="B72" s="34">
        <v>95</v>
      </c>
      <c r="C72" s="13">
        <v>84</v>
      </c>
      <c r="D72" s="12">
        <v>179</v>
      </c>
    </row>
    <row r="73" spans="1:4" ht="18" customHeight="1" x14ac:dyDescent="0.15">
      <c r="A73" s="8">
        <v>56</v>
      </c>
      <c r="B73" s="34">
        <v>70</v>
      </c>
      <c r="C73" s="13">
        <v>83</v>
      </c>
      <c r="D73" s="12">
        <v>153</v>
      </c>
    </row>
    <row r="74" spans="1:4" ht="18" customHeight="1" x14ac:dyDescent="0.15">
      <c r="A74" s="8">
        <v>57</v>
      </c>
      <c r="B74" s="34">
        <v>79</v>
      </c>
      <c r="C74" s="13">
        <v>73</v>
      </c>
      <c r="D74" s="12">
        <v>152</v>
      </c>
    </row>
    <row r="75" spans="1:4" ht="18" customHeight="1" x14ac:dyDescent="0.15">
      <c r="A75" s="8">
        <v>58</v>
      </c>
      <c r="B75" s="34">
        <v>75</v>
      </c>
      <c r="C75" s="13">
        <v>77</v>
      </c>
      <c r="D75" s="12">
        <v>152</v>
      </c>
    </row>
    <row r="76" spans="1:4" ht="18" customHeight="1" x14ac:dyDescent="0.15">
      <c r="A76" s="8">
        <v>59</v>
      </c>
      <c r="B76" s="34">
        <v>88</v>
      </c>
      <c r="C76" s="13">
        <v>65</v>
      </c>
      <c r="D76" s="12">
        <v>153</v>
      </c>
    </row>
    <row r="77" spans="1:4" ht="18" customHeight="1" x14ac:dyDescent="0.15">
      <c r="A77" s="8" t="s">
        <v>71</v>
      </c>
      <c r="B77" s="34">
        <v>407</v>
      </c>
      <c r="C77" s="13">
        <v>382</v>
      </c>
      <c r="D77" s="12">
        <v>789</v>
      </c>
    </row>
    <row r="78" spans="1:4" ht="18" customHeight="1" x14ac:dyDescent="0.15">
      <c r="A78" s="8">
        <v>60</v>
      </c>
      <c r="B78" s="34">
        <v>79</v>
      </c>
      <c r="C78" s="13">
        <v>74</v>
      </c>
      <c r="D78" s="12">
        <v>153</v>
      </c>
    </row>
    <row r="79" spans="1:4" ht="18" customHeight="1" x14ac:dyDescent="0.15">
      <c r="A79" s="8">
        <v>61</v>
      </c>
      <c r="B79" s="34">
        <v>71</v>
      </c>
      <c r="C79" s="13">
        <v>83</v>
      </c>
      <c r="D79" s="12">
        <v>154</v>
      </c>
    </row>
    <row r="80" spans="1:4" ht="18" customHeight="1" x14ac:dyDescent="0.15">
      <c r="A80" s="8">
        <v>62</v>
      </c>
      <c r="B80" s="34">
        <v>71</v>
      </c>
      <c r="C80" s="13">
        <v>83</v>
      </c>
      <c r="D80" s="12">
        <v>154</v>
      </c>
    </row>
    <row r="81" spans="1:4" ht="18" customHeight="1" x14ac:dyDescent="0.15">
      <c r="A81" s="8">
        <v>63</v>
      </c>
      <c r="B81" s="34">
        <v>82</v>
      </c>
      <c r="C81" s="13">
        <v>90</v>
      </c>
      <c r="D81" s="12">
        <v>172</v>
      </c>
    </row>
    <row r="82" spans="1:4" ht="18" customHeight="1" x14ac:dyDescent="0.15">
      <c r="A82" s="8">
        <v>64</v>
      </c>
      <c r="B82" s="34">
        <v>75</v>
      </c>
      <c r="C82" s="13">
        <v>82</v>
      </c>
      <c r="D82" s="12">
        <v>157</v>
      </c>
    </row>
    <row r="83" spans="1:4" ht="18" customHeight="1" x14ac:dyDescent="0.15">
      <c r="A83" s="8" t="s">
        <v>44</v>
      </c>
      <c r="B83" s="34">
        <v>378</v>
      </c>
      <c r="C83" s="13">
        <v>412</v>
      </c>
      <c r="D83" s="12">
        <v>790</v>
      </c>
    </row>
    <row r="84" spans="1:4" ht="18" customHeight="1" x14ac:dyDescent="0.15">
      <c r="A84" s="8" t="s">
        <v>43</v>
      </c>
      <c r="B84" s="34">
        <v>3237</v>
      </c>
      <c r="C84" s="13">
        <v>3020</v>
      </c>
      <c r="D84" s="12">
        <v>6257</v>
      </c>
    </row>
    <row r="85" spans="1:4" ht="18" customHeight="1" x14ac:dyDescent="0.15">
      <c r="A85" s="8">
        <v>65</v>
      </c>
      <c r="B85" s="34">
        <v>70</v>
      </c>
      <c r="C85" s="13">
        <v>76</v>
      </c>
      <c r="D85" s="12">
        <v>146</v>
      </c>
    </row>
    <row r="86" spans="1:4" ht="18" customHeight="1" x14ac:dyDescent="0.15">
      <c r="A86" s="8">
        <v>66</v>
      </c>
      <c r="B86" s="34">
        <v>80</v>
      </c>
      <c r="C86" s="13">
        <v>65</v>
      </c>
      <c r="D86" s="12">
        <v>145</v>
      </c>
    </row>
    <row r="87" spans="1:4" ht="18" customHeight="1" x14ac:dyDescent="0.15">
      <c r="A87" s="8">
        <v>67</v>
      </c>
      <c r="B87" s="34">
        <v>84</v>
      </c>
      <c r="C87" s="13">
        <v>81</v>
      </c>
      <c r="D87" s="12">
        <v>165</v>
      </c>
    </row>
    <row r="88" spans="1:4" ht="18" customHeight="1" x14ac:dyDescent="0.15">
      <c r="A88" s="8">
        <v>68</v>
      </c>
      <c r="B88" s="34">
        <v>69</v>
      </c>
      <c r="C88" s="13">
        <v>81</v>
      </c>
      <c r="D88" s="12">
        <v>150</v>
      </c>
    </row>
    <row r="89" spans="1:4" ht="18" customHeight="1" x14ac:dyDescent="0.15">
      <c r="A89" s="8">
        <v>69</v>
      </c>
      <c r="B89" s="34">
        <v>80</v>
      </c>
      <c r="C89" s="13">
        <v>75</v>
      </c>
      <c r="D89" s="12">
        <v>155</v>
      </c>
    </row>
    <row r="90" spans="1:4" ht="18" customHeight="1" x14ac:dyDescent="0.15">
      <c r="A90" s="8" t="s">
        <v>42</v>
      </c>
      <c r="B90" s="34">
        <v>383</v>
      </c>
      <c r="C90" s="13">
        <v>378</v>
      </c>
      <c r="D90" s="12">
        <v>761</v>
      </c>
    </row>
    <row r="91" spans="1:4" ht="18" customHeight="1" x14ac:dyDescent="0.15">
      <c r="A91" s="8">
        <v>70</v>
      </c>
      <c r="B91" s="34">
        <v>64</v>
      </c>
      <c r="C91" s="13">
        <v>94</v>
      </c>
      <c r="D91" s="12">
        <v>158</v>
      </c>
    </row>
    <row r="92" spans="1:4" ht="18" customHeight="1" x14ac:dyDescent="0.15">
      <c r="A92" s="8">
        <v>71</v>
      </c>
      <c r="B92" s="34">
        <v>77</v>
      </c>
      <c r="C92" s="13">
        <v>78</v>
      </c>
      <c r="D92" s="12">
        <v>155</v>
      </c>
    </row>
    <row r="93" spans="1:4" ht="18" customHeight="1" x14ac:dyDescent="0.15">
      <c r="A93" s="8">
        <v>72</v>
      </c>
      <c r="B93" s="34">
        <v>88</v>
      </c>
      <c r="C93" s="13">
        <v>84</v>
      </c>
      <c r="D93" s="12">
        <v>172</v>
      </c>
    </row>
    <row r="94" spans="1:4" ht="18" customHeight="1" x14ac:dyDescent="0.15">
      <c r="A94" s="8">
        <v>73</v>
      </c>
      <c r="B94" s="34">
        <v>75</v>
      </c>
      <c r="C94" s="13">
        <v>90</v>
      </c>
      <c r="D94" s="12">
        <v>165</v>
      </c>
    </row>
    <row r="95" spans="1:4" ht="18" customHeight="1" x14ac:dyDescent="0.15">
      <c r="A95" s="8">
        <v>74</v>
      </c>
      <c r="B95" s="34">
        <v>90</v>
      </c>
      <c r="C95" s="13">
        <v>97</v>
      </c>
      <c r="D95" s="12">
        <v>187</v>
      </c>
    </row>
    <row r="96" spans="1:4" ht="18" customHeight="1" x14ac:dyDescent="0.15">
      <c r="A96" s="8" t="s">
        <v>41</v>
      </c>
      <c r="B96" s="34">
        <v>394</v>
      </c>
      <c r="C96" s="13">
        <v>443</v>
      </c>
      <c r="D96" s="12">
        <v>837</v>
      </c>
    </row>
    <row r="97" spans="1:4" ht="18" customHeight="1" x14ac:dyDescent="0.15">
      <c r="A97" s="8">
        <v>75</v>
      </c>
      <c r="B97" s="34">
        <v>90</v>
      </c>
      <c r="C97" s="13">
        <v>127</v>
      </c>
      <c r="D97" s="12">
        <v>217</v>
      </c>
    </row>
    <row r="98" spans="1:4" ht="18" customHeight="1" x14ac:dyDescent="0.15">
      <c r="A98" s="8">
        <v>76</v>
      </c>
      <c r="B98" s="34">
        <v>69</v>
      </c>
      <c r="C98" s="13">
        <v>83</v>
      </c>
      <c r="D98" s="12">
        <v>152</v>
      </c>
    </row>
    <row r="99" spans="1:4" ht="18" customHeight="1" x14ac:dyDescent="0.15">
      <c r="A99" s="8">
        <v>77</v>
      </c>
      <c r="B99" s="34">
        <v>49</v>
      </c>
      <c r="C99" s="13">
        <v>58</v>
      </c>
      <c r="D99" s="12">
        <v>107</v>
      </c>
    </row>
    <row r="100" spans="1:4" ht="18" customHeight="1" x14ac:dyDescent="0.15">
      <c r="A100" s="8">
        <v>78</v>
      </c>
      <c r="B100" s="34">
        <v>53</v>
      </c>
      <c r="C100" s="13">
        <v>91</v>
      </c>
      <c r="D100" s="12">
        <v>144</v>
      </c>
    </row>
    <row r="101" spans="1:4" ht="18" customHeight="1" x14ac:dyDescent="0.15">
      <c r="A101" s="8">
        <v>79</v>
      </c>
      <c r="B101" s="34">
        <v>54</v>
      </c>
      <c r="C101" s="13">
        <v>92</v>
      </c>
      <c r="D101" s="12">
        <v>146</v>
      </c>
    </row>
    <row r="102" spans="1:4" ht="18" customHeight="1" x14ac:dyDescent="0.15">
      <c r="A102" s="8" t="s">
        <v>70</v>
      </c>
      <c r="B102" s="34">
        <v>315</v>
      </c>
      <c r="C102" s="13">
        <v>451</v>
      </c>
      <c r="D102" s="12">
        <v>766</v>
      </c>
    </row>
    <row r="103" spans="1:4" ht="18" customHeight="1" x14ac:dyDescent="0.15">
      <c r="A103" s="8">
        <v>80</v>
      </c>
      <c r="B103" s="34">
        <v>58</v>
      </c>
      <c r="C103" s="13">
        <v>86</v>
      </c>
      <c r="D103" s="12">
        <v>144</v>
      </c>
    </row>
    <row r="104" spans="1:4" ht="18" customHeight="1" x14ac:dyDescent="0.15">
      <c r="A104" s="8">
        <v>81</v>
      </c>
      <c r="B104" s="34">
        <v>71</v>
      </c>
      <c r="C104" s="13">
        <v>100</v>
      </c>
      <c r="D104" s="12">
        <v>171</v>
      </c>
    </row>
    <row r="105" spans="1:4" ht="18" customHeight="1" x14ac:dyDescent="0.15">
      <c r="A105" s="8">
        <v>82</v>
      </c>
      <c r="B105" s="34">
        <v>46</v>
      </c>
      <c r="C105" s="13">
        <v>86</v>
      </c>
      <c r="D105" s="12">
        <v>132</v>
      </c>
    </row>
    <row r="106" spans="1:4" ht="18" customHeight="1" x14ac:dyDescent="0.15">
      <c r="A106" s="8">
        <v>83</v>
      </c>
      <c r="B106" s="34">
        <v>43</v>
      </c>
      <c r="C106" s="13">
        <v>70</v>
      </c>
      <c r="D106" s="12">
        <v>113</v>
      </c>
    </row>
    <row r="107" spans="1:4" ht="18" customHeight="1" x14ac:dyDescent="0.15">
      <c r="A107" s="8">
        <v>84</v>
      </c>
      <c r="B107" s="34">
        <v>34</v>
      </c>
      <c r="C107" s="13">
        <v>51</v>
      </c>
      <c r="D107" s="12">
        <v>85</v>
      </c>
    </row>
    <row r="108" spans="1:4" ht="18" customHeight="1" x14ac:dyDescent="0.15">
      <c r="A108" s="8" t="s">
        <v>39</v>
      </c>
      <c r="B108" s="34">
        <v>252</v>
      </c>
      <c r="C108" s="13">
        <v>393</v>
      </c>
      <c r="D108" s="12">
        <v>645</v>
      </c>
    </row>
    <row r="109" spans="1:4" ht="18" customHeight="1" x14ac:dyDescent="0.15">
      <c r="A109" s="8">
        <v>85</v>
      </c>
      <c r="B109" s="34">
        <v>47</v>
      </c>
      <c r="C109" s="13">
        <v>52</v>
      </c>
      <c r="D109" s="12">
        <v>99</v>
      </c>
    </row>
    <row r="110" spans="1:4" ht="18" customHeight="1" x14ac:dyDescent="0.15">
      <c r="A110" s="8">
        <v>86</v>
      </c>
      <c r="B110" s="34">
        <v>35</v>
      </c>
      <c r="C110" s="13">
        <v>50</v>
      </c>
      <c r="D110" s="12">
        <v>85</v>
      </c>
    </row>
    <row r="111" spans="1:4" ht="18" customHeight="1" x14ac:dyDescent="0.15">
      <c r="A111" s="8">
        <v>87</v>
      </c>
      <c r="B111" s="34">
        <v>27</v>
      </c>
      <c r="C111" s="13">
        <v>66</v>
      </c>
      <c r="D111" s="12">
        <v>93</v>
      </c>
    </row>
    <row r="112" spans="1:4" ht="18" customHeight="1" x14ac:dyDescent="0.15">
      <c r="A112" s="8">
        <v>88</v>
      </c>
      <c r="B112" s="34">
        <v>23</v>
      </c>
      <c r="C112" s="13">
        <v>52</v>
      </c>
      <c r="D112" s="12">
        <v>75</v>
      </c>
    </row>
    <row r="113" spans="1:4" ht="18" customHeight="1" x14ac:dyDescent="0.15">
      <c r="A113" s="8">
        <v>89</v>
      </c>
      <c r="B113" s="34">
        <v>22</v>
      </c>
      <c r="C113" s="13">
        <v>53</v>
      </c>
      <c r="D113" s="12">
        <v>75</v>
      </c>
    </row>
    <row r="114" spans="1:4" ht="18" customHeight="1" x14ac:dyDescent="0.15">
      <c r="A114" s="8" t="s">
        <v>38</v>
      </c>
      <c r="B114" s="34">
        <v>154</v>
      </c>
      <c r="C114" s="13">
        <v>273</v>
      </c>
      <c r="D114" s="12">
        <v>427</v>
      </c>
    </row>
    <row r="115" spans="1:4" ht="18" customHeight="1" x14ac:dyDescent="0.15">
      <c r="A115" s="8">
        <v>90</v>
      </c>
      <c r="B115" s="34">
        <v>14</v>
      </c>
      <c r="C115" s="13">
        <v>38</v>
      </c>
      <c r="D115" s="12">
        <v>52</v>
      </c>
    </row>
    <row r="116" spans="1:4" ht="18" customHeight="1" x14ac:dyDescent="0.15">
      <c r="A116" s="8">
        <v>91</v>
      </c>
      <c r="B116" s="34">
        <v>17</v>
      </c>
      <c r="C116" s="13">
        <v>38</v>
      </c>
      <c r="D116" s="12">
        <v>55</v>
      </c>
    </row>
    <row r="117" spans="1:4" ht="18" customHeight="1" x14ac:dyDescent="0.15">
      <c r="A117" s="8">
        <v>92</v>
      </c>
      <c r="B117" s="34">
        <v>4</v>
      </c>
      <c r="C117" s="13">
        <v>39</v>
      </c>
      <c r="D117" s="12">
        <v>43</v>
      </c>
    </row>
    <row r="118" spans="1:4" ht="18" customHeight="1" x14ac:dyDescent="0.15">
      <c r="A118" s="8">
        <v>93</v>
      </c>
      <c r="B118" s="34">
        <v>6</v>
      </c>
      <c r="C118" s="13">
        <v>39</v>
      </c>
      <c r="D118" s="12">
        <v>45</v>
      </c>
    </row>
    <row r="119" spans="1:4" ht="18" customHeight="1" x14ac:dyDescent="0.15">
      <c r="A119" s="8">
        <v>94</v>
      </c>
      <c r="B119" s="34">
        <v>9</v>
      </c>
      <c r="C119" s="13">
        <v>18</v>
      </c>
      <c r="D119" s="12">
        <v>27</v>
      </c>
    </row>
    <row r="120" spans="1:4" ht="18" customHeight="1" x14ac:dyDescent="0.15">
      <c r="A120" s="8" t="s">
        <v>69</v>
      </c>
      <c r="B120" s="34">
        <v>50</v>
      </c>
      <c r="C120" s="13">
        <v>172</v>
      </c>
      <c r="D120" s="12">
        <v>222</v>
      </c>
    </row>
    <row r="121" spans="1:4" ht="18" customHeight="1" x14ac:dyDescent="0.15">
      <c r="A121" s="8">
        <v>95</v>
      </c>
      <c r="B121" s="34">
        <v>1</v>
      </c>
      <c r="C121" s="13">
        <v>11</v>
      </c>
      <c r="D121" s="12">
        <v>12</v>
      </c>
    </row>
    <row r="122" spans="1:4" ht="18" customHeight="1" x14ac:dyDescent="0.15">
      <c r="A122" s="8">
        <v>96</v>
      </c>
      <c r="B122" s="34">
        <v>2</v>
      </c>
      <c r="C122" s="13">
        <v>14</v>
      </c>
      <c r="D122" s="12">
        <v>16</v>
      </c>
    </row>
    <row r="123" spans="1:4" ht="18" customHeight="1" x14ac:dyDescent="0.15">
      <c r="A123" s="8">
        <v>97</v>
      </c>
      <c r="B123" s="34">
        <v>4</v>
      </c>
      <c r="C123" s="13">
        <v>8</v>
      </c>
      <c r="D123" s="12">
        <v>12</v>
      </c>
    </row>
    <row r="124" spans="1:4" ht="18" customHeight="1" x14ac:dyDescent="0.15">
      <c r="A124" s="8">
        <v>98</v>
      </c>
      <c r="B124" s="34">
        <v>2</v>
      </c>
      <c r="C124" s="13">
        <v>12</v>
      </c>
      <c r="D124" s="12">
        <v>14</v>
      </c>
    </row>
    <row r="125" spans="1:4" ht="18" customHeight="1" x14ac:dyDescent="0.15">
      <c r="A125" s="8">
        <v>99</v>
      </c>
      <c r="B125" s="34">
        <v>0</v>
      </c>
      <c r="C125" s="13">
        <v>5</v>
      </c>
      <c r="D125" s="12">
        <v>5</v>
      </c>
    </row>
    <row r="126" spans="1:4" ht="18" customHeight="1" x14ac:dyDescent="0.15">
      <c r="A126" s="8" t="s">
        <v>68</v>
      </c>
      <c r="B126" s="34">
        <v>9</v>
      </c>
      <c r="C126" s="13">
        <v>50</v>
      </c>
      <c r="D126" s="12">
        <v>59</v>
      </c>
    </row>
    <row r="127" spans="1:4" ht="18" customHeight="1" x14ac:dyDescent="0.15">
      <c r="A127" s="8">
        <v>100</v>
      </c>
      <c r="B127" s="34">
        <v>1</v>
      </c>
      <c r="C127" s="13">
        <v>2</v>
      </c>
      <c r="D127" s="12">
        <v>3</v>
      </c>
    </row>
    <row r="128" spans="1:4" ht="18" customHeight="1" x14ac:dyDescent="0.15">
      <c r="A128" s="15" t="s">
        <v>37</v>
      </c>
      <c r="B128" s="34">
        <v>1</v>
      </c>
      <c r="C128" s="13">
        <v>4</v>
      </c>
      <c r="D128" s="12">
        <v>5</v>
      </c>
    </row>
    <row r="129" spans="1:4" ht="18" customHeight="1" x14ac:dyDescent="0.15">
      <c r="A129" s="8" t="s">
        <v>36</v>
      </c>
      <c r="B129" s="34">
        <v>2</v>
      </c>
      <c r="C129" s="13">
        <v>6</v>
      </c>
      <c r="D129" s="12">
        <v>8</v>
      </c>
    </row>
    <row r="130" spans="1:4" ht="18" customHeight="1" x14ac:dyDescent="0.15">
      <c r="A130" s="8" t="s">
        <v>35</v>
      </c>
      <c r="B130" s="28">
        <v>1559</v>
      </c>
      <c r="C130" s="6">
        <v>2166</v>
      </c>
      <c r="D130" s="5">
        <v>3725</v>
      </c>
    </row>
    <row r="131" spans="1:4" ht="18" customHeight="1" x14ac:dyDescent="0.15">
      <c r="A131" s="4" t="s">
        <v>0</v>
      </c>
      <c r="B131" s="27">
        <v>5309</v>
      </c>
      <c r="C131" s="2">
        <v>5665</v>
      </c>
      <c r="D131" s="1">
        <v>1097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6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34</v>
      </c>
      <c r="C5" s="44">
        <v>31</v>
      </c>
      <c r="D5" s="43">
        <v>65</v>
      </c>
    </row>
    <row r="6" spans="1:4" ht="18" customHeight="1" x14ac:dyDescent="0.15">
      <c r="A6" s="8">
        <v>1</v>
      </c>
      <c r="B6" s="39">
        <v>39</v>
      </c>
      <c r="C6" s="13">
        <v>34</v>
      </c>
      <c r="D6" s="12">
        <v>73</v>
      </c>
    </row>
    <row r="7" spans="1:4" ht="18" customHeight="1" x14ac:dyDescent="0.15">
      <c r="A7" s="8">
        <v>2</v>
      </c>
      <c r="B7" s="39">
        <v>40</v>
      </c>
      <c r="C7" s="13">
        <v>46</v>
      </c>
      <c r="D7" s="12">
        <v>86</v>
      </c>
    </row>
    <row r="8" spans="1:4" ht="18" customHeight="1" x14ac:dyDescent="0.15">
      <c r="A8" s="8">
        <v>3</v>
      </c>
      <c r="B8" s="39">
        <v>46</v>
      </c>
      <c r="C8" s="13">
        <v>32</v>
      </c>
      <c r="D8" s="12">
        <v>78</v>
      </c>
    </row>
    <row r="9" spans="1:4" ht="18" customHeight="1" x14ac:dyDescent="0.15">
      <c r="A9" s="8">
        <v>4</v>
      </c>
      <c r="B9" s="42">
        <v>46</v>
      </c>
      <c r="C9" s="41">
        <v>50</v>
      </c>
      <c r="D9" s="40">
        <v>96</v>
      </c>
    </row>
    <row r="10" spans="1:4" ht="18" customHeight="1" x14ac:dyDescent="0.15">
      <c r="A10" s="8" t="s">
        <v>76</v>
      </c>
      <c r="B10" s="34">
        <v>205</v>
      </c>
      <c r="C10" s="13">
        <v>193</v>
      </c>
      <c r="D10" s="12">
        <v>398</v>
      </c>
    </row>
    <row r="11" spans="1:4" ht="18" customHeight="1" x14ac:dyDescent="0.15">
      <c r="A11" s="8">
        <v>5</v>
      </c>
      <c r="B11" s="39">
        <v>43</v>
      </c>
      <c r="C11" s="13">
        <v>40</v>
      </c>
      <c r="D11" s="12">
        <v>83</v>
      </c>
    </row>
    <row r="12" spans="1:4" ht="18" customHeight="1" x14ac:dyDescent="0.15">
      <c r="A12" s="8">
        <v>6</v>
      </c>
      <c r="B12" s="39">
        <v>54</v>
      </c>
      <c r="C12" s="13">
        <v>29</v>
      </c>
      <c r="D12" s="12">
        <v>83</v>
      </c>
    </row>
    <row r="13" spans="1:4" ht="18" customHeight="1" x14ac:dyDescent="0.15">
      <c r="A13" s="8">
        <v>7</v>
      </c>
      <c r="B13" s="39">
        <v>32</v>
      </c>
      <c r="C13" s="13">
        <v>51</v>
      </c>
      <c r="D13" s="12">
        <v>83</v>
      </c>
    </row>
    <row r="14" spans="1:4" ht="18" customHeight="1" x14ac:dyDescent="0.15">
      <c r="A14" s="8">
        <v>8</v>
      </c>
      <c r="B14" s="39">
        <v>38</v>
      </c>
      <c r="C14" s="13">
        <v>37</v>
      </c>
      <c r="D14" s="12">
        <v>75</v>
      </c>
    </row>
    <row r="15" spans="1:4" ht="18" customHeight="1" x14ac:dyDescent="0.15">
      <c r="A15" s="8">
        <v>9</v>
      </c>
      <c r="B15" s="39">
        <v>41</v>
      </c>
      <c r="C15" s="13">
        <v>37</v>
      </c>
      <c r="D15" s="12">
        <v>78</v>
      </c>
    </row>
    <row r="16" spans="1:4" ht="18" customHeight="1" x14ac:dyDescent="0.15">
      <c r="A16" s="8" t="s">
        <v>50</v>
      </c>
      <c r="B16" s="34">
        <v>208</v>
      </c>
      <c r="C16" s="13">
        <v>194</v>
      </c>
      <c r="D16" s="12">
        <v>402</v>
      </c>
    </row>
    <row r="17" spans="1:4" ht="18" customHeight="1" x14ac:dyDescent="0.15">
      <c r="A17" s="8">
        <v>10</v>
      </c>
      <c r="B17" s="34">
        <v>37</v>
      </c>
      <c r="C17" s="13">
        <v>31</v>
      </c>
      <c r="D17" s="12">
        <v>68</v>
      </c>
    </row>
    <row r="18" spans="1:4" ht="18" customHeight="1" x14ac:dyDescent="0.15">
      <c r="A18" s="8">
        <v>11</v>
      </c>
      <c r="B18" s="34">
        <v>37</v>
      </c>
      <c r="C18" s="13">
        <v>30</v>
      </c>
      <c r="D18" s="12">
        <v>67</v>
      </c>
    </row>
    <row r="19" spans="1:4" ht="18" customHeight="1" x14ac:dyDescent="0.15">
      <c r="A19" s="8">
        <v>12</v>
      </c>
      <c r="B19" s="34">
        <v>41</v>
      </c>
      <c r="C19" s="13">
        <v>33</v>
      </c>
      <c r="D19" s="12">
        <v>74</v>
      </c>
    </row>
    <row r="20" spans="1:4" ht="18" customHeight="1" x14ac:dyDescent="0.15">
      <c r="A20" s="8">
        <v>13</v>
      </c>
      <c r="B20" s="34">
        <v>38</v>
      </c>
      <c r="C20" s="13">
        <v>32</v>
      </c>
      <c r="D20" s="12">
        <v>70</v>
      </c>
    </row>
    <row r="21" spans="1:4" ht="18" customHeight="1" x14ac:dyDescent="0.15">
      <c r="A21" s="8">
        <v>14</v>
      </c>
      <c r="B21" s="34">
        <v>41</v>
      </c>
      <c r="C21" s="13">
        <v>35</v>
      </c>
      <c r="D21" s="12">
        <v>76</v>
      </c>
    </row>
    <row r="22" spans="1:4" ht="18" customHeight="1" x14ac:dyDescent="0.15">
      <c r="A22" s="8" t="s">
        <v>75</v>
      </c>
      <c r="B22" s="34">
        <v>194</v>
      </c>
      <c r="C22" s="13">
        <v>161</v>
      </c>
      <c r="D22" s="12">
        <v>355</v>
      </c>
    </row>
    <row r="23" spans="1:4" ht="18" customHeight="1" x14ac:dyDescent="0.15">
      <c r="A23" s="8" t="s">
        <v>65</v>
      </c>
      <c r="B23" s="34">
        <v>607</v>
      </c>
      <c r="C23" s="13">
        <v>548</v>
      </c>
      <c r="D23" s="12">
        <v>1155</v>
      </c>
    </row>
    <row r="24" spans="1:4" ht="18" customHeight="1" x14ac:dyDescent="0.15">
      <c r="A24" s="8">
        <v>15</v>
      </c>
      <c r="B24" s="34">
        <v>44</v>
      </c>
      <c r="C24" s="13">
        <v>30</v>
      </c>
      <c r="D24" s="12">
        <v>74</v>
      </c>
    </row>
    <row r="25" spans="1:4" ht="18" customHeight="1" x14ac:dyDescent="0.15">
      <c r="A25" s="8">
        <v>16</v>
      </c>
      <c r="B25" s="34">
        <v>36</v>
      </c>
      <c r="C25" s="13">
        <v>37</v>
      </c>
      <c r="D25" s="12">
        <v>73</v>
      </c>
    </row>
    <row r="26" spans="1:4" ht="18" customHeight="1" x14ac:dyDescent="0.15">
      <c r="A26" s="8">
        <v>17</v>
      </c>
      <c r="B26" s="34">
        <v>42</v>
      </c>
      <c r="C26" s="13">
        <v>31</v>
      </c>
      <c r="D26" s="12">
        <v>73</v>
      </c>
    </row>
    <row r="27" spans="1:4" ht="18" customHeight="1" x14ac:dyDescent="0.15">
      <c r="A27" s="8">
        <v>18</v>
      </c>
      <c r="B27" s="34">
        <v>39</v>
      </c>
      <c r="C27" s="13">
        <v>44</v>
      </c>
      <c r="D27" s="12">
        <v>83</v>
      </c>
    </row>
    <row r="28" spans="1:4" ht="18" customHeight="1" x14ac:dyDescent="0.15">
      <c r="A28" s="8">
        <v>19</v>
      </c>
      <c r="B28" s="34">
        <v>39</v>
      </c>
      <c r="C28" s="13">
        <v>31</v>
      </c>
      <c r="D28" s="12">
        <v>70</v>
      </c>
    </row>
    <row r="29" spans="1:4" ht="18" customHeight="1" x14ac:dyDescent="0.15">
      <c r="A29" s="8" t="s">
        <v>48</v>
      </c>
      <c r="B29" s="34">
        <v>200</v>
      </c>
      <c r="C29" s="13">
        <v>173</v>
      </c>
      <c r="D29" s="12">
        <v>373</v>
      </c>
    </row>
    <row r="30" spans="1:4" ht="18" customHeight="1" x14ac:dyDescent="0.15">
      <c r="A30" s="8">
        <v>20</v>
      </c>
      <c r="B30" s="34">
        <v>36</v>
      </c>
      <c r="C30" s="13">
        <v>38</v>
      </c>
      <c r="D30" s="12">
        <v>74</v>
      </c>
    </row>
    <row r="31" spans="1:4" ht="18" customHeight="1" x14ac:dyDescent="0.15">
      <c r="A31" s="8">
        <v>21</v>
      </c>
      <c r="B31" s="34">
        <v>46</v>
      </c>
      <c r="C31" s="13">
        <v>52</v>
      </c>
      <c r="D31" s="12">
        <v>98</v>
      </c>
    </row>
    <row r="32" spans="1:4" ht="18" customHeight="1" x14ac:dyDescent="0.15">
      <c r="A32" s="8">
        <v>22</v>
      </c>
      <c r="B32" s="34">
        <v>31</v>
      </c>
      <c r="C32" s="13">
        <v>40</v>
      </c>
      <c r="D32" s="12">
        <v>71</v>
      </c>
    </row>
    <row r="33" spans="1:4" ht="18" customHeight="1" x14ac:dyDescent="0.15">
      <c r="A33" s="8">
        <v>23</v>
      </c>
      <c r="B33" s="34">
        <v>37</v>
      </c>
      <c r="C33" s="13">
        <v>37</v>
      </c>
      <c r="D33" s="12">
        <v>74</v>
      </c>
    </row>
    <row r="34" spans="1:4" ht="18" customHeight="1" x14ac:dyDescent="0.15">
      <c r="A34" s="8">
        <v>24</v>
      </c>
      <c r="B34" s="34">
        <v>35</v>
      </c>
      <c r="C34" s="13">
        <v>33</v>
      </c>
      <c r="D34" s="12">
        <v>68</v>
      </c>
    </row>
    <row r="35" spans="1:4" ht="18" customHeight="1" x14ac:dyDescent="0.15">
      <c r="A35" s="8" t="s">
        <v>74</v>
      </c>
      <c r="B35" s="34">
        <v>185</v>
      </c>
      <c r="C35" s="13">
        <v>200</v>
      </c>
      <c r="D35" s="12">
        <v>385</v>
      </c>
    </row>
    <row r="36" spans="1:4" ht="18" customHeight="1" x14ac:dyDescent="0.15">
      <c r="A36" s="8">
        <v>25</v>
      </c>
      <c r="B36" s="34">
        <v>33</v>
      </c>
      <c r="C36" s="13">
        <v>32</v>
      </c>
      <c r="D36" s="12">
        <v>65</v>
      </c>
    </row>
    <row r="37" spans="1:4" ht="18" customHeight="1" x14ac:dyDescent="0.15">
      <c r="A37" s="8">
        <v>26</v>
      </c>
      <c r="B37" s="34">
        <v>35</v>
      </c>
      <c r="C37" s="13">
        <v>26</v>
      </c>
      <c r="D37" s="12">
        <v>61</v>
      </c>
    </row>
    <row r="38" spans="1:4" ht="18" customHeight="1" x14ac:dyDescent="0.15">
      <c r="A38" s="8">
        <v>27</v>
      </c>
      <c r="B38" s="34">
        <v>41</v>
      </c>
      <c r="C38" s="13">
        <v>31</v>
      </c>
      <c r="D38" s="12">
        <v>72</v>
      </c>
    </row>
    <row r="39" spans="1:4" ht="18" customHeight="1" x14ac:dyDescent="0.15">
      <c r="A39" s="8">
        <v>28</v>
      </c>
      <c r="B39" s="34">
        <v>46</v>
      </c>
      <c r="C39" s="13">
        <v>43</v>
      </c>
      <c r="D39" s="12">
        <v>89</v>
      </c>
    </row>
    <row r="40" spans="1:4" ht="18" customHeight="1" x14ac:dyDescent="0.15">
      <c r="A40" s="8">
        <v>29</v>
      </c>
      <c r="B40" s="34">
        <v>38</v>
      </c>
      <c r="C40" s="13">
        <v>49</v>
      </c>
      <c r="D40" s="12">
        <v>87</v>
      </c>
    </row>
    <row r="41" spans="1:4" ht="18" customHeight="1" x14ac:dyDescent="0.15">
      <c r="A41" s="8" t="s">
        <v>73</v>
      </c>
      <c r="B41" s="34">
        <v>193</v>
      </c>
      <c r="C41" s="13">
        <v>181</v>
      </c>
      <c r="D41" s="12">
        <v>374</v>
      </c>
    </row>
    <row r="42" spans="1:4" ht="18" customHeight="1" x14ac:dyDescent="0.15">
      <c r="A42" s="8">
        <v>30</v>
      </c>
      <c r="B42" s="34">
        <v>52</v>
      </c>
      <c r="C42" s="13">
        <v>38</v>
      </c>
      <c r="D42" s="12">
        <v>90</v>
      </c>
    </row>
    <row r="43" spans="1:4" ht="18" customHeight="1" x14ac:dyDescent="0.15">
      <c r="A43" s="8">
        <v>31</v>
      </c>
      <c r="B43" s="34">
        <v>44</v>
      </c>
      <c r="C43" s="13">
        <v>59</v>
      </c>
      <c r="D43" s="12">
        <v>103</v>
      </c>
    </row>
    <row r="44" spans="1:4" ht="18" customHeight="1" x14ac:dyDescent="0.15">
      <c r="A44" s="8">
        <v>32</v>
      </c>
      <c r="B44" s="34">
        <v>47</v>
      </c>
      <c r="C44" s="13">
        <v>42</v>
      </c>
      <c r="D44" s="12">
        <v>89</v>
      </c>
    </row>
    <row r="45" spans="1:4" ht="18" customHeight="1" x14ac:dyDescent="0.15">
      <c r="A45" s="8">
        <v>33</v>
      </c>
      <c r="B45" s="34">
        <v>54</v>
      </c>
      <c r="C45" s="13">
        <v>53</v>
      </c>
      <c r="D45" s="12">
        <v>107</v>
      </c>
    </row>
    <row r="46" spans="1:4" ht="18" customHeight="1" x14ac:dyDescent="0.15">
      <c r="A46" s="8">
        <v>34</v>
      </c>
      <c r="B46" s="34">
        <v>53</v>
      </c>
      <c r="C46" s="13">
        <v>47</v>
      </c>
      <c r="D46" s="12">
        <v>100</v>
      </c>
    </row>
    <row r="47" spans="1:4" ht="18" customHeight="1" x14ac:dyDescent="0.15">
      <c r="A47" s="8" t="s">
        <v>61</v>
      </c>
      <c r="B47" s="34">
        <v>250</v>
      </c>
      <c r="C47" s="13">
        <v>239</v>
      </c>
      <c r="D47" s="12">
        <v>489</v>
      </c>
    </row>
    <row r="48" spans="1:4" ht="18" customHeight="1" x14ac:dyDescent="0.15">
      <c r="A48" s="8">
        <v>35</v>
      </c>
      <c r="B48" s="34">
        <v>51</v>
      </c>
      <c r="C48" s="13">
        <v>43</v>
      </c>
      <c r="D48" s="12">
        <v>94</v>
      </c>
    </row>
    <row r="49" spans="1:4" ht="18" customHeight="1" x14ac:dyDescent="0.15">
      <c r="A49" s="8">
        <v>36</v>
      </c>
      <c r="B49" s="34">
        <v>55</v>
      </c>
      <c r="C49" s="13">
        <v>53</v>
      </c>
      <c r="D49" s="12">
        <v>108</v>
      </c>
    </row>
    <row r="50" spans="1:4" ht="18" customHeight="1" x14ac:dyDescent="0.15">
      <c r="A50" s="8">
        <v>37</v>
      </c>
      <c r="B50" s="34">
        <v>49</v>
      </c>
      <c r="C50" s="13">
        <v>45</v>
      </c>
      <c r="D50" s="12">
        <v>94</v>
      </c>
    </row>
    <row r="51" spans="1:4" ht="18" customHeight="1" x14ac:dyDescent="0.15">
      <c r="A51" s="8">
        <v>38</v>
      </c>
      <c r="B51" s="34">
        <v>72</v>
      </c>
      <c r="C51" s="13">
        <v>57</v>
      </c>
      <c r="D51" s="12">
        <v>129</v>
      </c>
    </row>
    <row r="52" spans="1:4" ht="18" customHeight="1" x14ac:dyDescent="0.15">
      <c r="A52" s="8">
        <v>39</v>
      </c>
      <c r="B52" s="34">
        <v>58</v>
      </c>
      <c r="C52" s="13">
        <v>48</v>
      </c>
      <c r="D52" s="12">
        <v>106</v>
      </c>
    </row>
    <row r="53" spans="1:4" ht="18" customHeight="1" x14ac:dyDescent="0.15">
      <c r="A53" s="8" t="s">
        <v>72</v>
      </c>
      <c r="B53" s="34">
        <v>285</v>
      </c>
      <c r="C53" s="13">
        <v>246</v>
      </c>
      <c r="D53" s="12">
        <v>531</v>
      </c>
    </row>
    <row r="54" spans="1:4" ht="18" customHeight="1" x14ac:dyDescent="0.15">
      <c r="A54" s="8">
        <v>40</v>
      </c>
      <c r="B54" s="34">
        <v>48</v>
      </c>
      <c r="C54" s="13">
        <v>44</v>
      </c>
      <c r="D54" s="12">
        <v>92</v>
      </c>
    </row>
    <row r="55" spans="1:4" ht="18" customHeight="1" x14ac:dyDescent="0.15">
      <c r="A55" s="8">
        <v>41</v>
      </c>
      <c r="B55" s="34">
        <v>56</v>
      </c>
      <c r="C55" s="13">
        <v>58</v>
      </c>
      <c r="D55" s="12">
        <v>114</v>
      </c>
    </row>
    <row r="56" spans="1:4" ht="18" customHeight="1" x14ac:dyDescent="0.15">
      <c r="A56" s="8">
        <v>42</v>
      </c>
      <c r="B56" s="34">
        <v>46</v>
      </c>
      <c r="C56" s="13">
        <v>48</v>
      </c>
      <c r="D56" s="12">
        <v>94</v>
      </c>
    </row>
    <row r="57" spans="1:4" ht="18" customHeight="1" x14ac:dyDescent="0.15">
      <c r="A57" s="8">
        <v>43</v>
      </c>
      <c r="B57" s="34">
        <v>65</v>
      </c>
      <c r="C57" s="13">
        <v>59</v>
      </c>
      <c r="D57" s="12">
        <v>124</v>
      </c>
    </row>
    <row r="58" spans="1:4" ht="18" customHeight="1" x14ac:dyDescent="0.15">
      <c r="A58" s="8">
        <v>44</v>
      </c>
      <c r="B58" s="34">
        <v>51</v>
      </c>
      <c r="C58" s="13">
        <v>49</v>
      </c>
      <c r="D58" s="12">
        <v>100</v>
      </c>
    </row>
    <row r="59" spans="1:4" ht="18" customHeight="1" x14ac:dyDescent="0.15">
      <c r="A59" s="8" t="s">
        <v>46</v>
      </c>
      <c r="B59" s="34">
        <v>266</v>
      </c>
      <c r="C59" s="13">
        <v>258</v>
      </c>
      <c r="D59" s="12">
        <v>524</v>
      </c>
    </row>
    <row r="60" spans="1:4" ht="18" customHeight="1" x14ac:dyDescent="0.15">
      <c r="A60" s="8">
        <v>45</v>
      </c>
      <c r="B60" s="34">
        <v>59</v>
      </c>
      <c r="C60" s="13">
        <v>53</v>
      </c>
      <c r="D60" s="12">
        <v>112</v>
      </c>
    </row>
    <row r="61" spans="1:4" ht="18" customHeight="1" x14ac:dyDescent="0.15">
      <c r="A61" s="8">
        <v>46</v>
      </c>
      <c r="B61" s="34">
        <v>54</v>
      </c>
      <c r="C61" s="13">
        <v>56</v>
      </c>
      <c r="D61" s="12">
        <v>110</v>
      </c>
    </row>
    <row r="62" spans="1:4" ht="18" customHeight="1" x14ac:dyDescent="0.15">
      <c r="A62" s="8">
        <v>47</v>
      </c>
      <c r="B62" s="34">
        <v>85</v>
      </c>
      <c r="C62" s="13">
        <v>53</v>
      </c>
      <c r="D62" s="12">
        <v>138</v>
      </c>
    </row>
    <row r="63" spans="1:4" ht="18" customHeight="1" x14ac:dyDescent="0.15">
      <c r="A63" s="8">
        <v>48</v>
      </c>
      <c r="B63" s="34">
        <v>47</v>
      </c>
      <c r="C63" s="13">
        <v>58</v>
      </c>
      <c r="D63" s="12">
        <v>105</v>
      </c>
    </row>
    <row r="64" spans="1:4" ht="18" customHeight="1" x14ac:dyDescent="0.15">
      <c r="A64" s="8">
        <v>49</v>
      </c>
      <c r="B64" s="34">
        <v>60</v>
      </c>
      <c r="C64" s="13">
        <v>63</v>
      </c>
      <c r="D64" s="12">
        <v>123</v>
      </c>
    </row>
    <row r="65" spans="1:4" ht="18" customHeight="1" x14ac:dyDescent="0.15">
      <c r="A65" s="8" t="s">
        <v>45</v>
      </c>
      <c r="B65" s="34">
        <v>305</v>
      </c>
      <c r="C65" s="13">
        <v>283</v>
      </c>
      <c r="D65" s="12">
        <v>588</v>
      </c>
    </row>
    <row r="66" spans="1:4" ht="18" customHeight="1" x14ac:dyDescent="0.15">
      <c r="A66" s="8">
        <v>50</v>
      </c>
      <c r="B66" s="34">
        <v>70</v>
      </c>
      <c r="C66" s="13">
        <v>52</v>
      </c>
      <c r="D66" s="12">
        <v>122</v>
      </c>
    </row>
    <row r="67" spans="1:4" ht="18" customHeight="1" x14ac:dyDescent="0.15">
      <c r="A67" s="8">
        <v>51</v>
      </c>
      <c r="B67" s="34">
        <v>62</v>
      </c>
      <c r="C67" s="13">
        <v>50</v>
      </c>
      <c r="D67" s="12">
        <v>112</v>
      </c>
    </row>
    <row r="68" spans="1:4" ht="18" customHeight="1" x14ac:dyDescent="0.15">
      <c r="A68" s="8">
        <v>52</v>
      </c>
      <c r="B68" s="34">
        <v>45</v>
      </c>
      <c r="C68" s="13">
        <v>50</v>
      </c>
      <c r="D68" s="12">
        <v>95</v>
      </c>
    </row>
    <row r="69" spans="1:4" ht="18" customHeight="1" x14ac:dyDescent="0.15">
      <c r="A69" s="8">
        <v>53</v>
      </c>
      <c r="B69" s="34">
        <v>43</v>
      </c>
      <c r="C69" s="13">
        <v>51</v>
      </c>
      <c r="D69" s="12">
        <v>94</v>
      </c>
    </row>
    <row r="70" spans="1:4" ht="18" customHeight="1" x14ac:dyDescent="0.15">
      <c r="A70" s="8">
        <v>54</v>
      </c>
      <c r="B70" s="34">
        <v>59</v>
      </c>
      <c r="C70" s="13">
        <v>47</v>
      </c>
      <c r="D70" s="12">
        <v>106</v>
      </c>
    </row>
    <row r="71" spans="1:4" ht="18" customHeight="1" x14ac:dyDescent="0.15">
      <c r="A71" s="8" t="s">
        <v>58</v>
      </c>
      <c r="B71" s="34">
        <v>279</v>
      </c>
      <c r="C71" s="13">
        <v>250</v>
      </c>
      <c r="D71" s="12">
        <v>529</v>
      </c>
    </row>
    <row r="72" spans="1:4" ht="18" customHeight="1" x14ac:dyDescent="0.15">
      <c r="A72" s="8">
        <v>55</v>
      </c>
      <c r="B72" s="34">
        <v>45</v>
      </c>
      <c r="C72" s="13">
        <v>51</v>
      </c>
      <c r="D72" s="12">
        <v>96</v>
      </c>
    </row>
    <row r="73" spans="1:4" ht="18" customHeight="1" x14ac:dyDescent="0.15">
      <c r="A73" s="8">
        <v>56</v>
      </c>
      <c r="B73" s="34">
        <v>42</v>
      </c>
      <c r="C73" s="13">
        <v>52</v>
      </c>
      <c r="D73" s="12">
        <v>94</v>
      </c>
    </row>
    <row r="74" spans="1:4" ht="18" customHeight="1" x14ac:dyDescent="0.15">
      <c r="A74" s="8">
        <v>57</v>
      </c>
      <c r="B74" s="34">
        <v>48</v>
      </c>
      <c r="C74" s="13">
        <v>35</v>
      </c>
      <c r="D74" s="12">
        <v>83</v>
      </c>
    </row>
    <row r="75" spans="1:4" ht="18" customHeight="1" x14ac:dyDescent="0.15">
      <c r="A75" s="8">
        <v>58</v>
      </c>
      <c r="B75" s="34">
        <v>51</v>
      </c>
      <c r="C75" s="13">
        <v>55</v>
      </c>
      <c r="D75" s="12">
        <v>106</v>
      </c>
    </row>
    <row r="76" spans="1:4" ht="18" customHeight="1" x14ac:dyDescent="0.15">
      <c r="A76" s="8">
        <v>59</v>
      </c>
      <c r="B76" s="34">
        <v>48</v>
      </c>
      <c r="C76" s="13">
        <v>46</v>
      </c>
      <c r="D76" s="12">
        <v>94</v>
      </c>
    </row>
    <row r="77" spans="1:4" ht="18" customHeight="1" x14ac:dyDescent="0.15">
      <c r="A77" s="8" t="s">
        <v>71</v>
      </c>
      <c r="B77" s="34">
        <v>234</v>
      </c>
      <c r="C77" s="13">
        <v>239</v>
      </c>
      <c r="D77" s="12">
        <v>473</v>
      </c>
    </row>
    <row r="78" spans="1:4" ht="18" customHeight="1" x14ac:dyDescent="0.15">
      <c r="A78" s="8">
        <v>60</v>
      </c>
      <c r="B78" s="34">
        <v>46</v>
      </c>
      <c r="C78" s="13">
        <v>38</v>
      </c>
      <c r="D78" s="12">
        <v>84</v>
      </c>
    </row>
    <row r="79" spans="1:4" ht="18" customHeight="1" x14ac:dyDescent="0.15">
      <c r="A79" s="8">
        <v>61</v>
      </c>
      <c r="B79" s="34">
        <v>37</v>
      </c>
      <c r="C79" s="13">
        <v>38</v>
      </c>
      <c r="D79" s="12">
        <v>75</v>
      </c>
    </row>
    <row r="80" spans="1:4" ht="18" customHeight="1" x14ac:dyDescent="0.15">
      <c r="A80" s="8">
        <v>62</v>
      </c>
      <c r="B80" s="34">
        <v>33</v>
      </c>
      <c r="C80" s="13">
        <v>33</v>
      </c>
      <c r="D80" s="12">
        <v>66</v>
      </c>
    </row>
    <row r="81" spans="1:4" ht="18" customHeight="1" x14ac:dyDescent="0.15">
      <c r="A81" s="8">
        <v>63</v>
      </c>
      <c r="B81" s="34">
        <v>42</v>
      </c>
      <c r="C81" s="13">
        <v>34</v>
      </c>
      <c r="D81" s="12">
        <v>76</v>
      </c>
    </row>
    <row r="82" spans="1:4" ht="18" customHeight="1" x14ac:dyDescent="0.15">
      <c r="A82" s="8">
        <v>64</v>
      </c>
      <c r="B82" s="34">
        <v>39</v>
      </c>
      <c r="C82" s="13">
        <v>38</v>
      </c>
      <c r="D82" s="12">
        <v>77</v>
      </c>
    </row>
    <row r="83" spans="1:4" ht="18" customHeight="1" x14ac:dyDescent="0.15">
      <c r="A83" s="8" t="s">
        <v>44</v>
      </c>
      <c r="B83" s="34">
        <v>197</v>
      </c>
      <c r="C83" s="13">
        <v>181</v>
      </c>
      <c r="D83" s="12">
        <v>378</v>
      </c>
    </row>
    <row r="84" spans="1:4" ht="18" customHeight="1" x14ac:dyDescent="0.15">
      <c r="A84" s="8" t="s">
        <v>43</v>
      </c>
      <c r="B84" s="34">
        <v>2394</v>
      </c>
      <c r="C84" s="13">
        <v>2250</v>
      </c>
      <c r="D84" s="12">
        <v>4644</v>
      </c>
    </row>
    <row r="85" spans="1:4" ht="18" customHeight="1" x14ac:dyDescent="0.15">
      <c r="A85" s="8">
        <v>65</v>
      </c>
      <c r="B85" s="34">
        <v>45</v>
      </c>
      <c r="C85" s="13">
        <v>41</v>
      </c>
      <c r="D85" s="12">
        <v>86</v>
      </c>
    </row>
    <row r="86" spans="1:4" ht="18" customHeight="1" x14ac:dyDescent="0.15">
      <c r="A86" s="8">
        <v>66</v>
      </c>
      <c r="B86" s="34">
        <v>33</v>
      </c>
      <c r="C86" s="13">
        <v>40</v>
      </c>
      <c r="D86" s="12">
        <v>73</v>
      </c>
    </row>
    <row r="87" spans="1:4" ht="18" customHeight="1" x14ac:dyDescent="0.15">
      <c r="A87" s="8">
        <v>67</v>
      </c>
      <c r="B87" s="34">
        <v>38</v>
      </c>
      <c r="C87" s="13">
        <v>53</v>
      </c>
      <c r="D87" s="12">
        <v>91</v>
      </c>
    </row>
    <row r="88" spans="1:4" ht="18" customHeight="1" x14ac:dyDescent="0.15">
      <c r="A88" s="8">
        <v>68</v>
      </c>
      <c r="B88" s="34">
        <v>43</v>
      </c>
      <c r="C88" s="13">
        <v>54</v>
      </c>
      <c r="D88" s="12">
        <v>97</v>
      </c>
    </row>
    <row r="89" spans="1:4" ht="18" customHeight="1" x14ac:dyDescent="0.15">
      <c r="A89" s="8">
        <v>69</v>
      </c>
      <c r="B89" s="34">
        <v>31</v>
      </c>
      <c r="C89" s="13">
        <v>42</v>
      </c>
      <c r="D89" s="12">
        <v>73</v>
      </c>
    </row>
    <row r="90" spans="1:4" ht="18" customHeight="1" x14ac:dyDescent="0.15">
      <c r="A90" s="8" t="s">
        <v>42</v>
      </c>
      <c r="B90" s="34">
        <v>190</v>
      </c>
      <c r="C90" s="13">
        <v>230</v>
      </c>
      <c r="D90" s="12">
        <v>420</v>
      </c>
    </row>
    <row r="91" spans="1:4" ht="18" customHeight="1" x14ac:dyDescent="0.15">
      <c r="A91" s="8">
        <v>70</v>
      </c>
      <c r="B91" s="34">
        <v>45</v>
      </c>
      <c r="C91" s="13">
        <v>47</v>
      </c>
      <c r="D91" s="12">
        <v>92</v>
      </c>
    </row>
    <row r="92" spans="1:4" ht="18" customHeight="1" x14ac:dyDescent="0.15">
      <c r="A92" s="8">
        <v>71</v>
      </c>
      <c r="B92" s="34">
        <v>38</v>
      </c>
      <c r="C92" s="13">
        <v>45</v>
      </c>
      <c r="D92" s="12">
        <v>83</v>
      </c>
    </row>
    <row r="93" spans="1:4" ht="18" customHeight="1" x14ac:dyDescent="0.15">
      <c r="A93" s="8">
        <v>72</v>
      </c>
      <c r="B93" s="34">
        <v>62</v>
      </c>
      <c r="C93" s="13">
        <v>42</v>
      </c>
      <c r="D93" s="12">
        <v>104</v>
      </c>
    </row>
    <row r="94" spans="1:4" ht="18" customHeight="1" x14ac:dyDescent="0.15">
      <c r="A94" s="8">
        <v>73</v>
      </c>
      <c r="B94" s="34">
        <v>52</v>
      </c>
      <c r="C94" s="13">
        <v>64</v>
      </c>
      <c r="D94" s="12">
        <v>116</v>
      </c>
    </row>
    <row r="95" spans="1:4" ht="18" customHeight="1" x14ac:dyDescent="0.15">
      <c r="A95" s="8">
        <v>74</v>
      </c>
      <c r="B95" s="34">
        <v>43</v>
      </c>
      <c r="C95" s="13">
        <v>57</v>
      </c>
      <c r="D95" s="12">
        <v>100</v>
      </c>
    </row>
    <row r="96" spans="1:4" ht="18" customHeight="1" x14ac:dyDescent="0.15">
      <c r="A96" s="8" t="s">
        <v>41</v>
      </c>
      <c r="B96" s="34">
        <v>240</v>
      </c>
      <c r="C96" s="13">
        <v>255</v>
      </c>
      <c r="D96" s="12">
        <v>495</v>
      </c>
    </row>
    <row r="97" spans="1:4" ht="18" customHeight="1" x14ac:dyDescent="0.15">
      <c r="A97" s="8">
        <v>75</v>
      </c>
      <c r="B97" s="34">
        <v>51</v>
      </c>
      <c r="C97" s="13">
        <v>54</v>
      </c>
      <c r="D97" s="12">
        <v>105</v>
      </c>
    </row>
    <row r="98" spans="1:4" ht="18" customHeight="1" x14ac:dyDescent="0.15">
      <c r="A98" s="8">
        <v>76</v>
      </c>
      <c r="B98" s="34">
        <v>34</v>
      </c>
      <c r="C98" s="13">
        <v>44</v>
      </c>
      <c r="D98" s="12">
        <v>78</v>
      </c>
    </row>
    <row r="99" spans="1:4" ht="18" customHeight="1" x14ac:dyDescent="0.15">
      <c r="A99" s="8">
        <v>77</v>
      </c>
      <c r="B99" s="34">
        <v>26</v>
      </c>
      <c r="C99" s="13">
        <v>38</v>
      </c>
      <c r="D99" s="12">
        <v>64</v>
      </c>
    </row>
    <row r="100" spans="1:4" ht="18" customHeight="1" x14ac:dyDescent="0.15">
      <c r="A100" s="8">
        <v>78</v>
      </c>
      <c r="B100" s="34">
        <v>35</v>
      </c>
      <c r="C100" s="13">
        <v>39</v>
      </c>
      <c r="D100" s="12">
        <v>74</v>
      </c>
    </row>
    <row r="101" spans="1:4" ht="18" customHeight="1" x14ac:dyDescent="0.15">
      <c r="A101" s="8">
        <v>79</v>
      </c>
      <c r="B101" s="34">
        <v>29</v>
      </c>
      <c r="C101" s="13">
        <v>48</v>
      </c>
      <c r="D101" s="12">
        <v>77</v>
      </c>
    </row>
    <row r="102" spans="1:4" ht="18" customHeight="1" x14ac:dyDescent="0.15">
      <c r="A102" s="8" t="s">
        <v>70</v>
      </c>
      <c r="B102" s="34">
        <v>175</v>
      </c>
      <c r="C102" s="13">
        <v>223</v>
      </c>
      <c r="D102" s="12">
        <v>398</v>
      </c>
    </row>
    <row r="103" spans="1:4" ht="18" customHeight="1" x14ac:dyDescent="0.15">
      <c r="A103" s="8">
        <v>80</v>
      </c>
      <c r="B103" s="34">
        <v>30</v>
      </c>
      <c r="C103" s="13">
        <v>37</v>
      </c>
      <c r="D103" s="12">
        <v>67</v>
      </c>
    </row>
    <row r="104" spans="1:4" ht="18" customHeight="1" x14ac:dyDescent="0.15">
      <c r="A104" s="8">
        <v>81</v>
      </c>
      <c r="B104" s="34">
        <v>26</v>
      </c>
      <c r="C104" s="13">
        <v>50</v>
      </c>
      <c r="D104" s="12">
        <v>76</v>
      </c>
    </row>
    <row r="105" spans="1:4" ht="18" customHeight="1" x14ac:dyDescent="0.15">
      <c r="A105" s="8">
        <v>82</v>
      </c>
      <c r="B105" s="34">
        <v>30</v>
      </c>
      <c r="C105" s="13">
        <v>36</v>
      </c>
      <c r="D105" s="12">
        <v>66</v>
      </c>
    </row>
    <row r="106" spans="1:4" ht="18" customHeight="1" x14ac:dyDescent="0.15">
      <c r="A106" s="8">
        <v>83</v>
      </c>
      <c r="B106" s="34">
        <v>22</v>
      </c>
      <c r="C106" s="13">
        <v>26</v>
      </c>
      <c r="D106" s="12">
        <v>48</v>
      </c>
    </row>
    <row r="107" spans="1:4" ht="18" customHeight="1" x14ac:dyDescent="0.15">
      <c r="A107" s="8">
        <v>84</v>
      </c>
      <c r="B107" s="34">
        <v>24</v>
      </c>
      <c r="C107" s="13">
        <v>19</v>
      </c>
      <c r="D107" s="12">
        <v>43</v>
      </c>
    </row>
    <row r="108" spans="1:4" ht="18" customHeight="1" x14ac:dyDescent="0.15">
      <c r="A108" s="8" t="s">
        <v>39</v>
      </c>
      <c r="B108" s="34">
        <v>132</v>
      </c>
      <c r="C108" s="13">
        <v>168</v>
      </c>
      <c r="D108" s="12">
        <v>300</v>
      </c>
    </row>
    <row r="109" spans="1:4" ht="18" customHeight="1" x14ac:dyDescent="0.15">
      <c r="A109" s="8">
        <v>85</v>
      </c>
      <c r="B109" s="34">
        <v>16</v>
      </c>
      <c r="C109" s="13">
        <v>32</v>
      </c>
      <c r="D109" s="12">
        <v>48</v>
      </c>
    </row>
    <row r="110" spans="1:4" ht="18" customHeight="1" x14ac:dyDescent="0.15">
      <c r="A110" s="8">
        <v>86</v>
      </c>
      <c r="B110" s="34">
        <v>18</v>
      </c>
      <c r="C110" s="13">
        <v>28</v>
      </c>
      <c r="D110" s="12">
        <v>46</v>
      </c>
    </row>
    <row r="111" spans="1:4" ht="18" customHeight="1" x14ac:dyDescent="0.15">
      <c r="A111" s="8">
        <v>87</v>
      </c>
      <c r="B111" s="34">
        <v>11</v>
      </c>
      <c r="C111" s="13">
        <v>34</v>
      </c>
      <c r="D111" s="12">
        <v>45</v>
      </c>
    </row>
    <row r="112" spans="1:4" ht="18" customHeight="1" x14ac:dyDescent="0.15">
      <c r="A112" s="8">
        <v>88</v>
      </c>
      <c r="B112" s="34">
        <v>14</v>
      </c>
      <c r="C112" s="13">
        <v>22</v>
      </c>
      <c r="D112" s="12">
        <v>36</v>
      </c>
    </row>
    <row r="113" spans="1:4" ht="18" customHeight="1" x14ac:dyDescent="0.15">
      <c r="A113" s="8">
        <v>89</v>
      </c>
      <c r="B113" s="34">
        <v>7</v>
      </c>
      <c r="C113" s="13">
        <v>17</v>
      </c>
      <c r="D113" s="12">
        <v>24</v>
      </c>
    </row>
    <row r="114" spans="1:4" ht="18" customHeight="1" x14ac:dyDescent="0.15">
      <c r="A114" s="8" t="s">
        <v>38</v>
      </c>
      <c r="B114" s="34">
        <v>66</v>
      </c>
      <c r="C114" s="13">
        <v>133</v>
      </c>
      <c r="D114" s="12">
        <v>199</v>
      </c>
    </row>
    <row r="115" spans="1:4" ht="18" customHeight="1" x14ac:dyDescent="0.15">
      <c r="A115" s="8">
        <v>90</v>
      </c>
      <c r="B115" s="34">
        <v>8</v>
      </c>
      <c r="C115" s="13">
        <v>17</v>
      </c>
      <c r="D115" s="12">
        <v>25</v>
      </c>
    </row>
    <row r="116" spans="1:4" ht="18" customHeight="1" x14ac:dyDescent="0.15">
      <c r="A116" s="8">
        <v>91</v>
      </c>
      <c r="B116" s="34">
        <v>5</v>
      </c>
      <c r="C116" s="13">
        <v>15</v>
      </c>
      <c r="D116" s="12">
        <v>20</v>
      </c>
    </row>
    <row r="117" spans="1:4" ht="18" customHeight="1" x14ac:dyDescent="0.15">
      <c r="A117" s="8">
        <v>92</v>
      </c>
      <c r="B117" s="34">
        <v>4</v>
      </c>
      <c r="C117" s="13">
        <v>17</v>
      </c>
      <c r="D117" s="12">
        <v>21</v>
      </c>
    </row>
    <row r="118" spans="1:4" ht="18" customHeight="1" x14ac:dyDescent="0.15">
      <c r="A118" s="8">
        <v>93</v>
      </c>
      <c r="B118" s="34">
        <v>3</v>
      </c>
      <c r="C118" s="13">
        <v>13</v>
      </c>
      <c r="D118" s="12">
        <v>16</v>
      </c>
    </row>
    <row r="119" spans="1:4" ht="18" customHeight="1" x14ac:dyDescent="0.15">
      <c r="A119" s="8">
        <v>94</v>
      </c>
      <c r="B119" s="34">
        <v>1</v>
      </c>
      <c r="C119" s="13">
        <v>15</v>
      </c>
      <c r="D119" s="12">
        <v>16</v>
      </c>
    </row>
    <row r="120" spans="1:4" ht="18" customHeight="1" x14ac:dyDescent="0.15">
      <c r="A120" s="8" t="s">
        <v>69</v>
      </c>
      <c r="B120" s="34">
        <v>21</v>
      </c>
      <c r="C120" s="13">
        <v>77</v>
      </c>
      <c r="D120" s="12">
        <v>98</v>
      </c>
    </row>
    <row r="121" spans="1:4" ht="18" customHeight="1" x14ac:dyDescent="0.15">
      <c r="A121" s="8">
        <v>95</v>
      </c>
      <c r="B121" s="34">
        <v>3</v>
      </c>
      <c r="C121" s="13">
        <v>13</v>
      </c>
      <c r="D121" s="12">
        <v>16</v>
      </c>
    </row>
    <row r="122" spans="1:4" ht="18" customHeight="1" x14ac:dyDescent="0.15">
      <c r="A122" s="8">
        <v>96</v>
      </c>
      <c r="B122" s="34">
        <v>2</v>
      </c>
      <c r="C122" s="13">
        <v>4</v>
      </c>
      <c r="D122" s="12">
        <v>6</v>
      </c>
    </row>
    <row r="123" spans="1:4" ht="18" customHeight="1" x14ac:dyDescent="0.15">
      <c r="A123" s="8">
        <v>97</v>
      </c>
      <c r="B123" s="34">
        <v>0</v>
      </c>
      <c r="C123" s="13">
        <v>8</v>
      </c>
      <c r="D123" s="12">
        <v>8</v>
      </c>
    </row>
    <row r="124" spans="1:4" ht="18" customHeight="1" x14ac:dyDescent="0.15">
      <c r="A124" s="8">
        <v>98</v>
      </c>
      <c r="B124" s="34">
        <v>1</v>
      </c>
      <c r="C124" s="13">
        <v>5</v>
      </c>
      <c r="D124" s="12">
        <v>6</v>
      </c>
    </row>
    <row r="125" spans="1:4" ht="18" customHeight="1" x14ac:dyDescent="0.15">
      <c r="A125" s="8">
        <v>99</v>
      </c>
      <c r="B125" s="34">
        <v>0</v>
      </c>
      <c r="C125" s="13">
        <v>2</v>
      </c>
      <c r="D125" s="12">
        <v>2</v>
      </c>
    </row>
    <row r="126" spans="1:4" ht="18" customHeight="1" x14ac:dyDescent="0.15">
      <c r="A126" s="8" t="s">
        <v>68</v>
      </c>
      <c r="B126" s="34">
        <v>6</v>
      </c>
      <c r="C126" s="13">
        <v>32</v>
      </c>
      <c r="D126" s="12">
        <v>38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1</v>
      </c>
      <c r="C128" s="13">
        <v>4</v>
      </c>
      <c r="D128" s="12">
        <v>5</v>
      </c>
    </row>
    <row r="129" spans="1:4" ht="18" customHeight="1" x14ac:dyDescent="0.15">
      <c r="A129" s="8" t="s">
        <v>36</v>
      </c>
      <c r="B129" s="34">
        <v>1</v>
      </c>
      <c r="C129" s="13">
        <v>5</v>
      </c>
      <c r="D129" s="12">
        <v>6</v>
      </c>
    </row>
    <row r="130" spans="1:4" ht="18" customHeight="1" x14ac:dyDescent="0.15">
      <c r="A130" s="8" t="s">
        <v>35</v>
      </c>
      <c r="B130" s="28">
        <v>831</v>
      </c>
      <c r="C130" s="6">
        <v>1123</v>
      </c>
      <c r="D130" s="5">
        <v>1954</v>
      </c>
    </row>
    <row r="131" spans="1:4" ht="18" customHeight="1" x14ac:dyDescent="0.15">
      <c r="A131" s="4" t="s">
        <v>0</v>
      </c>
      <c r="B131" s="27">
        <v>3832</v>
      </c>
      <c r="C131" s="2">
        <v>3921</v>
      </c>
      <c r="D131" s="1">
        <v>775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6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57</v>
      </c>
      <c r="C5" s="44">
        <v>64</v>
      </c>
      <c r="D5" s="43">
        <v>121</v>
      </c>
    </row>
    <row r="6" spans="1:4" ht="18" customHeight="1" x14ac:dyDescent="0.15">
      <c r="A6" s="8">
        <v>1</v>
      </c>
      <c r="B6" s="39">
        <v>67</v>
      </c>
      <c r="C6" s="13">
        <v>59</v>
      </c>
      <c r="D6" s="12">
        <v>126</v>
      </c>
    </row>
    <row r="7" spans="1:4" ht="18" customHeight="1" x14ac:dyDescent="0.15">
      <c r="A7" s="8">
        <v>2</v>
      </c>
      <c r="B7" s="39">
        <v>70</v>
      </c>
      <c r="C7" s="13">
        <v>76</v>
      </c>
      <c r="D7" s="12">
        <v>146</v>
      </c>
    </row>
    <row r="8" spans="1:4" ht="18" customHeight="1" x14ac:dyDescent="0.15">
      <c r="A8" s="8">
        <v>3</v>
      </c>
      <c r="B8" s="39">
        <v>75</v>
      </c>
      <c r="C8" s="13">
        <v>55</v>
      </c>
      <c r="D8" s="12">
        <v>130</v>
      </c>
    </row>
    <row r="9" spans="1:4" ht="18" customHeight="1" x14ac:dyDescent="0.15">
      <c r="A9" s="8">
        <v>4</v>
      </c>
      <c r="B9" s="42">
        <v>89</v>
      </c>
      <c r="C9" s="41">
        <v>89</v>
      </c>
      <c r="D9" s="40">
        <v>178</v>
      </c>
    </row>
    <row r="10" spans="1:4" ht="18" customHeight="1" x14ac:dyDescent="0.15">
      <c r="A10" s="8" t="s">
        <v>76</v>
      </c>
      <c r="B10" s="34">
        <v>358</v>
      </c>
      <c r="C10" s="13">
        <v>343</v>
      </c>
      <c r="D10" s="12">
        <v>701</v>
      </c>
    </row>
    <row r="11" spans="1:4" ht="18" customHeight="1" x14ac:dyDescent="0.15">
      <c r="A11" s="8">
        <v>5</v>
      </c>
      <c r="B11" s="39">
        <v>78</v>
      </c>
      <c r="C11" s="13">
        <v>65</v>
      </c>
      <c r="D11" s="12">
        <v>143</v>
      </c>
    </row>
    <row r="12" spans="1:4" ht="18" customHeight="1" x14ac:dyDescent="0.15">
      <c r="A12" s="8">
        <v>6</v>
      </c>
      <c r="B12" s="39">
        <v>90</v>
      </c>
      <c r="C12" s="13">
        <v>71</v>
      </c>
      <c r="D12" s="12">
        <v>161</v>
      </c>
    </row>
    <row r="13" spans="1:4" ht="18" customHeight="1" x14ac:dyDescent="0.15">
      <c r="A13" s="8">
        <v>7</v>
      </c>
      <c r="B13" s="39">
        <v>87</v>
      </c>
      <c r="C13" s="13">
        <v>89</v>
      </c>
      <c r="D13" s="12">
        <v>176</v>
      </c>
    </row>
    <row r="14" spans="1:4" ht="18" customHeight="1" x14ac:dyDescent="0.15">
      <c r="A14" s="8">
        <v>8</v>
      </c>
      <c r="B14" s="39">
        <v>76</v>
      </c>
      <c r="C14" s="13">
        <v>68</v>
      </c>
      <c r="D14" s="12">
        <v>144</v>
      </c>
    </row>
    <row r="15" spans="1:4" ht="18" customHeight="1" x14ac:dyDescent="0.15">
      <c r="A15" s="8">
        <v>9</v>
      </c>
      <c r="B15" s="39">
        <v>77</v>
      </c>
      <c r="C15" s="13">
        <v>80</v>
      </c>
      <c r="D15" s="12">
        <v>157</v>
      </c>
    </row>
    <row r="16" spans="1:4" ht="18" customHeight="1" x14ac:dyDescent="0.15">
      <c r="A16" s="8" t="s">
        <v>50</v>
      </c>
      <c r="B16" s="34">
        <v>408</v>
      </c>
      <c r="C16" s="13">
        <v>373</v>
      </c>
      <c r="D16" s="12">
        <v>781</v>
      </c>
    </row>
    <row r="17" spans="1:4" ht="18" customHeight="1" x14ac:dyDescent="0.15">
      <c r="A17" s="8">
        <v>10</v>
      </c>
      <c r="B17" s="34">
        <v>79</v>
      </c>
      <c r="C17" s="13">
        <v>68</v>
      </c>
      <c r="D17" s="12">
        <v>147</v>
      </c>
    </row>
    <row r="18" spans="1:4" ht="18" customHeight="1" x14ac:dyDescent="0.15">
      <c r="A18" s="8">
        <v>11</v>
      </c>
      <c r="B18" s="34">
        <v>78</v>
      </c>
      <c r="C18" s="13">
        <v>77</v>
      </c>
      <c r="D18" s="12">
        <v>155</v>
      </c>
    </row>
    <row r="19" spans="1:4" ht="18" customHeight="1" x14ac:dyDescent="0.15">
      <c r="A19" s="8">
        <v>12</v>
      </c>
      <c r="B19" s="34">
        <v>103</v>
      </c>
      <c r="C19" s="13">
        <v>85</v>
      </c>
      <c r="D19" s="12">
        <v>188</v>
      </c>
    </row>
    <row r="20" spans="1:4" ht="18" customHeight="1" x14ac:dyDescent="0.15">
      <c r="A20" s="8">
        <v>13</v>
      </c>
      <c r="B20" s="34">
        <v>97</v>
      </c>
      <c r="C20" s="13">
        <v>72</v>
      </c>
      <c r="D20" s="12">
        <v>169</v>
      </c>
    </row>
    <row r="21" spans="1:4" ht="18" customHeight="1" x14ac:dyDescent="0.15">
      <c r="A21" s="8">
        <v>14</v>
      </c>
      <c r="B21" s="34">
        <v>90</v>
      </c>
      <c r="C21" s="13">
        <v>82</v>
      </c>
      <c r="D21" s="12">
        <v>172</v>
      </c>
    </row>
    <row r="22" spans="1:4" ht="18" customHeight="1" x14ac:dyDescent="0.15">
      <c r="A22" s="8" t="s">
        <v>75</v>
      </c>
      <c r="B22" s="34">
        <v>447</v>
      </c>
      <c r="C22" s="13">
        <v>384</v>
      </c>
      <c r="D22" s="12">
        <v>831</v>
      </c>
    </row>
    <row r="23" spans="1:4" ht="18" customHeight="1" x14ac:dyDescent="0.15">
      <c r="A23" s="8" t="s">
        <v>65</v>
      </c>
      <c r="B23" s="34">
        <v>1213</v>
      </c>
      <c r="C23" s="13">
        <v>1100</v>
      </c>
      <c r="D23" s="12">
        <v>2313</v>
      </c>
    </row>
    <row r="24" spans="1:4" ht="18" customHeight="1" x14ac:dyDescent="0.15">
      <c r="A24" s="8">
        <v>15</v>
      </c>
      <c r="B24" s="34">
        <v>87</v>
      </c>
      <c r="C24" s="13">
        <v>80</v>
      </c>
      <c r="D24" s="12">
        <v>167</v>
      </c>
    </row>
    <row r="25" spans="1:4" ht="18" customHeight="1" x14ac:dyDescent="0.15">
      <c r="A25" s="8">
        <v>16</v>
      </c>
      <c r="B25" s="34">
        <v>75</v>
      </c>
      <c r="C25" s="13">
        <v>89</v>
      </c>
      <c r="D25" s="12">
        <v>164</v>
      </c>
    </row>
    <row r="26" spans="1:4" ht="18" customHeight="1" x14ac:dyDescent="0.15">
      <c r="A26" s="8">
        <v>17</v>
      </c>
      <c r="B26" s="34">
        <v>99</v>
      </c>
      <c r="C26" s="13">
        <v>88</v>
      </c>
      <c r="D26" s="12">
        <v>187</v>
      </c>
    </row>
    <row r="27" spans="1:4" ht="18" customHeight="1" x14ac:dyDescent="0.15">
      <c r="A27" s="8">
        <v>18</v>
      </c>
      <c r="B27" s="34">
        <v>100</v>
      </c>
      <c r="C27" s="13">
        <v>104</v>
      </c>
      <c r="D27" s="12">
        <v>204</v>
      </c>
    </row>
    <row r="28" spans="1:4" ht="18" customHeight="1" x14ac:dyDescent="0.15">
      <c r="A28" s="8">
        <v>19</v>
      </c>
      <c r="B28" s="34">
        <v>119</v>
      </c>
      <c r="C28" s="13">
        <v>85</v>
      </c>
      <c r="D28" s="12">
        <v>204</v>
      </c>
    </row>
    <row r="29" spans="1:4" ht="18" customHeight="1" x14ac:dyDescent="0.15">
      <c r="A29" s="8" t="s">
        <v>48</v>
      </c>
      <c r="B29" s="34">
        <v>480</v>
      </c>
      <c r="C29" s="13">
        <v>446</v>
      </c>
      <c r="D29" s="12">
        <v>926</v>
      </c>
    </row>
    <row r="30" spans="1:4" ht="18" customHeight="1" x14ac:dyDescent="0.15">
      <c r="A30" s="8">
        <v>20</v>
      </c>
      <c r="B30" s="34">
        <v>101</v>
      </c>
      <c r="C30" s="13">
        <v>87</v>
      </c>
      <c r="D30" s="12">
        <v>188</v>
      </c>
    </row>
    <row r="31" spans="1:4" ht="18" customHeight="1" x14ac:dyDescent="0.15">
      <c r="A31" s="8">
        <v>21</v>
      </c>
      <c r="B31" s="34">
        <v>114</v>
      </c>
      <c r="C31" s="13">
        <v>115</v>
      </c>
      <c r="D31" s="12">
        <v>229</v>
      </c>
    </row>
    <row r="32" spans="1:4" ht="18" customHeight="1" x14ac:dyDescent="0.15">
      <c r="A32" s="8">
        <v>22</v>
      </c>
      <c r="B32" s="34">
        <v>103</v>
      </c>
      <c r="C32" s="13">
        <v>100</v>
      </c>
      <c r="D32" s="12">
        <v>203</v>
      </c>
    </row>
    <row r="33" spans="1:4" ht="18" customHeight="1" x14ac:dyDescent="0.15">
      <c r="A33" s="8">
        <v>23</v>
      </c>
      <c r="B33" s="34">
        <v>102</v>
      </c>
      <c r="C33" s="13">
        <v>102</v>
      </c>
      <c r="D33" s="12">
        <v>204</v>
      </c>
    </row>
    <row r="34" spans="1:4" ht="18" customHeight="1" x14ac:dyDescent="0.15">
      <c r="A34" s="8">
        <v>24</v>
      </c>
      <c r="B34" s="34">
        <v>93</v>
      </c>
      <c r="C34" s="13">
        <v>88</v>
      </c>
      <c r="D34" s="12">
        <v>181</v>
      </c>
    </row>
    <row r="35" spans="1:4" ht="18" customHeight="1" x14ac:dyDescent="0.15">
      <c r="A35" s="8" t="s">
        <v>74</v>
      </c>
      <c r="B35" s="34">
        <v>513</v>
      </c>
      <c r="C35" s="13">
        <v>492</v>
      </c>
      <c r="D35" s="12">
        <v>1005</v>
      </c>
    </row>
    <row r="36" spans="1:4" ht="18" customHeight="1" x14ac:dyDescent="0.15">
      <c r="A36" s="8">
        <v>25</v>
      </c>
      <c r="B36" s="34">
        <v>101</v>
      </c>
      <c r="C36" s="13">
        <v>80</v>
      </c>
      <c r="D36" s="12">
        <v>181</v>
      </c>
    </row>
    <row r="37" spans="1:4" ht="18" customHeight="1" x14ac:dyDescent="0.15">
      <c r="A37" s="8">
        <v>26</v>
      </c>
      <c r="B37" s="34">
        <v>94</v>
      </c>
      <c r="C37" s="13">
        <v>79</v>
      </c>
      <c r="D37" s="12">
        <v>173</v>
      </c>
    </row>
    <row r="38" spans="1:4" ht="18" customHeight="1" x14ac:dyDescent="0.15">
      <c r="A38" s="8">
        <v>27</v>
      </c>
      <c r="B38" s="34">
        <v>99</v>
      </c>
      <c r="C38" s="13">
        <v>75</v>
      </c>
      <c r="D38" s="12">
        <v>174</v>
      </c>
    </row>
    <row r="39" spans="1:4" ht="18" customHeight="1" x14ac:dyDescent="0.15">
      <c r="A39" s="8">
        <v>28</v>
      </c>
      <c r="B39" s="34">
        <v>117</v>
      </c>
      <c r="C39" s="13">
        <v>96</v>
      </c>
      <c r="D39" s="12">
        <v>213</v>
      </c>
    </row>
    <row r="40" spans="1:4" ht="18" customHeight="1" x14ac:dyDescent="0.15">
      <c r="A40" s="8">
        <v>29</v>
      </c>
      <c r="B40" s="34">
        <v>104</v>
      </c>
      <c r="C40" s="13">
        <v>99</v>
      </c>
      <c r="D40" s="12">
        <v>203</v>
      </c>
    </row>
    <row r="41" spans="1:4" ht="18" customHeight="1" x14ac:dyDescent="0.15">
      <c r="A41" s="8" t="s">
        <v>73</v>
      </c>
      <c r="B41" s="34">
        <v>515</v>
      </c>
      <c r="C41" s="13">
        <v>429</v>
      </c>
      <c r="D41" s="12">
        <v>944</v>
      </c>
    </row>
    <row r="42" spans="1:4" ht="18" customHeight="1" x14ac:dyDescent="0.15">
      <c r="A42" s="8">
        <v>30</v>
      </c>
      <c r="B42" s="34">
        <v>106</v>
      </c>
      <c r="C42" s="13">
        <v>87</v>
      </c>
      <c r="D42" s="12">
        <v>193</v>
      </c>
    </row>
    <row r="43" spans="1:4" ht="18" customHeight="1" x14ac:dyDescent="0.15">
      <c r="A43" s="8">
        <v>31</v>
      </c>
      <c r="B43" s="34">
        <v>105</v>
      </c>
      <c r="C43" s="13">
        <v>107</v>
      </c>
      <c r="D43" s="12">
        <v>212</v>
      </c>
    </row>
    <row r="44" spans="1:4" ht="18" customHeight="1" x14ac:dyDescent="0.15">
      <c r="A44" s="8">
        <v>32</v>
      </c>
      <c r="B44" s="34">
        <v>109</v>
      </c>
      <c r="C44" s="13">
        <v>86</v>
      </c>
      <c r="D44" s="12">
        <v>195</v>
      </c>
    </row>
    <row r="45" spans="1:4" ht="18" customHeight="1" x14ac:dyDescent="0.15">
      <c r="A45" s="8">
        <v>33</v>
      </c>
      <c r="B45" s="34">
        <v>114</v>
      </c>
      <c r="C45" s="13">
        <v>107</v>
      </c>
      <c r="D45" s="12">
        <v>221</v>
      </c>
    </row>
    <row r="46" spans="1:4" ht="18" customHeight="1" x14ac:dyDescent="0.15">
      <c r="A46" s="8">
        <v>34</v>
      </c>
      <c r="B46" s="34">
        <v>126</v>
      </c>
      <c r="C46" s="13">
        <v>96</v>
      </c>
      <c r="D46" s="12">
        <v>222</v>
      </c>
    </row>
    <row r="47" spans="1:4" ht="18" customHeight="1" x14ac:dyDescent="0.15">
      <c r="A47" s="8" t="s">
        <v>61</v>
      </c>
      <c r="B47" s="34">
        <v>560</v>
      </c>
      <c r="C47" s="13">
        <v>483</v>
      </c>
      <c r="D47" s="12">
        <v>1043</v>
      </c>
    </row>
    <row r="48" spans="1:4" ht="18" customHeight="1" x14ac:dyDescent="0.15">
      <c r="A48" s="8">
        <v>35</v>
      </c>
      <c r="B48" s="34">
        <v>128</v>
      </c>
      <c r="C48" s="13">
        <v>106</v>
      </c>
      <c r="D48" s="12">
        <v>234</v>
      </c>
    </row>
    <row r="49" spans="1:4" ht="18" customHeight="1" x14ac:dyDescent="0.15">
      <c r="A49" s="8">
        <v>36</v>
      </c>
      <c r="B49" s="34">
        <v>117</v>
      </c>
      <c r="C49" s="13">
        <v>120</v>
      </c>
      <c r="D49" s="12">
        <v>237</v>
      </c>
    </row>
    <row r="50" spans="1:4" ht="18" customHeight="1" x14ac:dyDescent="0.15">
      <c r="A50" s="8">
        <v>37</v>
      </c>
      <c r="B50" s="34">
        <v>117</v>
      </c>
      <c r="C50" s="13">
        <v>117</v>
      </c>
      <c r="D50" s="12">
        <v>234</v>
      </c>
    </row>
    <row r="51" spans="1:4" ht="18" customHeight="1" x14ac:dyDescent="0.15">
      <c r="A51" s="8">
        <v>38</v>
      </c>
      <c r="B51" s="34">
        <v>156</v>
      </c>
      <c r="C51" s="13">
        <v>113</v>
      </c>
      <c r="D51" s="12">
        <v>269</v>
      </c>
    </row>
    <row r="52" spans="1:4" ht="18" customHeight="1" x14ac:dyDescent="0.15">
      <c r="A52" s="8">
        <v>39</v>
      </c>
      <c r="B52" s="34">
        <v>134</v>
      </c>
      <c r="C52" s="13">
        <v>103</v>
      </c>
      <c r="D52" s="12">
        <v>237</v>
      </c>
    </row>
    <row r="53" spans="1:4" ht="18" customHeight="1" x14ac:dyDescent="0.15">
      <c r="A53" s="8" t="s">
        <v>72</v>
      </c>
      <c r="B53" s="34">
        <v>652</v>
      </c>
      <c r="C53" s="13">
        <v>559</v>
      </c>
      <c r="D53" s="12">
        <v>1211</v>
      </c>
    </row>
    <row r="54" spans="1:4" ht="18" customHeight="1" x14ac:dyDescent="0.15">
      <c r="A54" s="8">
        <v>40</v>
      </c>
      <c r="B54" s="34">
        <v>122</v>
      </c>
      <c r="C54" s="13">
        <v>105</v>
      </c>
      <c r="D54" s="12">
        <v>227</v>
      </c>
    </row>
    <row r="55" spans="1:4" ht="18" customHeight="1" x14ac:dyDescent="0.15">
      <c r="A55" s="8">
        <v>41</v>
      </c>
      <c r="B55" s="34">
        <v>135</v>
      </c>
      <c r="C55" s="13">
        <v>130</v>
      </c>
      <c r="D55" s="12">
        <v>265</v>
      </c>
    </row>
    <row r="56" spans="1:4" ht="18" customHeight="1" x14ac:dyDescent="0.15">
      <c r="A56" s="8">
        <v>42</v>
      </c>
      <c r="B56" s="34">
        <v>109</v>
      </c>
      <c r="C56" s="13">
        <v>108</v>
      </c>
      <c r="D56" s="12">
        <v>217</v>
      </c>
    </row>
    <row r="57" spans="1:4" ht="18" customHeight="1" x14ac:dyDescent="0.15">
      <c r="A57" s="8">
        <v>43</v>
      </c>
      <c r="B57" s="34">
        <v>148</v>
      </c>
      <c r="C57" s="13">
        <v>124</v>
      </c>
      <c r="D57" s="12">
        <v>272</v>
      </c>
    </row>
    <row r="58" spans="1:4" ht="18" customHeight="1" x14ac:dyDescent="0.15">
      <c r="A58" s="8">
        <v>44</v>
      </c>
      <c r="B58" s="34">
        <v>121</v>
      </c>
      <c r="C58" s="13">
        <v>129</v>
      </c>
      <c r="D58" s="12">
        <v>250</v>
      </c>
    </row>
    <row r="59" spans="1:4" ht="18" customHeight="1" x14ac:dyDescent="0.15">
      <c r="A59" s="8" t="s">
        <v>46</v>
      </c>
      <c r="B59" s="34">
        <v>635</v>
      </c>
      <c r="C59" s="13">
        <v>596</v>
      </c>
      <c r="D59" s="12">
        <v>1231</v>
      </c>
    </row>
    <row r="60" spans="1:4" ht="18" customHeight="1" x14ac:dyDescent="0.15">
      <c r="A60" s="8">
        <v>45</v>
      </c>
      <c r="B60" s="34">
        <v>161</v>
      </c>
      <c r="C60" s="13">
        <v>128</v>
      </c>
      <c r="D60" s="12">
        <v>289</v>
      </c>
    </row>
    <row r="61" spans="1:4" ht="18" customHeight="1" x14ac:dyDescent="0.15">
      <c r="A61" s="8">
        <v>46</v>
      </c>
      <c r="B61" s="34">
        <v>137</v>
      </c>
      <c r="C61" s="13">
        <v>128</v>
      </c>
      <c r="D61" s="12">
        <v>265</v>
      </c>
    </row>
    <row r="62" spans="1:4" ht="18" customHeight="1" x14ac:dyDescent="0.15">
      <c r="A62" s="8">
        <v>47</v>
      </c>
      <c r="B62" s="34">
        <v>187</v>
      </c>
      <c r="C62" s="13">
        <v>144</v>
      </c>
      <c r="D62" s="12">
        <v>331</v>
      </c>
    </row>
    <row r="63" spans="1:4" ht="18" customHeight="1" x14ac:dyDescent="0.15">
      <c r="A63" s="8">
        <v>48</v>
      </c>
      <c r="B63" s="34">
        <v>145</v>
      </c>
      <c r="C63" s="13">
        <v>162</v>
      </c>
      <c r="D63" s="12">
        <v>307</v>
      </c>
    </row>
    <row r="64" spans="1:4" ht="18" customHeight="1" x14ac:dyDescent="0.15">
      <c r="A64" s="8">
        <v>49</v>
      </c>
      <c r="B64" s="34">
        <v>154</v>
      </c>
      <c r="C64" s="13">
        <v>135</v>
      </c>
      <c r="D64" s="12">
        <v>289</v>
      </c>
    </row>
    <row r="65" spans="1:4" ht="18" customHeight="1" x14ac:dyDescent="0.15">
      <c r="A65" s="8" t="s">
        <v>45</v>
      </c>
      <c r="B65" s="34">
        <v>784</v>
      </c>
      <c r="C65" s="13">
        <v>697</v>
      </c>
      <c r="D65" s="12">
        <v>1481</v>
      </c>
    </row>
    <row r="66" spans="1:4" ht="18" customHeight="1" x14ac:dyDescent="0.15">
      <c r="A66" s="8">
        <v>50</v>
      </c>
      <c r="B66" s="34">
        <v>172</v>
      </c>
      <c r="C66" s="13">
        <v>154</v>
      </c>
      <c r="D66" s="12">
        <v>326</v>
      </c>
    </row>
    <row r="67" spans="1:4" ht="18" customHeight="1" x14ac:dyDescent="0.15">
      <c r="A67" s="8">
        <v>51</v>
      </c>
      <c r="B67" s="34">
        <v>178</v>
      </c>
      <c r="C67" s="13">
        <v>158</v>
      </c>
      <c r="D67" s="12">
        <v>336</v>
      </c>
    </row>
    <row r="68" spans="1:4" ht="18" customHeight="1" x14ac:dyDescent="0.15">
      <c r="A68" s="8">
        <v>52</v>
      </c>
      <c r="B68" s="34">
        <v>151</v>
      </c>
      <c r="C68" s="13">
        <v>156</v>
      </c>
      <c r="D68" s="12">
        <v>307</v>
      </c>
    </row>
    <row r="69" spans="1:4" ht="18" customHeight="1" x14ac:dyDescent="0.15">
      <c r="A69" s="8">
        <v>53</v>
      </c>
      <c r="B69" s="34">
        <v>127</v>
      </c>
      <c r="C69" s="13">
        <v>135</v>
      </c>
      <c r="D69" s="12">
        <v>262</v>
      </c>
    </row>
    <row r="70" spans="1:4" ht="18" customHeight="1" x14ac:dyDescent="0.15">
      <c r="A70" s="8">
        <v>54</v>
      </c>
      <c r="B70" s="34">
        <v>159</v>
      </c>
      <c r="C70" s="13">
        <v>150</v>
      </c>
      <c r="D70" s="12">
        <v>309</v>
      </c>
    </row>
    <row r="71" spans="1:4" ht="18" customHeight="1" x14ac:dyDescent="0.15">
      <c r="A71" s="8" t="s">
        <v>58</v>
      </c>
      <c r="B71" s="34">
        <v>787</v>
      </c>
      <c r="C71" s="13">
        <v>753</v>
      </c>
      <c r="D71" s="12">
        <v>1540</v>
      </c>
    </row>
    <row r="72" spans="1:4" ht="18" customHeight="1" x14ac:dyDescent="0.15">
      <c r="A72" s="8">
        <v>55</v>
      </c>
      <c r="B72" s="34">
        <v>152</v>
      </c>
      <c r="C72" s="13">
        <v>146</v>
      </c>
      <c r="D72" s="12">
        <v>298</v>
      </c>
    </row>
    <row r="73" spans="1:4" ht="18" customHeight="1" x14ac:dyDescent="0.15">
      <c r="A73" s="8">
        <v>56</v>
      </c>
      <c r="B73" s="34">
        <v>128</v>
      </c>
      <c r="C73" s="13">
        <v>147</v>
      </c>
      <c r="D73" s="12">
        <v>275</v>
      </c>
    </row>
    <row r="74" spans="1:4" ht="18" customHeight="1" x14ac:dyDescent="0.15">
      <c r="A74" s="8">
        <v>57</v>
      </c>
      <c r="B74" s="34">
        <v>138</v>
      </c>
      <c r="C74" s="13">
        <v>120</v>
      </c>
      <c r="D74" s="12">
        <v>258</v>
      </c>
    </row>
    <row r="75" spans="1:4" ht="18" customHeight="1" x14ac:dyDescent="0.15">
      <c r="A75" s="8">
        <v>58</v>
      </c>
      <c r="B75" s="34">
        <v>146</v>
      </c>
      <c r="C75" s="13">
        <v>153</v>
      </c>
      <c r="D75" s="12">
        <v>299</v>
      </c>
    </row>
    <row r="76" spans="1:4" ht="18" customHeight="1" x14ac:dyDescent="0.15">
      <c r="A76" s="8">
        <v>59</v>
      </c>
      <c r="B76" s="34">
        <v>157</v>
      </c>
      <c r="C76" s="13">
        <v>122</v>
      </c>
      <c r="D76" s="12">
        <v>279</v>
      </c>
    </row>
    <row r="77" spans="1:4" ht="18" customHeight="1" x14ac:dyDescent="0.15">
      <c r="A77" s="8" t="s">
        <v>71</v>
      </c>
      <c r="B77" s="34">
        <v>721</v>
      </c>
      <c r="C77" s="13">
        <v>688</v>
      </c>
      <c r="D77" s="12">
        <v>1409</v>
      </c>
    </row>
    <row r="78" spans="1:4" ht="18" customHeight="1" x14ac:dyDescent="0.15">
      <c r="A78" s="8">
        <v>60</v>
      </c>
      <c r="B78" s="34">
        <v>140</v>
      </c>
      <c r="C78" s="13">
        <v>127</v>
      </c>
      <c r="D78" s="12">
        <v>267</v>
      </c>
    </row>
    <row r="79" spans="1:4" ht="18" customHeight="1" x14ac:dyDescent="0.15">
      <c r="A79" s="8">
        <v>61</v>
      </c>
      <c r="B79" s="34">
        <v>126</v>
      </c>
      <c r="C79" s="13">
        <v>139</v>
      </c>
      <c r="D79" s="12">
        <v>265</v>
      </c>
    </row>
    <row r="80" spans="1:4" ht="18" customHeight="1" x14ac:dyDescent="0.15">
      <c r="A80" s="8">
        <v>62</v>
      </c>
      <c r="B80" s="34">
        <v>120</v>
      </c>
      <c r="C80" s="13">
        <v>136</v>
      </c>
      <c r="D80" s="12">
        <v>256</v>
      </c>
    </row>
    <row r="81" spans="1:4" ht="18" customHeight="1" x14ac:dyDescent="0.15">
      <c r="A81" s="8">
        <v>63</v>
      </c>
      <c r="B81" s="34">
        <v>143</v>
      </c>
      <c r="C81" s="13">
        <v>146</v>
      </c>
      <c r="D81" s="12">
        <v>289</v>
      </c>
    </row>
    <row r="82" spans="1:4" ht="18" customHeight="1" x14ac:dyDescent="0.15">
      <c r="A82" s="8">
        <v>64</v>
      </c>
      <c r="B82" s="34">
        <v>131</v>
      </c>
      <c r="C82" s="13">
        <v>149</v>
      </c>
      <c r="D82" s="12">
        <v>280</v>
      </c>
    </row>
    <row r="83" spans="1:4" ht="18" customHeight="1" x14ac:dyDescent="0.15">
      <c r="A83" s="8" t="s">
        <v>44</v>
      </c>
      <c r="B83" s="34">
        <v>660</v>
      </c>
      <c r="C83" s="13">
        <v>697</v>
      </c>
      <c r="D83" s="12">
        <v>1357</v>
      </c>
    </row>
    <row r="84" spans="1:4" ht="18" customHeight="1" x14ac:dyDescent="0.15">
      <c r="A84" s="8" t="s">
        <v>43</v>
      </c>
      <c r="B84" s="34">
        <v>6307</v>
      </c>
      <c r="C84" s="13">
        <v>5840</v>
      </c>
      <c r="D84" s="12">
        <v>12147</v>
      </c>
    </row>
    <row r="85" spans="1:4" ht="18" customHeight="1" x14ac:dyDescent="0.15">
      <c r="A85" s="8">
        <v>65</v>
      </c>
      <c r="B85" s="34">
        <v>136</v>
      </c>
      <c r="C85" s="13">
        <v>137</v>
      </c>
      <c r="D85" s="12">
        <v>273</v>
      </c>
    </row>
    <row r="86" spans="1:4" ht="18" customHeight="1" x14ac:dyDescent="0.15">
      <c r="A86" s="8">
        <v>66</v>
      </c>
      <c r="B86" s="34">
        <v>146</v>
      </c>
      <c r="C86" s="13">
        <v>129</v>
      </c>
      <c r="D86" s="12">
        <v>275</v>
      </c>
    </row>
    <row r="87" spans="1:4" ht="18" customHeight="1" x14ac:dyDescent="0.15">
      <c r="A87" s="8">
        <v>67</v>
      </c>
      <c r="B87" s="34">
        <v>137</v>
      </c>
      <c r="C87" s="13">
        <v>157</v>
      </c>
      <c r="D87" s="12">
        <v>294</v>
      </c>
    </row>
    <row r="88" spans="1:4" ht="18" customHeight="1" x14ac:dyDescent="0.15">
      <c r="A88" s="8">
        <v>68</v>
      </c>
      <c r="B88" s="34">
        <v>147</v>
      </c>
      <c r="C88" s="13">
        <v>160</v>
      </c>
      <c r="D88" s="12">
        <v>307</v>
      </c>
    </row>
    <row r="89" spans="1:4" ht="18" customHeight="1" x14ac:dyDescent="0.15">
      <c r="A89" s="8">
        <v>69</v>
      </c>
      <c r="B89" s="34">
        <v>148</v>
      </c>
      <c r="C89" s="13">
        <v>142</v>
      </c>
      <c r="D89" s="12">
        <v>290</v>
      </c>
    </row>
    <row r="90" spans="1:4" ht="18" customHeight="1" x14ac:dyDescent="0.15">
      <c r="A90" s="8" t="s">
        <v>42</v>
      </c>
      <c r="B90" s="34">
        <v>714</v>
      </c>
      <c r="C90" s="13">
        <v>725</v>
      </c>
      <c r="D90" s="12">
        <v>1439</v>
      </c>
    </row>
    <row r="91" spans="1:4" ht="18" customHeight="1" x14ac:dyDescent="0.15">
      <c r="A91" s="8">
        <v>70</v>
      </c>
      <c r="B91" s="34">
        <v>134</v>
      </c>
      <c r="C91" s="13">
        <v>165</v>
      </c>
      <c r="D91" s="12">
        <v>299</v>
      </c>
    </row>
    <row r="92" spans="1:4" ht="18" customHeight="1" x14ac:dyDescent="0.15">
      <c r="A92" s="8">
        <v>71</v>
      </c>
      <c r="B92" s="34">
        <v>146</v>
      </c>
      <c r="C92" s="13">
        <v>135</v>
      </c>
      <c r="D92" s="12">
        <v>281</v>
      </c>
    </row>
    <row r="93" spans="1:4" ht="18" customHeight="1" x14ac:dyDescent="0.15">
      <c r="A93" s="8">
        <v>72</v>
      </c>
      <c r="B93" s="34">
        <v>175</v>
      </c>
      <c r="C93" s="13">
        <v>147</v>
      </c>
      <c r="D93" s="12">
        <v>322</v>
      </c>
    </row>
    <row r="94" spans="1:4" ht="18" customHeight="1" x14ac:dyDescent="0.15">
      <c r="A94" s="8">
        <v>73</v>
      </c>
      <c r="B94" s="34">
        <v>153</v>
      </c>
      <c r="C94" s="13">
        <v>182</v>
      </c>
      <c r="D94" s="12">
        <v>335</v>
      </c>
    </row>
    <row r="95" spans="1:4" ht="18" customHeight="1" x14ac:dyDescent="0.15">
      <c r="A95" s="8">
        <v>74</v>
      </c>
      <c r="B95" s="34">
        <v>160</v>
      </c>
      <c r="C95" s="13">
        <v>174</v>
      </c>
      <c r="D95" s="12">
        <v>334</v>
      </c>
    </row>
    <row r="96" spans="1:4" ht="18" customHeight="1" x14ac:dyDescent="0.15">
      <c r="A96" s="8" t="s">
        <v>41</v>
      </c>
      <c r="B96" s="34">
        <v>768</v>
      </c>
      <c r="C96" s="13">
        <v>803</v>
      </c>
      <c r="D96" s="12">
        <v>1571</v>
      </c>
    </row>
    <row r="97" spans="1:4" ht="18" customHeight="1" x14ac:dyDescent="0.15">
      <c r="A97" s="8">
        <v>75</v>
      </c>
      <c r="B97" s="34">
        <v>170</v>
      </c>
      <c r="C97" s="13">
        <v>209</v>
      </c>
      <c r="D97" s="12">
        <v>379</v>
      </c>
    </row>
    <row r="98" spans="1:4" ht="18" customHeight="1" x14ac:dyDescent="0.15">
      <c r="A98" s="8">
        <v>76</v>
      </c>
      <c r="B98" s="34">
        <v>125</v>
      </c>
      <c r="C98" s="13">
        <v>150</v>
      </c>
      <c r="D98" s="12">
        <v>275</v>
      </c>
    </row>
    <row r="99" spans="1:4" ht="18" customHeight="1" x14ac:dyDescent="0.15">
      <c r="A99" s="8">
        <v>77</v>
      </c>
      <c r="B99" s="34">
        <v>85</v>
      </c>
      <c r="C99" s="13">
        <v>112</v>
      </c>
      <c r="D99" s="12">
        <v>197</v>
      </c>
    </row>
    <row r="100" spans="1:4" ht="18" customHeight="1" x14ac:dyDescent="0.15">
      <c r="A100" s="8">
        <v>78</v>
      </c>
      <c r="B100" s="34">
        <v>106</v>
      </c>
      <c r="C100" s="13">
        <v>154</v>
      </c>
      <c r="D100" s="12">
        <v>260</v>
      </c>
    </row>
    <row r="101" spans="1:4" ht="18" customHeight="1" x14ac:dyDescent="0.15">
      <c r="A101" s="8">
        <v>79</v>
      </c>
      <c r="B101" s="34">
        <v>92</v>
      </c>
      <c r="C101" s="13">
        <v>155</v>
      </c>
      <c r="D101" s="12">
        <v>247</v>
      </c>
    </row>
    <row r="102" spans="1:4" ht="18" customHeight="1" x14ac:dyDescent="0.15">
      <c r="A102" s="8" t="s">
        <v>70</v>
      </c>
      <c r="B102" s="34">
        <v>578</v>
      </c>
      <c r="C102" s="13">
        <v>780</v>
      </c>
      <c r="D102" s="12">
        <v>1358</v>
      </c>
    </row>
    <row r="103" spans="1:4" ht="18" customHeight="1" x14ac:dyDescent="0.15">
      <c r="A103" s="8">
        <v>80</v>
      </c>
      <c r="B103" s="34">
        <v>98</v>
      </c>
      <c r="C103" s="13">
        <v>143</v>
      </c>
      <c r="D103" s="12">
        <v>241</v>
      </c>
    </row>
    <row r="104" spans="1:4" ht="18" customHeight="1" x14ac:dyDescent="0.15">
      <c r="A104" s="8">
        <v>81</v>
      </c>
      <c r="B104" s="34">
        <v>112</v>
      </c>
      <c r="C104" s="13">
        <v>167</v>
      </c>
      <c r="D104" s="12">
        <v>279</v>
      </c>
    </row>
    <row r="105" spans="1:4" ht="18" customHeight="1" x14ac:dyDescent="0.15">
      <c r="A105" s="8">
        <v>82</v>
      </c>
      <c r="B105" s="34">
        <v>83</v>
      </c>
      <c r="C105" s="13">
        <v>136</v>
      </c>
      <c r="D105" s="12">
        <v>219</v>
      </c>
    </row>
    <row r="106" spans="1:4" ht="18" customHeight="1" x14ac:dyDescent="0.15">
      <c r="A106" s="8">
        <v>83</v>
      </c>
      <c r="B106" s="34">
        <v>76</v>
      </c>
      <c r="C106" s="13">
        <v>111</v>
      </c>
      <c r="D106" s="12">
        <v>187</v>
      </c>
    </row>
    <row r="107" spans="1:4" ht="18" customHeight="1" x14ac:dyDescent="0.15">
      <c r="A107" s="8">
        <v>84</v>
      </c>
      <c r="B107" s="34">
        <v>68</v>
      </c>
      <c r="C107" s="13">
        <v>78</v>
      </c>
      <c r="D107" s="12">
        <v>146</v>
      </c>
    </row>
    <row r="108" spans="1:4" ht="18" customHeight="1" x14ac:dyDescent="0.15">
      <c r="A108" s="8" t="s">
        <v>39</v>
      </c>
      <c r="B108" s="34">
        <v>437</v>
      </c>
      <c r="C108" s="13">
        <v>635</v>
      </c>
      <c r="D108" s="12">
        <v>1072</v>
      </c>
    </row>
    <row r="109" spans="1:4" ht="18" customHeight="1" x14ac:dyDescent="0.15">
      <c r="A109" s="8">
        <v>85</v>
      </c>
      <c r="B109" s="34">
        <v>73</v>
      </c>
      <c r="C109" s="13">
        <v>104</v>
      </c>
      <c r="D109" s="12">
        <v>177</v>
      </c>
    </row>
    <row r="110" spans="1:4" ht="18" customHeight="1" x14ac:dyDescent="0.15">
      <c r="A110" s="8">
        <v>86</v>
      </c>
      <c r="B110" s="34">
        <v>64</v>
      </c>
      <c r="C110" s="13">
        <v>103</v>
      </c>
      <c r="D110" s="12">
        <v>167</v>
      </c>
    </row>
    <row r="111" spans="1:4" ht="18" customHeight="1" x14ac:dyDescent="0.15">
      <c r="A111" s="8">
        <v>87</v>
      </c>
      <c r="B111" s="34">
        <v>42</v>
      </c>
      <c r="C111" s="13">
        <v>121</v>
      </c>
      <c r="D111" s="12">
        <v>163</v>
      </c>
    </row>
    <row r="112" spans="1:4" ht="18" customHeight="1" x14ac:dyDescent="0.15">
      <c r="A112" s="8">
        <v>88</v>
      </c>
      <c r="B112" s="34">
        <v>45</v>
      </c>
      <c r="C112" s="13">
        <v>92</v>
      </c>
      <c r="D112" s="12">
        <v>137</v>
      </c>
    </row>
    <row r="113" spans="1:4" ht="18" customHeight="1" x14ac:dyDescent="0.15">
      <c r="A113" s="8">
        <v>89</v>
      </c>
      <c r="B113" s="34">
        <v>35</v>
      </c>
      <c r="C113" s="13">
        <v>85</v>
      </c>
      <c r="D113" s="12">
        <v>120</v>
      </c>
    </row>
    <row r="114" spans="1:4" ht="18" customHeight="1" x14ac:dyDescent="0.15">
      <c r="A114" s="8" t="s">
        <v>38</v>
      </c>
      <c r="B114" s="34">
        <v>259</v>
      </c>
      <c r="C114" s="13">
        <v>505</v>
      </c>
      <c r="D114" s="12">
        <v>764</v>
      </c>
    </row>
    <row r="115" spans="1:4" ht="18" customHeight="1" x14ac:dyDescent="0.15">
      <c r="A115" s="8">
        <v>90</v>
      </c>
      <c r="B115" s="34">
        <v>23</v>
      </c>
      <c r="C115" s="13">
        <v>74</v>
      </c>
      <c r="D115" s="12">
        <v>97</v>
      </c>
    </row>
    <row r="116" spans="1:4" ht="18" customHeight="1" x14ac:dyDescent="0.15">
      <c r="A116" s="8">
        <v>91</v>
      </c>
      <c r="B116" s="34">
        <v>27</v>
      </c>
      <c r="C116" s="13">
        <v>67</v>
      </c>
      <c r="D116" s="12">
        <v>94</v>
      </c>
    </row>
    <row r="117" spans="1:4" ht="18" customHeight="1" x14ac:dyDescent="0.15">
      <c r="A117" s="8">
        <v>92</v>
      </c>
      <c r="B117" s="34">
        <v>16</v>
      </c>
      <c r="C117" s="13">
        <v>74</v>
      </c>
      <c r="D117" s="12">
        <v>90</v>
      </c>
    </row>
    <row r="118" spans="1:4" ht="18" customHeight="1" x14ac:dyDescent="0.15">
      <c r="A118" s="8">
        <v>93</v>
      </c>
      <c r="B118" s="34">
        <v>15</v>
      </c>
      <c r="C118" s="13">
        <v>66</v>
      </c>
      <c r="D118" s="12">
        <v>81</v>
      </c>
    </row>
    <row r="119" spans="1:4" ht="18" customHeight="1" x14ac:dyDescent="0.15">
      <c r="A119" s="8">
        <v>94</v>
      </c>
      <c r="B119" s="34">
        <v>12</v>
      </c>
      <c r="C119" s="13">
        <v>41</v>
      </c>
      <c r="D119" s="12">
        <v>53</v>
      </c>
    </row>
    <row r="120" spans="1:4" ht="18" customHeight="1" x14ac:dyDescent="0.15">
      <c r="A120" s="8" t="s">
        <v>69</v>
      </c>
      <c r="B120" s="34">
        <v>93</v>
      </c>
      <c r="C120" s="13">
        <v>322</v>
      </c>
      <c r="D120" s="12">
        <v>415</v>
      </c>
    </row>
    <row r="121" spans="1:4" ht="18" customHeight="1" x14ac:dyDescent="0.15">
      <c r="A121" s="8">
        <v>95</v>
      </c>
      <c r="B121" s="34">
        <v>4</v>
      </c>
      <c r="C121" s="13">
        <v>28</v>
      </c>
      <c r="D121" s="12">
        <v>32</v>
      </c>
    </row>
    <row r="122" spans="1:4" ht="18" customHeight="1" x14ac:dyDescent="0.15">
      <c r="A122" s="8">
        <v>96</v>
      </c>
      <c r="B122" s="34">
        <v>6</v>
      </c>
      <c r="C122" s="13">
        <v>24</v>
      </c>
      <c r="D122" s="12">
        <v>30</v>
      </c>
    </row>
    <row r="123" spans="1:4" ht="18" customHeight="1" x14ac:dyDescent="0.15">
      <c r="A123" s="8">
        <v>97</v>
      </c>
      <c r="B123" s="34">
        <v>4</v>
      </c>
      <c r="C123" s="13">
        <v>21</v>
      </c>
      <c r="D123" s="12">
        <v>25</v>
      </c>
    </row>
    <row r="124" spans="1:4" ht="18" customHeight="1" x14ac:dyDescent="0.15">
      <c r="A124" s="8">
        <v>98</v>
      </c>
      <c r="B124" s="34">
        <v>5</v>
      </c>
      <c r="C124" s="13">
        <v>18</v>
      </c>
      <c r="D124" s="12">
        <v>23</v>
      </c>
    </row>
    <row r="125" spans="1:4" ht="18" customHeight="1" x14ac:dyDescent="0.15">
      <c r="A125" s="8">
        <v>99</v>
      </c>
      <c r="B125" s="34">
        <v>0</v>
      </c>
      <c r="C125" s="13">
        <v>9</v>
      </c>
      <c r="D125" s="12">
        <v>9</v>
      </c>
    </row>
    <row r="126" spans="1:4" ht="18" customHeight="1" x14ac:dyDescent="0.15">
      <c r="A126" s="8" t="s">
        <v>68</v>
      </c>
      <c r="B126" s="34">
        <v>19</v>
      </c>
      <c r="C126" s="13">
        <v>100</v>
      </c>
      <c r="D126" s="12">
        <v>119</v>
      </c>
    </row>
    <row r="127" spans="1:4" ht="18" customHeight="1" x14ac:dyDescent="0.15">
      <c r="A127" s="8">
        <v>100</v>
      </c>
      <c r="B127" s="34">
        <v>2</v>
      </c>
      <c r="C127" s="13">
        <v>4</v>
      </c>
      <c r="D127" s="12">
        <v>6</v>
      </c>
    </row>
    <row r="128" spans="1:4" ht="18" customHeight="1" x14ac:dyDescent="0.15">
      <c r="A128" s="15" t="s">
        <v>37</v>
      </c>
      <c r="B128" s="34">
        <v>2</v>
      </c>
      <c r="C128" s="13">
        <v>11</v>
      </c>
      <c r="D128" s="12">
        <v>13</v>
      </c>
    </row>
    <row r="129" spans="1:4" ht="18" customHeight="1" x14ac:dyDescent="0.15">
      <c r="A129" s="8" t="s">
        <v>36</v>
      </c>
      <c r="B129" s="34">
        <v>4</v>
      </c>
      <c r="C129" s="13">
        <v>15</v>
      </c>
      <c r="D129" s="12">
        <v>19</v>
      </c>
    </row>
    <row r="130" spans="1:4" ht="18" customHeight="1" x14ac:dyDescent="0.15">
      <c r="A130" s="8" t="s">
        <v>35</v>
      </c>
      <c r="B130" s="28">
        <v>2872</v>
      </c>
      <c r="C130" s="6">
        <v>3885</v>
      </c>
      <c r="D130" s="5">
        <v>6757</v>
      </c>
    </row>
    <row r="131" spans="1:4" ht="18" customHeight="1" x14ac:dyDescent="0.15">
      <c r="A131" s="4" t="s">
        <v>0</v>
      </c>
      <c r="B131" s="27">
        <v>10392</v>
      </c>
      <c r="C131" s="2">
        <v>10825</v>
      </c>
      <c r="D131" s="1">
        <v>2121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6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4</v>
      </c>
      <c r="C5" s="44">
        <v>4</v>
      </c>
      <c r="D5" s="43">
        <v>8</v>
      </c>
    </row>
    <row r="6" spans="1:4" ht="18" customHeight="1" x14ac:dyDescent="0.15">
      <c r="A6" s="8">
        <v>1</v>
      </c>
      <c r="B6" s="39">
        <v>4</v>
      </c>
      <c r="C6" s="13">
        <v>5</v>
      </c>
      <c r="D6" s="12">
        <v>9</v>
      </c>
    </row>
    <row r="7" spans="1:4" ht="18" customHeight="1" x14ac:dyDescent="0.15">
      <c r="A7" s="8">
        <v>2</v>
      </c>
      <c r="B7" s="39">
        <v>4</v>
      </c>
      <c r="C7" s="13">
        <v>2</v>
      </c>
      <c r="D7" s="12">
        <v>6</v>
      </c>
    </row>
    <row r="8" spans="1:4" ht="18" customHeight="1" x14ac:dyDescent="0.15">
      <c r="A8" s="8">
        <v>3</v>
      </c>
      <c r="B8" s="39">
        <v>3</v>
      </c>
      <c r="C8" s="13">
        <v>5</v>
      </c>
      <c r="D8" s="12">
        <v>8</v>
      </c>
    </row>
    <row r="9" spans="1:4" ht="18" customHeight="1" x14ac:dyDescent="0.15">
      <c r="A9" s="8">
        <v>4</v>
      </c>
      <c r="B9" s="42">
        <v>7</v>
      </c>
      <c r="C9" s="41">
        <v>4</v>
      </c>
      <c r="D9" s="40">
        <v>11</v>
      </c>
    </row>
    <row r="10" spans="1:4" ht="18" customHeight="1" x14ac:dyDescent="0.15">
      <c r="A10" s="8" t="s">
        <v>76</v>
      </c>
      <c r="B10" s="34">
        <v>22</v>
      </c>
      <c r="C10" s="13">
        <v>20</v>
      </c>
      <c r="D10" s="12">
        <v>42</v>
      </c>
    </row>
    <row r="11" spans="1:4" ht="18" customHeight="1" x14ac:dyDescent="0.15">
      <c r="A11" s="8">
        <v>5</v>
      </c>
      <c r="B11" s="39">
        <v>8</v>
      </c>
      <c r="C11" s="13">
        <v>7</v>
      </c>
      <c r="D11" s="12">
        <v>15</v>
      </c>
    </row>
    <row r="12" spans="1:4" ht="18" customHeight="1" x14ac:dyDescent="0.15">
      <c r="A12" s="8">
        <v>6</v>
      </c>
      <c r="B12" s="39">
        <v>6</v>
      </c>
      <c r="C12" s="13">
        <v>8</v>
      </c>
      <c r="D12" s="12">
        <v>14</v>
      </c>
    </row>
    <row r="13" spans="1:4" ht="18" customHeight="1" x14ac:dyDescent="0.15">
      <c r="A13" s="8">
        <v>7</v>
      </c>
      <c r="B13" s="39">
        <v>10</v>
      </c>
      <c r="C13" s="13">
        <v>7</v>
      </c>
      <c r="D13" s="12">
        <v>17</v>
      </c>
    </row>
    <row r="14" spans="1:4" ht="18" customHeight="1" x14ac:dyDescent="0.15">
      <c r="A14" s="8">
        <v>8</v>
      </c>
      <c r="B14" s="39">
        <v>10</v>
      </c>
      <c r="C14" s="13">
        <v>6</v>
      </c>
      <c r="D14" s="12">
        <v>16</v>
      </c>
    </row>
    <row r="15" spans="1:4" ht="18" customHeight="1" x14ac:dyDescent="0.15">
      <c r="A15" s="8">
        <v>9</v>
      </c>
      <c r="B15" s="39">
        <v>6</v>
      </c>
      <c r="C15" s="13">
        <v>2</v>
      </c>
      <c r="D15" s="12">
        <v>8</v>
      </c>
    </row>
    <row r="16" spans="1:4" ht="18" customHeight="1" x14ac:dyDescent="0.15">
      <c r="A16" s="8" t="s">
        <v>50</v>
      </c>
      <c r="B16" s="34">
        <v>40</v>
      </c>
      <c r="C16" s="13">
        <v>30</v>
      </c>
      <c r="D16" s="12">
        <v>70</v>
      </c>
    </row>
    <row r="17" spans="1:4" ht="18" customHeight="1" x14ac:dyDescent="0.15">
      <c r="A17" s="8">
        <v>10</v>
      </c>
      <c r="B17" s="34">
        <v>7</v>
      </c>
      <c r="C17" s="13">
        <v>8</v>
      </c>
      <c r="D17" s="12">
        <v>15</v>
      </c>
    </row>
    <row r="18" spans="1:4" ht="18" customHeight="1" x14ac:dyDescent="0.15">
      <c r="A18" s="8">
        <v>11</v>
      </c>
      <c r="B18" s="34">
        <v>8</v>
      </c>
      <c r="C18" s="13">
        <v>10</v>
      </c>
      <c r="D18" s="12">
        <v>18</v>
      </c>
    </row>
    <row r="19" spans="1:4" ht="18" customHeight="1" x14ac:dyDescent="0.15">
      <c r="A19" s="8">
        <v>12</v>
      </c>
      <c r="B19" s="34">
        <v>10</v>
      </c>
      <c r="C19" s="13">
        <v>3</v>
      </c>
      <c r="D19" s="12">
        <v>13</v>
      </c>
    </row>
    <row r="20" spans="1:4" ht="18" customHeight="1" x14ac:dyDescent="0.15">
      <c r="A20" s="8">
        <v>13</v>
      </c>
      <c r="B20" s="34">
        <v>6</v>
      </c>
      <c r="C20" s="13">
        <v>6</v>
      </c>
      <c r="D20" s="12">
        <v>12</v>
      </c>
    </row>
    <row r="21" spans="1:4" ht="18" customHeight="1" x14ac:dyDescent="0.15">
      <c r="A21" s="8">
        <v>14</v>
      </c>
      <c r="B21" s="34">
        <v>9</v>
      </c>
      <c r="C21" s="13">
        <v>4</v>
      </c>
      <c r="D21" s="12">
        <v>13</v>
      </c>
    </row>
    <row r="22" spans="1:4" ht="18" customHeight="1" x14ac:dyDescent="0.15">
      <c r="A22" s="8" t="s">
        <v>75</v>
      </c>
      <c r="B22" s="34">
        <v>40</v>
      </c>
      <c r="C22" s="13">
        <v>31</v>
      </c>
      <c r="D22" s="12">
        <v>71</v>
      </c>
    </row>
    <row r="23" spans="1:4" ht="18" customHeight="1" x14ac:dyDescent="0.15">
      <c r="A23" s="8" t="s">
        <v>65</v>
      </c>
      <c r="B23" s="34">
        <v>102</v>
      </c>
      <c r="C23" s="13">
        <v>81</v>
      </c>
      <c r="D23" s="12">
        <v>183</v>
      </c>
    </row>
    <row r="24" spans="1:4" ht="18" customHeight="1" x14ac:dyDescent="0.15">
      <c r="A24" s="8">
        <v>15</v>
      </c>
      <c r="B24" s="34">
        <v>6</v>
      </c>
      <c r="C24" s="13">
        <v>9</v>
      </c>
      <c r="D24" s="12">
        <v>15</v>
      </c>
    </row>
    <row r="25" spans="1:4" ht="18" customHeight="1" x14ac:dyDescent="0.15">
      <c r="A25" s="8">
        <v>16</v>
      </c>
      <c r="B25" s="34">
        <v>15</v>
      </c>
      <c r="C25" s="13">
        <v>10</v>
      </c>
      <c r="D25" s="12">
        <v>25</v>
      </c>
    </row>
    <row r="26" spans="1:4" ht="18" customHeight="1" x14ac:dyDescent="0.15">
      <c r="A26" s="8">
        <v>17</v>
      </c>
      <c r="B26" s="34">
        <v>11</v>
      </c>
      <c r="C26" s="13">
        <v>7</v>
      </c>
      <c r="D26" s="12">
        <v>18</v>
      </c>
    </row>
    <row r="27" spans="1:4" ht="18" customHeight="1" x14ac:dyDescent="0.15">
      <c r="A27" s="8">
        <v>18</v>
      </c>
      <c r="B27" s="34">
        <v>10</v>
      </c>
      <c r="C27" s="13">
        <v>10</v>
      </c>
      <c r="D27" s="12">
        <v>20</v>
      </c>
    </row>
    <row r="28" spans="1:4" ht="18" customHeight="1" x14ac:dyDescent="0.15">
      <c r="A28" s="8">
        <v>19</v>
      </c>
      <c r="B28" s="34">
        <v>13</v>
      </c>
      <c r="C28" s="13">
        <v>9</v>
      </c>
      <c r="D28" s="12">
        <v>22</v>
      </c>
    </row>
    <row r="29" spans="1:4" ht="18" customHeight="1" x14ac:dyDescent="0.15">
      <c r="A29" s="8" t="s">
        <v>48</v>
      </c>
      <c r="B29" s="34">
        <v>55</v>
      </c>
      <c r="C29" s="13">
        <v>45</v>
      </c>
      <c r="D29" s="12">
        <v>100</v>
      </c>
    </row>
    <row r="30" spans="1:4" ht="18" customHeight="1" x14ac:dyDescent="0.15">
      <c r="A30" s="8">
        <v>20</v>
      </c>
      <c r="B30" s="34">
        <v>10</v>
      </c>
      <c r="C30" s="13">
        <v>14</v>
      </c>
      <c r="D30" s="12">
        <v>24</v>
      </c>
    </row>
    <row r="31" spans="1:4" ht="18" customHeight="1" x14ac:dyDescent="0.15">
      <c r="A31" s="8">
        <v>21</v>
      </c>
      <c r="B31" s="34">
        <v>9</v>
      </c>
      <c r="C31" s="13">
        <v>11</v>
      </c>
      <c r="D31" s="12">
        <v>20</v>
      </c>
    </row>
    <row r="32" spans="1:4" ht="18" customHeight="1" x14ac:dyDescent="0.15">
      <c r="A32" s="8">
        <v>22</v>
      </c>
      <c r="B32" s="34">
        <v>10</v>
      </c>
      <c r="C32" s="13">
        <v>9</v>
      </c>
      <c r="D32" s="12">
        <v>19</v>
      </c>
    </row>
    <row r="33" spans="1:4" ht="18" customHeight="1" x14ac:dyDescent="0.15">
      <c r="A33" s="8">
        <v>23</v>
      </c>
      <c r="B33" s="34">
        <v>20</v>
      </c>
      <c r="C33" s="13">
        <v>16</v>
      </c>
      <c r="D33" s="12">
        <v>36</v>
      </c>
    </row>
    <row r="34" spans="1:4" ht="18" customHeight="1" x14ac:dyDescent="0.15">
      <c r="A34" s="8">
        <v>24</v>
      </c>
      <c r="B34" s="34">
        <v>10</v>
      </c>
      <c r="C34" s="13">
        <v>10</v>
      </c>
      <c r="D34" s="12">
        <v>20</v>
      </c>
    </row>
    <row r="35" spans="1:4" ht="18" customHeight="1" x14ac:dyDescent="0.15">
      <c r="A35" s="8" t="s">
        <v>74</v>
      </c>
      <c r="B35" s="34">
        <v>59</v>
      </c>
      <c r="C35" s="13">
        <v>60</v>
      </c>
      <c r="D35" s="12">
        <v>119</v>
      </c>
    </row>
    <row r="36" spans="1:4" ht="18" customHeight="1" x14ac:dyDescent="0.15">
      <c r="A36" s="8">
        <v>25</v>
      </c>
      <c r="B36" s="34">
        <v>13</v>
      </c>
      <c r="C36" s="13">
        <v>6</v>
      </c>
      <c r="D36" s="12">
        <v>19</v>
      </c>
    </row>
    <row r="37" spans="1:4" ht="18" customHeight="1" x14ac:dyDescent="0.15">
      <c r="A37" s="8">
        <v>26</v>
      </c>
      <c r="B37" s="34">
        <v>13</v>
      </c>
      <c r="C37" s="13">
        <v>12</v>
      </c>
      <c r="D37" s="12">
        <v>25</v>
      </c>
    </row>
    <row r="38" spans="1:4" ht="18" customHeight="1" x14ac:dyDescent="0.15">
      <c r="A38" s="8">
        <v>27</v>
      </c>
      <c r="B38" s="34">
        <v>7</v>
      </c>
      <c r="C38" s="13">
        <v>4</v>
      </c>
      <c r="D38" s="12">
        <v>11</v>
      </c>
    </row>
    <row r="39" spans="1:4" ht="18" customHeight="1" x14ac:dyDescent="0.15">
      <c r="A39" s="8">
        <v>28</v>
      </c>
      <c r="B39" s="34">
        <v>14</v>
      </c>
      <c r="C39" s="13">
        <v>10</v>
      </c>
      <c r="D39" s="12">
        <v>24</v>
      </c>
    </row>
    <row r="40" spans="1:4" ht="18" customHeight="1" x14ac:dyDescent="0.15">
      <c r="A40" s="8">
        <v>29</v>
      </c>
      <c r="B40" s="34">
        <v>8</v>
      </c>
      <c r="C40" s="13">
        <v>9</v>
      </c>
      <c r="D40" s="12">
        <v>17</v>
      </c>
    </row>
    <row r="41" spans="1:4" ht="18" customHeight="1" x14ac:dyDescent="0.15">
      <c r="A41" s="8" t="s">
        <v>73</v>
      </c>
      <c r="B41" s="34">
        <v>55</v>
      </c>
      <c r="C41" s="13">
        <v>41</v>
      </c>
      <c r="D41" s="12">
        <v>96</v>
      </c>
    </row>
    <row r="42" spans="1:4" ht="18" customHeight="1" x14ac:dyDescent="0.15">
      <c r="A42" s="8">
        <v>30</v>
      </c>
      <c r="B42" s="34">
        <v>9</v>
      </c>
      <c r="C42" s="13">
        <v>8</v>
      </c>
      <c r="D42" s="12">
        <v>17</v>
      </c>
    </row>
    <row r="43" spans="1:4" ht="18" customHeight="1" x14ac:dyDescent="0.15">
      <c r="A43" s="8">
        <v>31</v>
      </c>
      <c r="B43" s="34">
        <v>7</v>
      </c>
      <c r="C43" s="13">
        <v>10</v>
      </c>
      <c r="D43" s="12">
        <v>17</v>
      </c>
    </row>
    <row r="44" spans="1:4" ht="18" customHeight="1" x14ac:dyDescent="0.15">
      <c r="A44" s="8">
        <v>32</v>
      </c>
      <c r="B44" s="34">
        <v>6</v>
      </c>
      <c r="C44" s="13">
        <v>4</v>
      </c>
      <c r="D44" s="12">
        <v>10</v>
      </c>
    </row>
    <row r="45" spans="1:4" ht="18" customHeight="1" x14ac:dyDescent="0.15">
      <c r="A45" s="8">
        <v>33</v>
      </c>
      <c r="B45" s="34">
        <v>8</v>
      </c>
      <c r="C45" s="13">
        <v>6</v>
      </c>
      <c r="D45" s="12">
        <v>14</v>
      </c>
    </row>
    <row r="46" spans="1:4" ht="18" customHeight="1" x14ac:dyDescent="0.15">
      <c r="A46" s="8">
        <v>34</v>
      </c>
      <c r="B46" s="34">
        <v>6</v>
      </c>
      <c r="C46" s="13">
        <v>6</v>
      </c>
      <c r="D46" s="12">
        <v>12</v>
      </c>
    </row>
    <row r="47" spans="1:4" ht="18" customHeight="1" x14ac:dyDescent="0.15">
      <c r="A47" s="8" t="s">
        <v>61</v>
      </c>
      <c r="B47" s="34">
        <v>36</v>
      </c>
      <c r="C47" s="13">
        <v>34</v>
      </c>
      <c r="D47" s="12">
        <v>70</v>
      </c>
    </row>
    <row r="48" spans="1:4" ht="18" customHeight="1" x14ac:dyDescent="0.15">
      <c r="A48" s="8">
        <v>35</v>
      </c>
      <c r="B48" s="34">
        <v>9</v>
      </c>
      <c r="C48" s="13">
        <v>4</v>
      </c>
      <c r="D48" s="12">
        <v>13</v>
      </c>
    </row>
    <row r="49" spans="1:4" ht="18" customHeight="1" x14ac:dyDescent="0.15">
      <c r="A49" s="8">
        <v>36</v>
      </c>
      <c r="B49" s="34">
        <v>10</v>
      </c>
      <c r="C49" s="13">
        <v>11</v>
      </c>
      <c r="D49" s="12">
        <v>21</v>
      </c>
    </row>
    <row r="50" spans="1:4" ht="18" customHeight="1" x14ac:dyDescent="0.15">
      <c r="A50" s="8">
        <v>37</v>
      </c>
      <c r="B50" s="34">
        <v>8</v>
      </c>
      <c r="C50" s="13">
        <v>12</v>
      </c>
      <c r="D50" s="12">
        <v>20</v>
      </c>
    </row>
    <row r="51" spans="1:4" ht="18" customHeight="1" x14ac:dyDescent="0.15">
      <c r="A51" s="8">
        <v>38</v>
      </c>
      <c r="B51" s="34">
        <v>22</v>
      </c>
      <c r="C51" s="13">
        <v>12</v>
      </c>
      <c r="D51" s="12">
        <v>34</v>
      </c>
    </row>
    <row r="52" spans="1:4" ht="18" customHeight="1" x14ac:dyDescent="0.15">
      <c r="A52" s="8">
        <v>39</v>
      </c>
      <c r="B52" s="34">
        <v>14</v>
      </c>
      <c r="C52" s="13">
        <v>14</v>
      </c>
      <c r="D52" s="12">
        <v>28</v>
      </c>
    </row>
    <row r="53" spans="1:4" ht="18" customHeight="1" x14ac:dyDescent="0.15">
      <c r="A53" s="8" t="s">
        <v>72</v>
      </c>
      <c r="B53" s="34">
        <v>63</v>
      </c>
      <c r="C53" s="13">
        <v>53</v>
      </c>
      <c r="D53" s="12">
        <v>116</v>
      </c>
    </row>
    <row r="54" spans="1:4" ht="18" customHeight="1" x14ac:dyDescent="0.15">
      <c r="A54" s="8">
        <v>40</v>
      </c>
      <c r="B54" s="34">
        <v>17</v>
      </c>
      <c r="C54" s="13">
        <v>8</v>
      </c>
      <c r="D54" s="12">
        <v>25</v>
      </c>
    </row>
    <row r="55" spans="1:4" ht="18" customHeight="1" x14ac:dyDescent="0.15">
      <c r="A55" s="8">
        <v>41</v>
      </c>
      <c r="B55" s="34">
        <v>9</v>
      </c>
      <c r="C55" s="13">
        <v>9</v>
      </c>
      <c r="D55" s="12">
        <v>18</v>
      </c>
    </row>
    <row r="56" spans="1:4" ht="18" customHeight="1" x14ac:dyDescent="0.15">
      <c r="A56" s="8">
        <v>42</v>
      </c>
      <c r="B56" s="34">
        <v>11</v>
      </c>
      <c r="C56" s="13">
        <v>7</v>
      </c>
      <c r="D56" s="12">
        <v>18</v>
      </c>
    </row>
    <row r="57" spans="1:4" ht="18" customHeight="1" x14ac:dyDescent="0.15">
      <c r="A57" s="8">
        <v>43</v>
      </c>
      <c r="B57" s="34">
        <v>7</v>
      </c>
      <c r="C57" s="13">
        <v>10</v>
      </c>
      <c r="D57" s="12">
        <v>17</v>
      </c>
    </row>
    <row r="58" spans="1:4" ht="18" customHeight="1" x14ac:dyDescent="0.15">
      <c r="A58" s="8">
        <v>44</v>
      </c>
      <c r="B58" s="34">
        <v>11</v>
      </c>
      <c r="C58" s="13">
        <v>16</v>
      </c>
      <c r="D58" s="12">
        <v>27</v>
      </c>
    </row>
    <row r="59" spans="1:4" ht="18" customHeight="1" x14ac:dyDescent="0.15">
      <c r="A59" s="8" t="s">
        <v>46</v>
      </c>
      <c r="B59" s="34">
        <v>55</v>
      </c>
      <c r="C59" s="13">
        <v>50</v>
      </c>
      <c r="D59" s="12">
        <v>105</v>
      </c>
    </row>
    <row r="60" spans="1:4" ht="18" customHeight="1" x14ac:dyDescent="0.15">
      <c r="A60" s="8">
        <v>45</v>
      </c>
      <c r="B60" s="34">
        <v>17</v>
      </c>
      <c r="C60" s="13">
        <v>17</v>
      </c>
      <c r="D60" s="12">
        <v>34</v>
      </c>
    </row>
    <row r="61" spans="1:4" ht="18" customHeight="1" x14ac:dyDescent="0.15">
      <c r="A61" s="8">
        <v>46</v>
      </c>
      <c r="B61" s="34">
        <v>15</v>
      </c>
      <c r="C61" s="13">
        <v>11</v>
      </c>
      <c r="D61" s="12">
        <v>26</v>
      </c>
    </row>
    <row r="62" spans="1:4" ht="18" customHeight="1" x14ac:dyDescent="0.15">
      <c r="A62" s="8">
        <v>47</v>
      </c>
      <c r="B62" s="34">
        <v>18</v>
      </c>
      <c r="C62" s="13">
        <v>18</v>
      </c>
      <c r="D62" s="12">
        <v>36</v>
      </c>
    </row>
    <row r="63" spans="1:4" ht="18" customHeight="1" x14ac:dyDescent="0.15">
      <c r="A63" s="8">
        <v>48</v>
      </c>
      <c r="B63" s="34">
        <v>12</v>
      </c>
      <c r="C63" s="13">
        <v>18</v>
      </c>
      <c r="D63" s="12">
        <v>30</v>
      </c>
    </row>
    <row r="64" spans="1:4" ht="18" customHeight="1" x14ac:dyDescent="0.15">
      <c r="A64" s="8">
        <v>49</v>
      </c>
      <c r="B64" s="34">
        <v>18</v>
      </c>
      <c r="C64" s="13">
        <v>16</v>
      </c>
      <c r="D64" s="12">
        <v>34</v>
      </c>
    </row>
    <row r="65" spans="1:4" ht="18" customHeight="1" x14ac:dyDescent="0.15">
      <c r="A65" s="8" t="s">
        <v>45</v>
      </c>
      <c r="B65" s="34">
        <v>80</v>
      </c>
      <c r="C65" s="13">
        <v>80</v>
      </c>
      <c r="D65" s="12">
        <v>160</v>
      </c>
    </row>
    <row r="66" spans="1:4" ht="18" customHeight="1" x14ac:dyDescent="0.15">
      <c r="A66" s="8">
        <v>50</v>
      </c>
      <c r="B66" s="34">
        <v>16</v>
      </c>
      <c r="C66" s="13">
        <v>23</v>
      </c>
      <c r="D66" s="12">
        <v>39</v>
      </c>
    </row>
    <row r="67" spans="1:4" ht="18" customHeight="1" x14ac:dyDescent="0.15">
      <c r="A67" s="8">
        <v>51</v>
      </c>
      <c r="B67" s="34">
        <v>25</v>
      </c>
      <c r="C67" s="13">
        <v>21</v>
      </c>
      <c r="D67" s="12">
        <v>46</v>
      </c>
    </row>
    <row r="68" spans="1:4" ht="18" customHeight="1" x14ac:dyDescent="0.15">
      <c r="A68" s="8">
        <v>52</v>
      </c>
      <c r="B68" s="34">
        <v>30</v>
      </c>
      <c r="C68" s="13">
        <v>20</v>
      </c>
      <c r="D68" s="12">
        <v>50</v>
      </c>
    </row>
    <row r="69" spans="1:4" ht="18" customHeight="1" x14ac:dyDescent="0.15">
      <c r="A69" s="8">
        <v>53</v>
      </c>
      <c r="B69" s="34">
        <v>12</v>
      </c>
      <c r="C69" s="13">
        <v>18</v>
      </c>
      <c r="D69" s="12">
        <v>30</v>
      </c>
    </row>
    <row r="70" spans="1:4" ht="18" customHeight="1" x14ac:dyDescent="0.15">
      <c r="A70" s="8">
        <v>54</v>
      </c>
      <c r="B70" s="34">
        <v>19</v>
      </c>
      <c r="C70" s="13">
        <v>22</v>
      </c>
      <c r="D70" s="12">
        <v>41</v>
      </c>
    </row>
    <row r="71" spans="1:4" ht="18" customHeight="1" x14ac:dyDescent="0.15">
      <c r="A71" s="8" t="s">
        <v>58</v>
      </c>
      <c r="B71" s="34">
        <v>102</v>
      </c>
      <c r="C71" s="13">
        <v>104</v>
      </c>
      <c r="D71" s="12">
        <v>206</v>
      </c>
    </row>
    <row r="72" spans="1:4" ht="18" customHeight="1" x14ac:dyDescent="0.15">
      <c r="A72" s="8">
        <v>55</v>
      </c>
      <c r="B72" s="34">
        <v>12</v>
      </c>
      <c r="C72" s="13">
        <v>18</v>
      </c>
      <c r="D72" s="12">
        <v>30</v>
      </c>
    </row>
    <row r="73" spans="1:4" ht="18" customHeight="1" x14ac:dyDescent="0.15">
      <c r="A73" s="8">
        <v>56</v>
      </c>
      <c r="B73" s="34">
        <v>19</v>
      </c>
      <c r="C73" s="13">
        <v>15</v>
      </c>
      <c r="D73" s="12">
        <v>34</v>
      </c>
    </row>
    <row r="74" spans="1:4" ht="18" customHeight="1" x14ac:dyDescent="0.15">
      <c r="A74" s="8">
        <v>57</v>
      </c>
      <c r="B74" s="34">
        <v>14</v>
      </c>
      <c r="C74" s="13">
        <v>13</v>
      </c>
      <c r="D74" s="12">
        <v>27</v>
      </c>
    </row>
    <row r="75" spans="1:4" ht="18" customHeight="1" x14ac:dyDescent="0.15">
      <c r="A75" s="8">
        <v>58</v>
      </c>
      <c r="B75" s="34">
        <v>18</v>
      </c>
      <c r="C75" s="13">
        <v>17</v>
      </c>
      <c r="D75" s="12">
        <v>35</v>
      </c>
    </row>
    <row r="76" spans="1:4" ht="18" customHeight="1" x14ac:dyDescent="0.15">
      <c r="A76" s="8">
        <v>59</v>
      </c>
      <c r="B76" s="34">
        <v>16</v>
      </c>
      <c r="C76" s="13">
        <v>20</v>
      </c>
      <c r="D76" s="12">
        <v>36</v>
      </c>
    </row>
    <row r="77" spans="1:4" ht="18" customHeight="1" x14ac:dyDescent="0.15">
      <c r="A77" s="8" t="s">
        <v>71</v>
      </c>
      <c r="B77" s="34">
        <v>79</v>
      </c>
      <c r="C77" s="13">
        <v>83</v>
      </c>
      <c r="D77" s="12">
        <v>162</v>
      </c>
    </row>
    <row r="78" spans="1:4" ht="18" customHeight="1" x14ac:dyDescent="0.15">
      <c r="A78" s="8">
        <v>60</v>
      </c>
      <c r="B78" s="34">
        <v>12</v>
      </c>
      <c r="C78" s="13">
        <v>9</v>
      </c>
      <c r="D78" s="12">
        <v>21</v>
      </c>
    </row>
    <row r="79" spans="1:4" ht="18" customHeight="1" x14ac:dyDescent="0.15">
      <c r="A79" s="8">
        <v>61</v>
      </c>
      <c r="B79" s="34">
        <v>20</v>
      </c>
      <c r="C79" s="13">
        <v>12</v>
      </c>
      <c r="D79" s="12">
        <v>32</v>
      </c>
    </row>
    <row r="80" spans="1:4" ht="18" customHeight="1" x14ac:dyDescent="0.15">
      <c r="A80" s="8">
        <v>62</v>
      </c>
      <c r="B80" s="34">
        <v>19</v>
      </c>
      <c r="C80" s="13">
        <v>11</v>
      </c>
      <c r="D80" s="12">
        <v>30</v>
      </c>
    </row>
    <row r="81" spans="1:4" ht="18" customHeight="1" x14ac:dyDescent="0.15">
      <c r="A81" s="8">
        <v>63</v>
      </c>
      <c r="B81" s="34">
        <v>16</v>
      </c>
      <c r="C81" s="13">
        <v>15</v>
      </c>
      <c r="D81" s="12">
        <v>31</v>
      </c>
    </row>
    <row r="82" spans="1:4" ht="18" customHeight="1" x14ac:dyDescent="0.15">
      <c r="A82" s="8">
        <v>64</v>
      </c>
      <c r="B82" s="34">
        <v>19</v>
      </c>
      <c r="C82" s="13">
        <v>29</v>
      </c>
      <c r="D82" s="12">
        <v>48</v>
      </c>
    </row>
    <row r="83" spans="1:4" ht="18" customHeight="1" x14ac:dyDescent="0.15">
      <c r="A83" s="8" t="s">
        <v>44</v>
      </c>
      <c r="B83" s="34">
        <v>86</v>
      </c>
      <c r="C83" s="13">
        <v>76</v>
      </c>
      <c r="D83" s="12">
        <v>162</v>
      </c>
    </row>
    <row r="84" spans="1:4" ht="18" customHeight="1" x14ac:dyDescent="0.15">
      <c r="A84" s="8" t="s">
        <v>43</v>
      </c>
      <c r="B84" s="34">
        <v>670</v>
      </c>
      <c r="C84" s="13">
        <v>626</v>
      </c>
      <c r="D84" s="12">
        <v>1296</v>
      </c>
    </row>
    <row r="85" spans="1:4" ht="18" customHeight="1" x14ac:dyDescent="0.15">
      <c r="A85" s="8">
        <v>65</v>
      </c>
      <c r="B85" s="34">
        <v>24</v>
      </c>
      <c r="C85" s="13">
        <v>16</v>
      </c>
      <c r="D85" s="12">
        <v>40</v>
      </c>
    </row>
    <row r="86" spans="1:4" ht="18" customHeight="1" x14ac:dyDescent="0.15">
      <c r="A86" s="8">
        <v>66</v>
      </c>
      <c r="B86" s="34">
        <v>19</v>
      </c>
      <c r="C86" s="13">
        <v>26</v>
      </c>
      <c r="D86" s="12">
        <v>45</v>
      </c>
    </row>
    <row r="87" spans="1:4" ht="18" customHeight="1" x14ac:dyDescent="0.15">
      <c r="A87" s="8">
        <v>67</v>
      </c>
      <c r="B87" s="34">
        <v>11</v>
      </c>
      <c r="C87" s="13">
        <v>15</v>
      </c>
      <c r="D87" s="12">
        <v>26</v>
      </c>
    </row>
    <row r="88" spans="1:4" ht="18" customHeight="1" x14ac:dyDescent="0.15">
      <c r="A88" s="8">
        <v>68</v>
      </c>
      <c r="B88" s="34">
        <v>8</v>
      </c>
      <c r="C88" s="13">
        <v>18</v>
      </c>
      <c r="D88" s="12">
        <v>26</v>
      </c>
    </row>
    <row r="89" spans="1:4" ht="18" customHeight="1" x14ac:dyDescent="0.15">
      <c r="A89" s="8">
        <v>69</v>
      </c>
      <c r="B89" s="34">
        <v>17</v>
      </c>
      <c r="C89" s="13">
        <v>25</v>
      </c>
      <c r="D89" s="12">
        <v>42</v>
      </c>
    </row>
    <row r="90" spans="1:4" ht="18" customHeight="1" x14ac:dyDescent="0.15">
      <c r="A90" s="8" t="s">
        <v>42</v>
      </c>
      <c r="B90" s="34">
        <v>79</v>
      </c>
      <c r="C90" s="13">
        <v>100</v>
      </c>
      <c r="D90" s="12">
        <v>179</v>
      </c>
    </row>
    <row r="91" spans="1:4" ht="18" customHeight="1" x14ac:dyDescent="0.15">
      <c r="A91" s="8">
        <v>70</v>
      </c>
      <c r="B91" s="34">
        <v>17</v>
      </c>
      <c r="C91" s="13">
        <v>28</v>
      </c>
      <c r="D91" s="12">
        <v>45</v>
      </c>
    </row>
    <row r="92" spans="1:4" ht="18" customHeight="1" x14ac:dyDescent="0.15">
      <c r="A92" s="8">
        <v>71</v>
      </c>
      <c r="B92" s="34">
        <v>26</v>
      </c>
      <c r="C92" s="13">
        <v>20</v>
      </c>
      <c r="D92" s="12">
        <v>46</v>
      </c>
    </row>
    <row r="93" spans="1:4" ht="18" customHeight="1" x14ac:dyDescent="0.15">
      <c r="A93" s="8">
        <v>72</v>
      </c>
      <c r="B93" s="34">
        <v>27</v>
      </c>
      <c r="C93" s="13">
        <v>32</v>
      </c>
      <c r="D93" s="12">
        <v>59</v>
      </c>
    </row>
    <row r="94" spans="1:4" ht="18" customHeight="1" x14ac:dyDescent="0.15">
      <c r="A94" s="8">
        <v>73</v>
      </c>
      <c r="B94" s="34">
        <v>29</v>
      </c>
      <c r="C94" s="13">
        <v>29</v>
      </c>
      <c r="D94" s="12">
        <v>58</v>
      </c>
    </row>
    <row r="95" spans="1:4" ht="18" customHeight="1" x14ac:dyDescent="0.15">
      <c r="A95" s="8">
        <v>74</v>
      </c>
      <c r="B95" s="34">
        <v>23</v>
      </c>
      <c r="C95" s="13">
        <v>28</v>
      </c>
      <c r="D95" s="12">
        <v>51</v>
      </c>
    </row>
    <row r="96" spans="1:4" ht="18" customHeight="1" x14ac:dyDescent="0.15">
      <c r="A96" s="8" t="s">
        <v>41</v>
      </c>
      <c r="B96" s="34">
        <v>122</v>
      </c>
      <c r="C96" s="13">
        <v>137</v>
      </c>
      <c r="D96" s="12">
        <v>259</v>
      </c>
    </row>
    <row r="97" spans="1:4" ht="18" customHeight="1" x14ac:dyDescent="0.15">
      <c r="A97" s="8">
        <v>75</v>
      </c>
      <c r="B97" s="34">
        <v>43</v>
      </c>
      <c r="C97" s="13">
        <v>31</v>
      </c>
      <c r="D97" s="12">
        <v>74</v>
      </c>
    </row>
    <row r="98" spans="1:4" ht="18" customHeight="1" x14ac:dyDescent="0.15">
      <c r="A98" s="8">
        <v>76</v>
      </c>
      <c r="B98" s="34">
        <v>23</v>
      </c>
      <c r="C98" s="13">
        <v>27</v>
      </c>
      <c r="D98" s="12">
        <v>50</v>
      </c>
    </row>
    <row r="99" spans="1:4" ht="18" customHeight="1" x14ac:dyDescent="0.15">
      <c r="A99" s="8">
        <v>77</v>
      </c>
      <c r="B99" s="34">
        <v>8</v>
      </c>
      <c r="C99" s="13">
        <v>12</v>
      </c>
      <c r="D99" s="12">
        <v>20</v>
      </c>
    </row>
    <row r="100" spans="1:4" ht="18" customHeight="1" x14ac:dyDescent="0.15">
      <c r="A100" s="8">
        <v>78</v>
      </c>
      <c r="B100" s="34">
        <v>22</v>
      </c>
      <c r="C100" s="13">
        <v>30</v>
      </c>
      <c r="D100" s="12">
        <v>52</v>
      </c>
    </row>
    <row r="101" spans="1:4" ht="18" customHeight="1" x14ac:dyDescent="0.15">
      <c r="A101" s="8">
        <v>79</v>
      </c>
      <c r="B101" s="34">
        <v>14</v>
      </c>
      <c r="C101" s="13">
        <v>23</v>
      </c>
      <c r="D101" s="12">
        <v>37</v>
      </c>
    </row>
    <row r="102" spans="1:4" ht="18" customHeight="1" x14ac:dyDescent="0.15">
      <c r="A102" s="8" t="s">
        <v>70</v>
      </c>
      <c r="B102" s="34">
        <v>110</v>
      </c>
      <c r="C102" s="13">
        <v>123</v>
      </c>
      <c r="D102" s="12">
        <v>233</v>
      </c>
    </row>
    <row r="103" spans="1:4" ht="18" customHeight="1" x14ac:dyDescent="0.15">
      <c r="A103" s="8">
        <v>80</v>
      </c>
      <c r="B103" s="34">
        <v>14</v>
      </c>
      <c r="C103" s="13">
        <v>25</v>
      </c>
      <c r="D103" s="12">
        <v>39</v>
      </c>
    </row>
    <row r="104" spans="1:4" ht="18" customHeight="1" x14ac:dyDescent="0.15">
      <c r="A104" s="8">
        <v>81</v>
      </c>
      <c r="B104" s="34">
        <v>15</v>
      </c>
      <c r="C104" s="13">
        <v>23</v>
      </c>
      <c r="D104" s="12">
        <v>38</v>
      </c>
    </row>
    <row r="105" spans="1:4" ht="18" customHeight="1" x14ac:dyDescent="0.15">
      <c r="A105" s="8">
        <v>82</v>
      </c>
      <c r="B105" s="34">
        <v>10</v>
      </c>
      <c r="C105" s="13">
        <v>21</v>
      </c>
      <c r="D105" s="12">
        <v>31</v>
      </c>
    </row>
    <row r="106" spans="1:4" ht="18" customHeight="1" x14ac:dyDescent="0.15">
      <c r="A106" s="8">
        <v>83</v>
      </c>
      <c r="B106" s="34">
        <v>10</v>
      </c>
      <c r="C106" s="13">
        <v>12</v>
      </c>
      <c r="D106" s="12">
        <v>22</v>
      </c>
    </row>
    <row r="107" spans="1:4" ht="18" customHeight="1" x14ac:dyDescent="0.15">
      <c r="A107" s="8">
        <v>84</v>
      </c>
      <c r="B107" s="34">
        <v>11</v>
      </c>
      <c r="C107" s="13">
        <v>17</v>
      </c>
      <c r="D107" s="12">
        <v>28</v>
      </c>
    </row>
    <row r="108" spans="1:4" ht="18" customHeight="1" x14ac:dyDescent="0.15">
      <c r="A108" s="8" t="s">
        <v>39</v>
      </c>
      <c r="B108" s="34">
        <v>60</v>
      </c>
      <c r="C108" s="13">
        <v>98</v>
      </c>
      <c r="D108" s="12">
        <v>158</v>
      </c>
    </row>
    <row r="109" spans="1:4" ht="18" customHeight="1" x14ac:dyDescent="0.15">
      <c r="A109" s="8">
        <v>85</v>
      </c>
      <c r="B109" s="34">
        <v>10</v>
      </c>
      <c r="C109" s="13">
        <v>29</v>
      </c>
      <c r="D109" s="12">
        <v>39</v>
      </c>
    </row>
    <row r="110" spans="1:4" ht="18" customHeight="1" x14ac:dyDescent="0.15">
      <c r="A110" s="8">
        <v>86</v>
      </c>
      <c r="B110" s="34">
        <v>15</v>
      </c>
      <c r="C110" s="13">
        <v>19</v>
      </c>
      <c r="D110" s="12">
        <v>34</v>
      </c>
    </row>
    <row r="111" spans="1:4" ht="18" customHeight="1" x14ac:dyDescent="0.15">
      <c r="A111" s="8">
        <v>87</v>
      </c>
      <c r="B111" s="34">
        <v>9</v>
      </c>
      <c r="C111" s="13">
        <v>16</v>
      </c>
      <c r="D111" s="12">
        <v>25</v>
      </c>
    </row>
    <row r="112" spans="1:4" ht="18" customHeight="1" x14ac:dyDescent="0.15">
      <c r="A112" s="8">
        <v>88</v>
      </c>
      <c r="B112" s="34">
        <v>9</v>
      </c>
      <c r="C112" s="13">
        <v>17</v>
      </c>
      <c r="D112" s="12">
        <v>26</v>
      </c>
    </row>
    <row r="113" spans="1:4" ht="18" customHeight="1" x14ac:dyDescent="0.15">
      <c r="A113" s="8">
        <v>89</v>
      </c>
      <c r="B113" s="34">
        <v>11</v>
      </c>
      <c r="C113" s="13">
        <v>16</v>
      </c>
      <c r="D113" s="12">
        <v>27</v>
      </c>
    </row>
    <row r="114" spans="1:4" ht="18" customHeight="1" x14ac:dyDescent="0.15">
      <c r="A114" s="8" t="s">
        <v>38</v>
      </c>
      <c r="B114" s="34">
        <v>54</v>
      </c>
      <c r="C114" s="13">
        <v>97</v>
      </c>
      <c r="D114" s="12">
        <v>151</v>
      </c>
    </row>
    <row r="115" spans="1:4" ht="18" customHeight="1" x14ac:dyDescent="0.15">
      <c r="A115" s="8">
        <v>90</v>
      </c>
      <c r="B115" s="34">
        <v>8</v>
      </c>
      <c r="C115" s="13">
        <v>9</v>
      </c>
      <c r="D115" s="12">
        <v>17</v>
      </c>
    </row>
    <row r="116" spans="1:4" ht="18" customHeight="1" x14ac:dyDescent="0.15">
      <c r="A116" s="8">
        <v>91</v>
      </c>
      <c r="B116" s="34">
        <v>1</v>
      </c>
      <c r="C116" s="13">
        <v>10</v>
      </c>
      <c r="D116" s="12">
        <v>11</v>
      </c>
    </row>
    <row r="117" spans="1:4" ht="18" customHeight="1" x14ac:dyDescent="0.15">
      <c r="A117" s="8">
        <v>92</v>
      </c>
      <c r="B117" s="34">
        <v>7</v>
      </c>
      <c r="C117" s="13">
        <v>8</v>
      </c>
      <c r="D117" s="12">
        <v>15</v>
      </c>
    </row>
    <row r="118" spans="1:4" ht="18" customHeight="1" x14ac:dyDescent="0.15">
      <c r="A118" s="8">
        <v>93</v>
      </c>
      <c r="B118" s="34">
        <v>1</v>
      </c>
      <c r="C118" s="13">
        <v>5</v>
      </c>
      <c r="D118" s="12">
        <v>6</v>
      </c>
    </row>
    <row r="119" spans="1:4" ht="18" customHeight="1" x14ac:dyDescent="0.15">
      <c r="A119" s="8">
        <v>94</v>
      </c>
      <c r="B119" s="34">
        <v>1</v>
      </c>
      <c r="C119" s="13">
        <v>6</v>
      </c>
      <c r="D119" s="12">
        <v>7</v>
      </c>
    </row>
    <row r="120" spans="1:4" ht="18" customHeight="1" x14ac:dyDescent="0.15">
      <c r="A120" s="8" t="s">
        <v>69</v>
      </c>
      <c r="B120" s="34">
        <v>18</v>
      </c>
      <c r="C120" s="13">
        <v>38</v>
      </c>
      <c r="D120" s="12">
        <v>56</v>
      </c>
    </row>
    <row r="121" spans="1:4" ht="18" customHeight="1" x14ac:dyDescent="0.15">
      <c r="A121" s="8">
        <v>95</v>
      </c>
      <c r="B121" s="34">
        <v>0</v>
      </c>
      <c r="C121" s="13">
        <v>5</v>
      </c>
      <c r="D121" s="12">
        <v>5</v>
      </c>
    </row>
    <row r="122" spans="1:4" ht="18" customHeight="1" x14ac:dyDescent="0.15">
      <c r="A122" s="8">
        <v>96</v>
      </c>
      <c r="B122" s="34">
        <v>0</v>
      </c>
      <c r="C122" s="13">
        <v>3</v>
      </c>
      <c r="D122" s="12">
        <v>3</v>
      </c>
    </row>
    <row r="123" spans="1:4" ht="18" customHeight="1" x14ac:dyDescent="0.15">
      <c r="A123" s="8">
        <v>97</v>
      </c>
      <c r="B123" s="34">
        <v>0</v>
      </c>
      <c r="C123" s="13">
        <v>2</v>
      </c>
      <c r="D123" s="12">
        <v>2</v>
      </c>
    </row>
    <row r="124" spans="1:4" ht="18" customHeight="1" x14ac:dyDescent="0.15">
      <c r="A124" s="8">
        <v>98</v>
      </c>
      <c r="B124" s="34">
        <v>0</v>
      </c>
      <c r="C124" s="13">
        <v>4</v>
      </c>
      <c r="D124" s="12">
        <v>4</v>
      </c>
    </row>
    <row r="125" spans="1:4" ht="18" customHeight="1" x14ac:dyDescent="0.15">
      <c r="A125" s="8">
        <v>99</v>
      </c>
      <c r="B125" s="34">
        <v>0</v>
      </c>
      <c r="C125" s="13">
        <v>3</v>
      </c>
      <c r="D125" s="12">
        <v>3</v>
      </c>
    </row>
    <row r="126" spans="1:4" ht="18" customHeight="1" x14ac:dyDescent="0.15">
      <c r="A126" s="8" t="s">
        <v>68</v>
      </c>
      <c r="B126" s="34">
        <v>0</v>
      </c>
      <c r="C126" s="13">
        <v>17</v>
      </c>
      <c r="D126" s="12">
        <v>17</v>
      </c>
    </row>
    <row r="127" spans="1:4" ht="18" customHeight="1" x14ac:dyDescent="0.15">
      <c r="A127" s="8">
        <v>100</v>
      </c>
      <c r="B127" s="34">
        <v>0</v>
      </c>
      <c r="C127" s="13">
        <v>2</v>
      </c>
      <c r="D127" s="12">
        <v>2</v>
      </c>
    </row>
    <row r="128" spans="1:4" ht="18" customHeight="1" x14ac:dyDescent="0.15">
      <c r="A128" s="15" t="s">
        <v>37</v>
      </c>
      <c r="B128" s="34">
        <v>0</v>
      </c>
      <c r="C128" s="13">
        <v>1</v>
      </c>
      <c r="D128" s="12">
        <v>1</v>
      </c>
    </row>
    <row r="129" spans="1:4" ht="18" customHeight="1" x14ac:dyDescent="0.15">
      <c r="A129" s="8" t="s">
        <v>36</v>
      </c>
      <c r="B129" s="34">
        <v>0</v>
      </c>
      <c r="C129" s="13">
        <v>3</v>
      </c>
      <c r="D129" s="12">
        <v>3</v>
      </c>
    </row>
    <row r="130" spans="1:4" ht="18" customHeight="1" x14ac:dyDescent="0.15">
      <c r="A130" s="8" t="s">
        <v>35</v>
      </c>
      <c r="B130" s="28">
        <v>443</v>
      </c>
      <c r="C130" s="6">
        <v>613</v>
      </c>
      <c r="D130" s="5">
        <v>1056</v>
      </c>
    </row>
    <row r="131" spans="1:4" ht="18" customHeight="1" x14ac:dyDescent="0.15">
      <c r="A131" s="4" t="s">
        <v>0</v>
      </c>
      <c r="B131" s="27">
        <v>1215</v>
      </c>
      <c r="C131" s="2">
        <v>1320</v>
      </c>
      <c r="D131" s="1">
        <v>253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7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1</v>
      </c>
      <c r="C5" s="18">
        <v>11</v>
      </c>
      <c r="D5" s="17">
        <v>22</v>
      </c>
    </row>
    <row r="6" spans="1:4" ht="18" customHeight="1" x14ac:dyDescent="0.15">
      <c r="A6" s="16">
        <v>1</v>
      </c>
      <c r="B6" s="29">
        <v>8</v>
      </c>
      <c r="C6" s="10">
        <v>11</v>
      </c>
      <c r="D6" s="9">
        <v>19</v>
      </c>
    </row>
    <row r="7" spans="1:4" ht="18" customHeight="1" x14ac:dyDescent="0.15">
      <c r="A7" s="16">
        <v>2</v>
      </c>
      <c r="B7" s="29">
        <v>9</v>
      </c>
      <c r="C7" s="10">
        <v>8</v>
      </c>
      <c r="D7" s="9">
        <v>17</v>
      </c>
    </row>
    <row r="8" spans="1:4" ht="18" customHeight="1" x14ac:dyDescent="0.15">
      <c r="A8" s="16">
        <v>3</v>
      </c>
      <c r="B8" s="29">
        <v>16</v>
      </c>
      <c r="C8" s="10">
        <v>14</v>
      </c>
      <c r="D8" s="9">
        <v>30</v>
      </c>
    </row>
    <row r="9" spans="1:4" ht="18" customHeight="1" x14ac:dyDescent="0.15">
      <c r="A9" s="16">
        <v>4</v>
      </c>
      <c r="B9" s="29">
        <v>10</v>
      </c>
      <c r="C9" s="10">
        <v>9</v>
      </c>
      <c r="D9" s="9">
        <v>19</v>
      </c>
    </row>
    <row r="10" spans="1:4" ht="18" customHeight="1" x14ac:dyDescent="0.15">
      <c r="A10" s="8" t="s">
        <v>76</v>
      </c>
      <c r="B10" s="29">
        <v>54</v>
      </c>
      <c r="C10" s="10">
        <v>53</v>
      </c>
      <c r="D10" s="9">
        <v>107</v>
      </c>
    </row>
    <row r="11" spans="1:4" ht="18" customHeight="1" x14ac:dyDescent="0.15">
      <c r="A11" s="16">
        <v>5</v>
      </c>
      <c r="B11" s="29">
        <v>11</v>
      </c>
      <c r="C11" s="10">
        <v>11</v>
      </c>
      <c r="D11" s="9">
        <v>22</v>
      </c>
    </row>
    <row r="12" spans="1:4" ht="18" customHeight="1" x14ac:dyDescent="0.15">
      <c r="A12" s="16">
        <v>6</v>
      </c>
      <c r="B12" s="29">
        <v>11</v>
      </c>
      <c r="C12" s="10">
        <v>10</v>
      </c>
      <c r="D12" s="9">
        <v>21</v>
      </c>
    </row>
    <row r="13" spans="1:4" ht="18" customHeight="1" x14ac:dyDescent="0.15">
      <c r="A13" s="16">
        <v>7</v>
      </c>
      <c r="B13" s="29">
        <v>14</v>
      </c>
      <c r="C13" s="10">
        <v>14</v>
      </c>
      <c r="D13" s="9">
        <v>28</v>
      </c>
    </row>
    <row r="14" spans="1:4" ht="18" customHeight="1" x14ac:dyDescent="0.15">
      <c r="A14" s="16">
        <v>8</v>
      </c>
      <c r="B14" s="29">
        <v>9</v>
      </c>
      <c r="C14" s="10">
        <v>11</v>
      </c>
      <c r="D14" s="9">
        <v>20</v>
      </c>
    </row>
    <row r="15" spans="1:4" ht="18" customHeight="1" x14ac:dyDescent="0.15">
      <c r="A15" s="16">
        <v>9</v>
      </c>
      <c r="B15" s="29">
        <v>9</v>
      </c>
      <c r="C15" s="10">
        <v>8</v>
      </c>
      <c r="D15" s="9">
        <v>17</v>
      </c>
    </row>
    <row r="16" spans="1:4" ht="18" customHeight="1" x14ac:dyDescent="0.15">
      <c r="A16" s="8" t="s">
        <v>50</v>
      </c>
      <c r="B16" s="29">
        <v>54</v>
      </c>
      <c r="C16" s="10">
        <v>54</v>
      </c>
      <c r="D16" s="9">
        <v>108</v>
      </c>
    </row>
    <row r="17" spans="1:4" ht="18" customHeight="1" x14ac:dyDescent="0.15">
      <c r="A17" s="16">
        <v>10</v>
      </c>
      <c r="B17" s="29">
        <v>13</v>
      </c>
      <c r="C17" s="10">
        <v>6</v>
      </c>
      <c r="D17" s="9">
        <v>19</v>
      </c>
    </row>
    <row r="18" spans="1:4" ht="18" customHeight="1" x14ac:dyDescent="0.15">
      <c r="A18" s="16">
        <v>11</v>
      </c>
      <c r="B18" s="29">
        <v>11</v>
      </c>
      <c r="C18" s="10">
        <v>11</v>
      </c>
      <c r="D18" s="9">
        <v>22</v>
      </c>
    </row>
    <row r="19" spans="1:4" ht="18" customHeight="1" x14ac:dyDescent="0.15">
      <c r="A19" s="16">
        <v>12</v>
      </c>
      <c r="B19" s="29">
        <v>18</v>
      </c>
      <c r="C19" s="10">
        <v>8</v>
      </c>
      <c r="D19" s="9">
        <v>26</v>
      </c>
    </row>
    <row r="20" spans="1:4" ht="18" customHeight="1" x14ac:dyDescent="0.15">
      <c r="A20" s="16">
        <v>13</v>
      </c>
      <c r="B20" s="29">
        <v>12</v>
      </c>
      <c r="C20" s="10">
        <v>12</v>
      </c>
      <c r="D20" s="9">
        <v>24</v>
      </c>
    </row>
    <row r="21" spans="1:4" ht="18" customHeight="1" x14ac:dyDescent="0.15">
      <c r="A21" s="16">
        <v>14</v>
      </c>
      <c r="B21" s="29">
        <v>11</v>
      </c>
      <c r="C21" s="10">
        <v>13</v>
      </c>
      <c r="D21" s="9">
        <v>24</v>
      </c>
    </row>
    <row r="22" spans="1:4" ht="18" customHeight="1" x14ac:dyDescent="0.15">
      <c r="A22" s="8" t="s">
        <v>75</v>
      </c>
      <c r="B22" s="29">
        <v>65</v>
      </c>
      <c r="C22" s="10">
        <v>50</v>
      </c>
      <c r="D22" s="9">
        <v>115</v>
      </c>
    </row>
    <row r="23" spans="1:4" ht="18" customHeight="1" x14ac:dyDescent="0.15">
      <c r="A23" s="8" t="s">
        <v>65</v>
      </c>
      <c r="B23" s="29">
        <v>173</v>
      </c>
      <c r="C23" s="10">
        <v>157</v>
      </c>
      <c r="D23" s="9">
        <v>330</v>
      </c>
    </row>
    <row r="24" spans="1:4" ht="18" customHeight="1" x14ac:dyDescent="0.15">
      <c r="A24" s="16">
        <v>15</v>
      </c>
      <c r="B24" s="29">
        <v>9</v>
      </c>
      <c r="C24" s="10">
        <v>12</v>
      </c>
      <c r="D24" s="9">
        <v>21</v>
      </c>
    </row>
    <row r="25" spans="1:4" ht="18" customHeight="1" x14ac:dyDescent="0.15">
      <c r="A25" s="16">
        <v>16</v>
      </c>
      <c r="B25" s="29">
        <v>9</v>
      </c>
      <c r="C25" s="10">
        <v>10</v>
      </c>
      <c r="D25" s="9">
        <v>19</v>
      </c>
    </row>
    <row r="26" spans="1:4" ht="18" customHeight="1" x14ac:dyDescent="0.15">
      <c r="A26" s="16">
        <v>17</v>
      </c>
      <c r="B26" s="29">
        <v>10</v>
      </c>
      <c r="C26" s="10">
        <v>12</v>
      </c>
      <c r="D26" s="9">
        <v>22</v>
      </c>
    </row>
    <row r="27" spans="1:4" ht="18" customHeight="1" x14ac:dyDescent="0.15">
      <c r="A27" s="16">
        <v>18</v>
      </c>
      <c r="B27" s="29">
        <v>11</v>
      </c>
      <c r="C27" s="10">
        <v>10</v>
      </c>
      <c r="D27" s="9">
        <v>21</v>
      </c>
    </row>
    <row r="28" spans="1:4" ht="18" customHeight="1" x14ac:dyDescent="0.15">
      <c r="A28" s="16">
        <v>19</v>
      </c>
      <c r="B28" s="29">
        <v>10</v>
      </c>
      <c r="C28" s="10">
        <v>15</v>
      </c>
      <c r="D28" s="9">
        <v>25</v>
      </c>
    </row>
    <row r="29" spans="1:4" ht="18" customHeight="1" x14ac:dyDescent="0.15">
      <c r="A29" s="8" t="s">
        <v>48</v>
      </c>
      <c r="B29" s="29">
        <v>49</v>
      </c>
      <c r="C29" s="10">
        <v>59</v>
      </c>
      <c r="D29" s="9">
        <v>108</v>
      </c>
    </row>
    <row r="30" spans="1:4" ht="18" customHeight="1" x14ac:dyDescent="0.15">
      <c r="A30" s="16">
        <v>20</v>
      </c>
      <c r="B30" s="29">
        <v>11</v>
      </c>
      <c r="C30" s="10">
        <v>8</v>
      </c>
      <c r="D30" s="9">
        <v>19</v>
      </c>
    </row>
    <row r="31" spans="1:4" ht="18" customHeight="1" x14ac:dyDescent="0.15">
      <c r="A31" s="16">
        <v>21</v>
      </c>
      <c r="B31" s="29">
        <v>9</v>
      </c>
      <c r="C31" s="10">
        <v>11</v>
      </c>
      <c r="D31" s="9">
        <v>20</v>
      </c>
    </row>
    <row r="32" spans="1:4" ht="18" customHeight="1" x14ac:dyDescent="0.15">
      <c r="A32" s="16">
        <v>22</v>
      </c>
      <c r="B32" s="29">
        <v>7</v>
      </c>
      <c r="C32" s="10">
        <v>9</v>
      </c>
      <c r="D32" s="9">
        <v>16</v>
      </c>
    </row>
    <row r="33" spans="1:4" ht="18" customHeight="1" x14ac:dyDescent="0.15">
      <c r="A33" s="16">
        <v>23</v>
      </c>
      <c r="B33" s="29">
        <v>12</v>
      </c>
      <c r="C33" s="10">
        <v>6</v>
      </c>
      <c r="D33" s="9">
        <v>18</v>
      </c>
    </row>
    <row r="34" spans="1:4" ht="18" customHeight="1" x14ac:dyDescent="0.15">
      <c r="A34" s="16">
        <v>24</v>
      </c>
      <c r="B34" s="29">
        <v>5</v>
      </c>
      <c r="C34" s="10">
        <v>14</v>
      </c>
      <c r="D34" s="9">
        <v>19</v>
      </c>
    </row>
    <row r="35" spans="1:4" ht="18" customHeight="1" x14ac:dyDescent="0.15">
      <c r="A35" s="8" t="s">
        <v>74</v>
      </c>
      <c r="B35" s="29">
        <v>44</v>
      </c>
      <c r="C35" s="10">
        <v>48</v>
      </c>
      <c r="D35" s="9">
        <v>92</v>
      </c>
    </row>
    <row r="36" spans="1:4" ht="18" customHeight="1" x14ac:dyDescent="0.15">
      <c r="A36" s="16">
        <v>25</v>
      </c>
      <c r="B36" s="29">
        <v>19</v>
      </c>
      <c r="C36" s="10">
        <v>10</v>
      </c>
      <c r="D36" s="9">
        <v>29</v>
      </c>
    </row>
    <row r="37" spans="1:4" ht="18" customHeight="1" x14ac:dyDescent="0.15">
      <c r="A37" s="16">
        <v>26</v>
      </c>
      <c r="B37" s="29">
        <v>15</v>
      </c>
      <c r="C37" s="10">
        <v>5</v>
      </c>
      <c r="D37" s="9">
        <v>20</v>
      </c>
    </row>
    <row r="38" spans="1:4" ht="18" customHeight="1" x14ac:dyDescent="0.15">
      <c r="A38" s="16">
        <v>27</v>
      </c>
      <c r="B38" s="29">
        <v>13</v>
      </c>
      <c r="C38" s="10">
        <v>9</v>
      </c>
      <c r="D38" s="9">
        <v>22</v>
      </c>
    </row>
    <row r="39" spans="1:4" ht="18" customHeight="1" x14ac:dyDescent="0.15">
      <c r="A39" s="16">
        <v>28</v>
      </c>
      <c r="B39" s="29">
        <v>13</v>
      </c>
      <c r="C39" s="10">
        <v>13</v>
      </c>
      <c r="D39" s="9">
        <v>26</v>
      </c>
    </row>
    <row r="40" spans="1:4" ht="18" customHeight="1" x14ac:dyDescent="0.15">
      <c r="A40" s="16">
        <v>29</v>
      </c>
      <c r="B40" s="29">
        <v>14</v>
      </c>
      <c r="C40" s="10">
        <v>10</v>
      </c>
      <c r="D40" s="9">
        <v>24</v>
      </c>
    </row>
    <row r="41" spans="1:4" ht="18" customHeight="1" x14ac:dyDescent="0.15">
      <c r="A41" s="8" t="s">
        <v>73</v>
      </c>
      <c r="B41" s="29">
        <v>74</v>
      </c>
      <c r="C41" s="10">
        <v>47</v>
      </c>
      <c r="D41" s="9">
        <v>121</v>
      </c>
    </row>
    <row r="42" spans="1:4" ht="18" customHeight="1" x14ac:dyDescent="0.15">
      <c r="A42" s="16">
        <v>30</v>
      </c>
      <c r="B42" s="29">
        <v>20</v>
      </c>
      <c r="C42" s="10">
        <v>18</v>
      </c>
      <c r="D42" s="9">
        <v>38</v>
      </c>
    </row>
    <row r="43" spans="1:4" ht="18" customHeight="1" x14ac:dyDescent="0.15">
      <c r="A43" s="16">
        <v>31</v>
      </c>
      <c r="B43" s="29">
        <v>11</v>
      </c>
      <c r="C43" s="10">
        <v>16</v>
      </c>
      <c r="D43" s="9">
        <v>27</v>
      </c>
    </row>
    <row r="44" spans="1:4" ht="18" customHeight="1" x14ac:dyDescent="0.15">
      <c r="A44" s="16">
        <v>32</v>
      </c>
      <c r="B44" s="29">
        <v>5</v>
      </c>
      <c r="C44" s="10">
        <v>11</v>
      </c>
      <c r="D44" s="9">
        <v>16</v>
      </c>
    </row>
    <row r="45" spans="1:4" ht="18" customHeight="1" x14ac:dyDescent="0.15">
      <c r="A45" s="16">
        <v>33</v>
      </c>
      <c r="B45" s="29">
        <v>24</v>
      </c>
      <c r="C45" s="10">
        <v>15</v>
      </c>
      <c r="D45" s="9">
        <v>39</v>
      </c>
    </row>
    <row r="46" spans="1:4" ht="18" customHeight="1" x14ac:dyDescent="0.15">
      <c r="A46" s="16">
        <v>34</v>
      </c>
      <c r="B46" s="29">
        <v>18</v>
      </c>
      <c r="C46" s="10">
        <v>15</v>
      </c>
      <c r="D46" s="9">
        <v>33</v>
      </c>
    </row>
    <row r="47" spans="1:4" ht="18" customHeight="1" x14ac:dyDescent="0.15">
      <c r="A47" s="8" t="s">
        <v>61</v>
      </c>
      <c r="B47" s="29">
        <v>78</v>
      </c>
      <c r="C47" s="10">
        <v>75</v>
      </c>
      <c r="D47" s="9">
        <v>153</v>
      </c>
    </row>
    <row r="48" spans="1:4" ht="18" customHeight="1" x14ac:dyDescent="0.15">
      <c r="A48" s="16">
        <v>35</v>
      </c>
      <c r="B48" s="29">
        <v>17</v>
      </c>
      <c r="C48" s="10">
        <v>14</v>
      </c>
      <c r="D48" s="9">
        <v>31</v>
      </c>
    </row>
    <row r="49" spans="1:4" ht="18" customHeight="1" x14ac:dyDescent="0.15">
      <c r="A49" s="16">
        <v>36</v>
      </c>
      <c r="B49" s="29">
        <v>18</v>
      </c>
      <c r="C49" s="10">
        <v>23</v>
      </c>
      <c r="D49" s="9">
        <v>41</v>
      </c>
    </row>
    <row r="50" spans="1:4" ht="18" customHeight="1" x14ac:dyDescent="0.15">
      <c r="A50" s="16">
        <v>37</v>
      </c>
      <c r="B50" s="29">
        <v>14</v>
      </c>
      <c r="C50" s="10">
        <v>16</v>
      </c>
      <c r="D50" s="9">
        <v>30</v>
      </c>
    </row>
    <row r="51" spans="1:4" ht="18" customHeight="1" x14ac:dyDescent="0.15">
      <c r="A51" s="16">
        <v>38</v>
      </c>
      <c r="B51" s="29">
        <v>20</v>
      </c>
      <c r="C51" s="10">
        <v>15</v>
      </c>
      <c r="D51" s="9">
        <v>35</v>
      </c>
    </row>
    <row r="52" spans="1:4" ht="18" customHeight="1" x14ac:dyDescent="0.15">
      <c r="A52" s="16">
        <v>39</v>
      </c>
      <c r="B52" s="29">
        <v>21</v>
      </c>
      <c r="C52" s="10">
        <v>22</v>
      </c>
      <c r="D52" s="9">
        <v>43</v>
      </c>
    </row>
    <row r="53" spans="1:4" ht="18" customHeight="1" x14ac:dyDescent="0.15">
      <c r="A53" s="8" t="s">
        <v>72</v>
      </c>
      <c r="B53" s="29">
        <v>90</v>
      </c>
      <c r="C53" s="10">
        <v>90</v>
      </c>
      <c r="D53" s="9">
        <v>180</v>
      </c>
    </row>
    <row r="54" spans="1:4" ht="18" customHeight="1" x14ac:dyDescent="0.15">
      <c r="A54" s="16">
        <v>40</v>
      </c>
      <c r="B54" s="29">
        <v>26</v>
      </c>
      <c r="C54" s="10">
        <v>20</v>
      </c>
      <c r="D54" s="9">
        <v>46</v>
      </c>
    </row>
    <row r="55" spans="1:4" ht="18" customHeight="1" x14ac:dyDescent="0.15">
      <c r="A55" s="16">
        <v>41</v>
      </c>
      <c r="B55" s="29">
        <v>21</v>
      </c>
      <c r="C55" s="10">
        <v>22</v>
      </c>
      <c r="D55" s="9">
        <v>43</v>
      </c>
    </row>
    <row r="56" spans="1:4" ht="18" customHeight="1" x14ac:dyDescent="0.15">
      <c r="A56" s="16">
        <v>42</v>
      </c>
      <c r="B56" s="29">
        <v>19</v>
      </c>
      <c r="C56" s="10">
        <v>16</v>
      </c>
      <c r="D56" s="9">
        <v>35</v>
      </c>
    </row>
    <row r="57" spans="1:4" ht="18" customHeight="1" x14ac:dyDescent="0.15">
      <c r="A57" s="16">
        <v>43</v>
      </c>
      <c r="B57" s="29">
        <v>22</v>
      </c>
      <c r="C57" s="10">
        <v>23</v>
      </c>
      <c r="D57" s="9">
        <v>45</v>
      </c>
    </row>
    <row r="58" spans="1:4" ht="18" customHeight="1" x14ac:dyDescent="0.15">
      <c r="A58" s="16">
        <v>44</v>
      </c>
      <c r="B58" s="29">
        <v>23</v>
      </c>
      <c r="C58" s="10">
        <v>15</v>
      </c>
      <c r="D58" s="9">
        <v>38</v>
      </c>
    </row>
    <row r="59" spans="1:4" ht="18" customHeight="1" x14ac:dyDescent="0.15">
      <c r="A59" s="8" t="s">
        <v>46</v>
      </c>
      <c r="B59" s="29">
        <v>111</v>
      </c>
      <c r="C59" s="10">
        <v>96</v>
      </c>
      <c r="D59" s="9">
        <v>207</v>
      </c>
    </row>
    <row r="60" spans="1:4" ht="18" customHeight="1" x14ac:dyDescent="0.15">
      <c r="A60" s="16">
        <v>45</v>
      </c>
      <c r="B60" s="29">
        <v>15</v>
      </c>
      <c r="C60" s="10">
        <v>28</v>
      </c>
      <c r="D60" s="9">
        <v>43</v>
      </c>
    </row>
    <row r="61" spans="1:4" ht="18" customHeight="1" x14ac:dyDescent="0.15">
      <c r="A61" s="16">
        <v>46</v>
      </c>
      <c r="B61" s="29">
        <v>32</v>
      </c>
      <c r="C61" s="10">
        <v>31</v>
      </c>
      <c r="D61" s="9">
        <v>63</v>
      </c>
    </row>
    <row r="62" spans="1:4" ht="18" customHeight="1" x14ac:dyDescent="0.15">
      <c r="A62" s="16">
        <v>47</v>
      </c>
      <c r="B62" s="29">
        <v>23</v>
      </c>
      <c r="C62" s="10">
        <v>26</v>
      </c>
      <c r="D62" s="9">
        <v>49</v>
      </c>
    </row>
    <row r="63" spans="1:4" ht="18" customHeight="1" x14ac:dyDescent="0.15">
      <c r="A63" s="16">
        <v>48</v>
      </c>
      <c r="B63" s="29">
        <v>21</v>
      </c>
      <c r="C63" s="10">
        <v>31</v>
      </c>
      <c r="D63" s="9">
        <v>52</v>
      </c>
    </row>
    <row r="64" spans="1:4" ht="18" customHeight="1" x14ac:dyDescent="0.15">
      <c r="A64" s="16">
        <v>49</v>
      </c>
      <c r="B64" s="29">
        <v>29</v>
      </c>
      <c r="C64" s="10">
        <v>33</v>
      </c>
      <c r="D64" s="9">
        <v>62</v>
      </c>
    </row>
    <row r="65" spans="1:4" ht="18" customHeight="1" x14ac:dyDescent="0.15">
      <c r="A65" s="8" t="s">
        <v>45</v>
      </c>
      <c r="B65" s="29">
        <v>120</v>
      </c>
      <c r="C65" s="10">
        <v>149</v>
      </c>
      <c r="D65" s="9">
        <v>269</v>
      </c>
    </row>
    <row r="66" spans="1:4" ht="18" customHeight="1" x14ac:dyDescent="0.15">
      <c r="A66" s="16">
        <v>50</v>
      </c>
      <c r="B66" s="29">
        <v>31</v>
      </c>
      <c r="C66" s="10">
        <v>34</v>
      </c>
      <c r="D66" s="9">
        <v>65</v>
      </c>
    </row>
    <row r="67" spans="1:4" ht="18" customHeight="1" x14ac:dyDescent="0.15">
      <c r="A67" s="16">
        <v>51</v>
      </c>
      <c r="B67" s="29">
        <v>16</v>
      </c>
      <c r="C67" s="10">
        <v>28</v>
      </c>
      <c r="D67" s="9">
        <v>44</v>
      </c>
    </row>
    <row r="68" spans="1:4" ht="18" customHeight="1" x14ac:dyDescent="0.15">
      <c r="A68" s="16">
        <v>52</v>
      </c>
      <c r="B68" s="29">
        <v>18</v>
      </c>
      <c r="C68" s="10">
        <v>24</v>
      </c>
      <c r="D68" s="9">
        <v>42</v>
      </c>
    </row>
    <row r="69" spans="1:4" ht="18" customHeight="1" x14ac:dyDescent="0.15">
      <c r="A69" s="16">
        <v>53</v>
      </c>
      <c r="B69" s="29">
        <v>31</v>
      </c>
      <c r="C69" s="10">
        <v>23</v>
      </c>
      <c r="D69" s="9">
        <v>54</v>
      </c>
    </row>
    <row r="70" spans="1:4" ht="18" customHeight="1" x14ac:dyDescent="0.15">
      <c r="A70" s="16">
        <v>54</v>
      </c>
      <c r="B70" s="29">
        <v>25</v>
      </c>
      <c r="C70" s="10">
        <v>27</v>
      </c>
      <c r="D70" s="9">
        <v>52</v>
      </c>
    </row>
    <row r="71" spans="1:4" ht="18" customHeight="1" x14ac:dyDescent="0.15">
      <c r="A71" s="8" t="s">
        <v>58</v>
      </c>
      <c r="B71" s="29">
        <v>121</v>
      </c>
      <c r="C71" s="10">
        <v>136</v>
      </c>
      <c r="D71" s="9">
        <v>257</v>
      </c>
    </row>
    <row r="72" spans="1:4" ht="18" customHeight="1" x14ac:dyDescent="0.15">
      <c r="A72" s="16">
        <v>55</v>
      </c>
      <c r="B72" s="29">
        <v>32</v>
      </c>
      <c r="C72" s="10">
        <v>27</v>
      </c>
      <c r="D72" s="9">
        <v>59</v>
      </c>
    </row>
    <row r="73" spans="1:4" ht="18" customHeight="1" x14ac:dyDescent="0.15">
      <c r="A73" s="16">
        <v>56</v>
      </c>
      <c r="B73" s="29">
        <v>21</v>
      </c>
      <c r="C73" s="10">
        <v>29</v>
      </c>
      <c r="D73" s="9">
        <v>50</v>
      </c>
    </row>
    <row r="74" spans="1:4" ht="18" customHeight="1" x14ac:dyDescent="0.15">
      <c r="A74" s="16">
        <v>57</v>
      </c>
      <c r="B74" s="29">
        <v>29</v>
      </c>
      <c r="C74" s="10">
        <v>32</v>
      </c>
      <c r="D74" s="9">
        <v>61</v>
      </c>
    </row>
    <row r="75" spans="1:4" ht="18" customHeight="1" x14ac:dyDescent="0.15">
      <c r="A75" s="16">
        <v>58</v>
      </c>
      <c r="B75" s="29">
        <v>31</v>
      </c>
      <c r="C75" s="10">
        <v>24</v>
      </c>
      <c r="D75" s="9">
        <v>55</v>
      </c>
    </row>
    <row r="76" spans="1:4" ht="18" customHeight="1" x14ac:dyDescent="0.15">
      <c r="A76" s="16">
        <v>59</v>
      </c>
      <c r="B76" s="29">
        <v>33</v>
      </c>
      <c r="C76" s="10">
        <v>35</v>
      </c>
      <c r="D76" s="9">
        <v>68</v>
      </c>
    </row>
    <row r="77" spans="1:4" ht="18" customHeight="1" x14ac:dyDescent="0.15">
      <c r="A77" s="8" t="s">
        <v>71</v>
      </c>
      <c r="B77" s="29">
        <v>146</v>
      </c>
      <c r="C77" s="10">
        <v>147</v>
      </c>
      <c r="D77" s="9">
        <v>293</v>
      </c>
    </row>
    <row r="78" spans="1:4" ht="18" customHeight="1" x14ac:dyDescent="0.15">
      <c r="A78" s="16">
        <v>60</v>
      </c>
      <c r="B78" s="29">
        <v>7</v>
      </c>
      <c r="C78" s="10">
        <v>26</v>
      </c>
      <c r="D78" s="9">
        <v>33</v>
      </c>
    </row>
    <row r="79" spans="1:4" ht="18" customHeight="1" x14ac:dyDescent="0.15">
      <c r="A79" s="16">
        <v>61</v>
      </c>
      <c r="B79" s="29">
        <v>28</v>
      </c>
      <c r="C79" s="10">
        <v>23</v>
      </c>
      <c r="D79" s="9">
        <v>51</v>
      </c>
    </row>
    <row r="80" spans="1:4" ht="18" customHeight="1" x14ac:dyDescent="0.15">
      <c r="A80" s="16">
        <v>62</v>
      </c>
      <c r="B80" s="29">
        <v>14</v>
      </c>
      <c r="C80" s="10">
        <v>26</v>
      </c>
      <c r="D80" s="9">
        <v>40</v>
      </c>
    </row>
    <row r="81" spans="1:4" ht="18" customHeight="1" x14ac:dyDescent="0.15">
      <c r="A81" s="16">
        <v>63</v>
      </c>
      <c r="B81" s="29">
        <v>24</v>
      </c>
      <c r="C81" s="10">
        <v>26</v>
      </c>
      <c r="D81" s="9">
        <v>50</v>
      </c>
    </row>
    <row r="82" spans="1:4" ht="18" customHeight="1" x14ac:dyDescent="0.15">
      <c r="A82" s="16">
        <v>64</v>
      </c>
      <c r="B82" s="29">
        <v>22</v>
      </c>
      <c r="C82" s="10">
        <v>30</v>
      </c>
      <c r="D82" s="9">
        <v>52</v>
      </c>
    </row>
    <row r="83" spans="1:4" ht="18" customHeight="1" x14ac:dyDescent="0.15">
      <c r="A83" s="8" t="s">
        <v>44</v>
      </c>
      <c r="B83" s="29">
        <v>95</v>
      </c>
      <c r="C83" s="10">
        <v>131</v>
      </c>
      <c r="D83" s="9">
        <v>226</v>
      </c>
    </row>
    <row r="84" spans="1:4" ht="18" customHeight="1" x14ac:dyDescent="0.15">
      <c r="A84" s="8" t="s">
        <v>43</v>
      </c>
      <c r="B84" s="29">
        <v>928</v>
      </c>
      <c r="C84" s="10">
        <v>978</v>
      </c>
      <c r="D84" s="9">
        <v>1906</v>
      </c>
    </row>
    <row r="85" spans="1:4" ht="18" customHeight="1" x14ac:dyDescent="0.15">
      <c r="A85" s="16">
        <v>65</v>
      </c>
      <c r="B85" s="29">
        <v>23</v>
      </c>
      <c r="C85" s="10">
        <v>27</v>
      </c>
      <c r="D85" s="9">
        <v>50</v>
      </c>
    </row>
    <row r="86" spans="1:4" ht="18" customHeight="1" x14ac:dyDescent="0.15">
      <c r="A86" s="16">
        <v>66</v>
      </c>
      <c r="B86" s="29">
        <v>22</v>
      </c>
      <c r="C86" s="10">
        <v>21</v>
      </c>
      <c r="D86" s="9">
        <v>43</v>
      </c>
    </row>
    <row r="87" spans="1:4" ht="18" customHeight="1" x14ac:dyDescent="0.15">
      <c r="A87" s="16">
        <v>67</v>
      </c>
      <c r="B87" s="29">
        <v>35</v>
      </c>
      <c r="C87" s="10">
        <v>19</v>
      </c>
      <c r="D87" s="9">
        <v>54</v>
      </c>
    </row>
    <row r="88" spans="1:4" ht="18" customHeight="1" x14ac:dyDescent="0.15">
      <c r="A88" s="16">
        <v>68</v>
      </c>
      <c r="B88" s="29">
        <v>19</v>
      </c>
      <c r="C88" s="10">
        <v>24</v>
      </c>
      <c r="D88" s="9">
        <v>43</v>
      </c>
    </row>
    <row r="89" spans="1:4" ht="18" customHeight="1" x14ac:dyDescent="0.15">
      <c r="A89" s="16">
        <v>69</v>
      </c>
      <c r="B89" s="29">
        <v>20</v>
      </c>
      <c r="C89" s="10">
        <v>31</v>
      </c>
      <c r="D89" s="9">
        <v>51</v>
      </c>
    </row>
    <row r="90" spans="1:4" ht="18" customHeight="1" x14ac:dyDescent="0.15">
      <c r="A90" s="8" t="s">
        <v>42</v>
      </c>
      <c r="B90" s="29">
        <v>119</v>
      </c>
      <c r="C90" s="10">
        <v>122</v>
      </c>
      <c r="D90" s="9">
        <v>241</v>
      </c>
    </row>
    <row r="91" spans="1:4" ht="18" customHeight="1" x14ac:dyDescent="0.15">
      <c r="A91" s="16">
        <v>70</v>
      </c>
      <c r="B91" s="29">
        <v>21</v>
      </c>
      <c r="C91" s="10">
        <v>22</v>
      </c>
      <c r="D91" s="9">
        <v>43</v>
      </c>
    </row>
    <row r="92" spans="1:4" ht="18" customHeight="1" x14ac:dyDescent="0.15">
      <c r="A92" s="16">
        <v>71</v>
      </c>
      <c r="B92" s="29">
        <v>26</v>
      </c>
      <c r="C92" s="10">
        <v>26</v>
      </c>
      <c r="D92" s="9">
        <v>52</v>
      </c>
    </row>
    <row r="93" spans="1:4" ht="18" customHeight="1" x14ac:dyDescent="0.15">
      <c r="A93" s="16">
        <v>72</v>
      </c>
      <c r="B93" s="29">
        <v>30</v>
      </c>
      <c r="C93" s="10">
        <v>34</v>
      </c>
      <c r="D93" s="9">
        <v>64</v>
      </c>
    </row>
    <row r="94" spans="1:4" ht="18" customHeight="1" x14ac:dyDescent="0.15">
      <c r="A94" s="16">
        <v>73</v>
      </c>
      <c r="B94" s="29">
        <v>23</v>
      </c>
      <c r="C94" s="10">
        <v>28</v>
      </c>
      <c r="D94" s="9">
        <v>51</v>
      </c>
    </row>
    <row r="95" spans="1:4" ht="18" customHeight="1" x14ac:dyDescent="0.15">
      <c r="A95" s="16">
        <v>74</v>
      </c>
      <c r="B95" s="29">
        <v>34</v>
      </c>
      <c r="C95" s="10">
        <v>35</v>
      </c>
      <c r="D95" s="9">
        <v>69</v>
      </c>
    </row>
    <row r="96" spans="1:4" ht="18" customHeight="1" x14ac:dyDescent="0.15">
      <c r="A96" s="8" t="s">
        <v>41</v>
      </c>
      <c r="B96" s="29">
        <v>134</v>
      </c>
      <c r="C96" s="10">
        <v>145</v>
      </c>
      <c r="D96" s="9">
        <v>279</v>
      </c>
    </row>
    <row r="97" spans="1:4" ht="18" customHeight="1" x14ac:dyDescent="0.15">
      <c r="A97" s="16">
        <v>75</v>
      </c>
      <c r="B97" s="29">
        <v>26</v>
      </c>
      <c r="C97" s="10">
        <v>31</v>
      </c>
      <c r="D97" s="9">
        <v>57</v>
      </c>
    </row>
    <row r="98" spans="1:4" ht="18" customHeight="1" x14ac:dyDescent="0.15">
      <c r="A98" s="16">
        <v>76</v>
      </c>
      <c r="B98" s="29">
        <v>12</v>
      </c>
      <c r="C98" s="10">
        <v>29</v>
      </c>
      <c r="D98" s="9">
        <v>41</v>
      </c>
    </row>
    <row r="99" spans="1:4" ht="18" customHeight="1" x14ac:dyDescent="0.15">
      <c r="A99" s="16">
        <v>77</v>
      </c>
      <c r="B99" s="29">
        <v>13</v>
      </c>
      <c r="C99" s="10">
        <v>20</v>
      </c>
      <c r="D99" s="9">
        <v>33</v>
      </c>
    </row>
    <row r="100" spans="1:4" ht="18" customHeight="1" x14ac:dyDescent="0.15">
      <c r="A100" s="16">
        <v>78</v>
      </c>
      <c r="B100" s="29">
        <v>15</v>
      </c>
      <c r="C100" s="10">
        <v>18</v>
      </c>
      <c r="D100" s="9">
        <v>33</v>
      </c>
    </row>
    <row r="101" spans="1:4" ht="18" customHeight="1" x14ac:dyDescent="0.15">
      <c r="A101" s="16">
        <v>79</v>
      </c>
      <c r="B101" s="29">
        <v>21</v>
      </c>
      <c r="C101" s="10">
        <v>20</v>
      </c>
      <c r="D101" s="9">
        <v>41</v>
      </c>
    </row>
    <row r="102" spans="1:4" ht="18" customHeight="1" x14ac:dyDescent="0.15">
      <c r="A102" s="8" t="s">
        <v>70</v>
      </c>
      <c r="B102" s="29">
        <v>87</v>
      </c>
      <c r="C102" s="10">
        <v>118</v>
      </c>
      <c r="D102" s="9">
        <v>205</v>
      </c>
    </row>
    <row r="103" spans="1:4" ht="18" customHeight="1" x14ac:dyDescent="0.15">
      <c r="A103" s="16">
        <v>80</v>
      </c>
      <c r="B103" s="29">
        <v>18</v>
      </c>
      <c r="C103" s="10">
        <v>29</v>
      </c>
      <c r="D103" s="9">
        <v>47</v>
      </c>
    </row>
    <row r="104" spans="1:4" ht="18" customHeight="1" x14ac:dyDescent="0.15">
      <c r="A104" s="16">
        <v>81</v>
      </c>
      <c r="B104" s="29">
        <v>22</v>
      </c>
      <c r="C104" s="10">
        <v>23</v>
      </c>
      <c r="D104" s="9">
        <v>45</v>
      </c>
    </row>
    <row r="105" spans="1:4" ht="18" customHeight="1" x14ac:dyDescent="0.15">
      <c r="A105" s="16">
        <v>82</v>
      </c>
      <c r="B105" s="29">
        <v>10</v>
      </c>
      <c r="C105" s="10">
        <v>33</v>
      </c>
      <c r="D105" s="9">
        <v>43</v>
      </c>
    </row>
    <row r="106" spans="1:4" ht="18" customHeight="1" x14ac:dyDescent="0.15">
      <c r="A106" s="16">
        <v>83</v>
      </c>
      <c r="B106" s="29">
        <v>15</v>
      </c>
      <c r="C106" s="10">
        <v>30</v>
      </c>
      <c r="D106" s="9">
        <v>45</v>
      </c>
    </row>
    <row r="107" spans="1:4" ht="18" customHeight="1" x14ac:dyDescent="0.15">
      <c r="A107" s="16">
        <v>84</v>
      </c>
      <c r="B107" s="29">
        <v>13</v>
      </c>
      <c r="C107" s="10">
        <v>22</v>
      </c>
      <c r="D107" s="9">
        <v>35</v>
      </c>
    </row>
    <row r="108" spans="1:4" ht="18" customHeight="1" x14ac:dyDescent="0.15">
      <c r="A108" s="8" t="s">
        <v>39</v>
      </c>
      <c r="B108" s="29">
        <v>78</v>
      </c>
      <c r="C108" s="10">
        <v>137</v>
      </c>
      <c r="D108" s="9">
        <v>215</v>
      </c>
    </row>
    <row r="109" spans="1:4" ht="18" customHeight="1" x14ac:dyDescent="0.15">
      <c r="A109" s="16">
        <v>85</v>
      </c>
      <c r="B109" s="29">
        <v>11</v>
      </c>
      <c r="C109" s="10">
        <v>23</v>
      </c>
      <c r="D109" s="9">
        <v>34</v>
      </c>
    </row>
    <row r="110" spans="1:4" ht="18" customHeight="1" x14ac:dyDescent="0.15">
      <c r="A110" s="16">
        <v>86</v>
      </c>
      <c r="B110" s="29">
        <v>7</v>
      </c>
      <c r="C110" s="10">
        <v>20</v>
      </c>
      <c r="D110" s="9">
        <v>27</v>
      </c>
    </row>
    <row r="111" spans="1:4" ht="18" customHeight="1" x14ac:dyDescent="0.15">
      <c r="A111" s="16">
        <v>87</v>
      </c>
      <c r="B111" s="29">
        <v>18</v>
      </c>
      <c r="C111" s="10">
        <v>23</v>
      </c>
      <c r="D111" s="9">
        <v>41</v>
      </c>
    </row>
    <row r="112" spans="1:4" ht="18" customHeight="1" x14ac:dyDescent="0.15">
      <c r="A112" s="16">
        <v>88</v>
      </c>
      <c r="B112" s="29">
        <v>8</v>
      </c>
      <c r="C112" s="10">
        <v>25</v>
      </c>
      <c r="D112" s="9">
        <v>33</v>
      </c>
    </row>
    <row r="113" spans="1:4" ht="18" customHeight="1" x14ac:dyDescent="0.15">
      <c r="A113" s="16">
        <v>89</v>
      </c>
      <c r="B113" s="29">
        <v>5</v>
      </c>
      <c r="C113" s="10">
        <v>13</v>
      </c>
      <c r="D113" s="9">
        <v>18</v>
      </c>
    </row>
    <row r="114" spans="1:4" ht="18" customHeight="1" x14ac:dyDescent="0.15">
      <c r="A114" s="8" t="s">
        <v>38</v>
      </c>
      <c r="B114" s="29">
        <v>49</v>
      </c>
      <c r="C114" s="10">
        <v>104</v>
      </c>
      <c r="D114" s="9">
        <v>153</v>
      </c>
    </row>
    <row r="115" spans="1:4" ht="18" customHeight="1" x14ac:dyDescent="0.15">
      <c r="A115" s="16">
        <v>90</v>
      </c>
      <c r="B115" s="29">
        <v>10</v>
      </c>
      <c r="C115" s="10">
        <v>25</v>
      </c>
      <c r="D115" s="9">
        <v>35</v>
      </c>
    </row>
    <row r="116" spans="1:4" ht="18" customHeight="1" x14ac:dyDescent="0.15">
      <c r="A116" s="16">
        <v>91</v>
      </c>
      <c r="B116" s="29">
        <v>4</v>
      </c>
      <c r="C116" s="10">
        <v>12</v>
      </c>
      <c r="D116" s="9">
        <v>16</v>
      </c>
    </row>
    <row r="117" spans="1:4" ht="18" customHeight="1" x14ac:dyDescent="0.15">
      <c r="A117" s="16">
        <v>92</v>
      </c>
      <c r="B117" s="29">
        <v>4</v>
      </c>
      <c r="C117" s="10">
        <v>16</v>
      </c>
      <c r="D117" s="9">
        <v>20</v>
      </c>
    </row>
    <row r="118" spans="1:4" ht="18" customHeight="1" x14ac:dyDescent="0.15">
      <c r="A118" s="16">
        <v>93</v>
      </c>
      <c r="B118" s="29">
        <v>3</v>
      </c>
      <c r="C118" s="10">
        <v>12</v>
      </c>
      <c r="D118" s="9">
        <v>15</v>
      </c>
    </row>
    <row r="119" spans="1:4" ht="18" customHeight="1" x14ac:dyDescent="0.15">
      <c r="A119" s="16">
        <v>94</v>
      </c>
      <c r="B119" s="29">
        <v>3</v>
      </c>
      <c r="C119" s="10">
        <v>10</v>
      </c>
      <c r="D119" s="9">
        <v>13</v>
      </c>
    </row>
    <row r="120" spans="1:4" ht="18" customHeight="1" x14ac:dyDescent="0.15">
      <c r="A120" s="8" t="s">
        <v>69</v>
      </c>
      <c r="B120" s="29">
        <v>24</v>
      </c>
      <c r="C120" s="10">
        <v>75</v>
      </c>
      <c r="D120" s="9">
        <v>99</v>
      </c>
    </row>
    <row r="121" spans="1:4" ht="18" customHeight="1" x14ac:dyDescent="0.15">
      <c r="A121" s="16">
        <v>95</v>
      </c>
      <c r="B121" s="29">
        <v>1</v>
      </c>
      <c r="C121" s="10">
        <v>6</v>
      </c>
      <c r="D121" s="9">
        <v>7</v>
      </c>
    </row>
    <row r="122" spans="1:4" ht="18" customHeight="1" x14ac:dyDescent="0.15">
      <c r="A122" s="16">
        <v>96</v>
      </c>
      <c r="B122" s="29">
        <v>1</v>
      </c>
      <c r="C122" s="10">
        <v>8</v>
      </c>
      <c r="D122" s="9">
        <v>9</v>
      </c>
    </row>
    <row r="123" spans="1:4" ht="18" customHeight="1" x14ac:dyDescent="0.15">
      <c r="A123" s="16">
        <v>97</v>
      </c>
      <c r="B123" s="29">
        <v>1</v>
      </c>
      <c r="C123" s="10">
        <v>1</v>
      </c>
      <c r="D123" s="9">
        <v>2</v>
      </c>
    </row>
    <row r="124" spans="1:4" ht="18" customHeight="1" x14ac:dyDescent="0.15">
      <c r="A124" s="16">
        <v>98</v>
      </c>
      <c r="B124" s="29">
        <v>0</v>
      </c>
      <c r="C124" s="10">
        <v>2</v>
      </c>
      <c r="D124" s="9">
        <v>2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3</v>
      </c>
      <c r="C126" s="10">
        <v>18</v>
      </c>
      <c r="D126" s="9">
        <v>21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0</v>
      </c>
      <c r="C128" s="10">
        <v>2</v>
      </c>
      <c r="D128" s="9">
        <v>2</v>
      </c>
    </row>
    <row r="129" spans="1:4" ht="18" customHeight="1" x14ac:dyDescent="0.15">
      <c r="A129" s="8" t="s">
        <v>36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35</v>
      </c>
      <c r="B130" s="28">
        <v>494</v>
      </c>
      <c r="C130" s="6">
        <v>722</v>
      </c>
      <c r="D130" s="5">
        <v>1216</v>
      </c>
    </row>
    <row r="131" spans="1:4" ht="18" customHeight="1" x14ac:dyDescent="0.15">
      <c r="A131" s="4" t="s">
        <v>0</v>
      </c>
      <c r="B131" s="27">
        <v>1595</v>
      </c>
      <c r="C131" s="2">
        <v>1857</v>
      </c>
      <c r="D131" s="1">
        <v>345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6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2</v>
      </c>
      <c r="C5" s="44">
        <v>0</v>
      </c>
      <c r="D5" s="43">
        <v>2</v>
      </c>
    </row>
    <row r="6" spans="1:4" ht="18" customHeight="1" x14ac:dyDescent="0.15">
      <c r="A6" s="8">
        <v>1</v>
      </c>
      <c r="B6" s="39">
        <v>1</v>
      </c>
      <c r="C6" s="13">
        <v>0</v>
      </c>
      <c r="D6" s="12">
        <v>1</v>
      </c>
    </row>
    <row r="7" spans="1:4" ht="18" customHeight="1" x14ac:dyDescent="0.15">
      <c r="A7" s="8">
        <v>2</v>
      </c>
      <c r="B7" s="39">
        <v>2</v>
      </c>
      <c r="C7" s="13">
        <v>1</v>
      </c>
      <c r="D7" s="12">
        <v>3</v>
      </c>
    </row>
    <row r="8" spans="1:4" ht="18" customHeight="1" x14ac:dyDescent="0.15">
      <c r="A8" s="8">
        <v>3</v>
      </c>
      <c r="B8" s="39">
        <v>0</v>
      </c>
      <c r="C8" s="13">
        <v>1</v>
      </c>
      <c r="D8" s="12">
        <v>1</v>
      </c>
    </row>
    <row r="9" spans="1:4" ht="18" customHeight="1" x14ac:dyDescent="0.15">
      <c r="A9" s="8">
        <v>4</v>
      </c>
      <c r="B9" s="42">
        <v>1</v>
      </c>
      <c r="C9" s="41">
        <v>0</v>
      </c>
      <c r="D9" s="40">
        <v>1</v>
      </c>
    </row>
    <row r="10" spans="1:4" ht="18" customHeight="1" x14ac:dyDescent="0.15">
      <c r="A10" s="8" t="s">
        <v>76</v>
      </c>
      <c r="B10" s="34">
        <v>6</v>
      </c>
      <c r="C10" s="13">
        <v>2</v>
      </c>
      <c r="D10" s="12">
        <v>8</v>
      </c>
    </row>
    <row r="11" spans="1:4" ht="18" customHeight="1" x14ac:dyDescent="0.15">
      <c r="A11" s="8">
        <v>5</v>
      </c>
      <c r="B11" s="39">
        <v>0</v>
      </c>
      <c r="C11" s="13">
        <v>1</v>
      </c>
      <c r="D11" s="12">
        <v>1</v>
      </c>
    </row>
    <row r="12" spans="1:4" ht="18" customHeight="1" x14ac:dyDescent="0.15">
      <c r="A12" s="8">
        <v>6</v>
      </c>
      <c r="B12" s="39">
        <v>0</v>
      </c>
      <c r="C12" s="13">
        <v>2</v>
      </c>
      <c r="D12" s="12">
        <v>2</v>
      </c>
    </row>
    <row r="13" spans="1:4" ht="18" customHeight="1" x14ac:dyDescent="0.15">
      <c r="A13" s="8">
        <v>7</v>
      </c>
      <c r="B13" s="39">
        <v>1</v>
      </c>
      <c r="C13" s="13">
        <v>2</v>
      </c>
      <c r="D13" s="12">
        <v>3</v>
      </c>
    </row>
    <row r="14" spans="1:4" ht="18" customHeight="1" x14ac:dyDescent="0.15">
      <c r="A14" s="8">
        <v>8</v>
      </c>
      <c r="B14" s="39">
        <v>0</v>
      </c>
      <c r="C14" s="13">
        <v>1</v>
      </c>
      <c r="D14" s="12">
        <v>1</v>
      </c>
    </row>
    <row r="15" spans="1:4" ht="18" customHeight="1" x14ac:dyDescent="0.15">
      <c r="A15" s="8">
        <v>9</v>
      </c>
      <c r="B15" s="39">
        <v>1</v>
      </c>
      <c r="C15" s="13">
        <v>1</v>
      </c>
      <c r="D15" s="12">
        <v>2</v>
      </c>
    </row>
    <row r="16" spans="1:4" ht="18" customHeight="1" x14ac:dyDescent="0.15">
      <c r="A16" s="8" t="s">
        <v>50</v>
      </c>
      <c r="B16" s="34">
        <v>2</v>
      </c>
      <c r="C16" s="13">
        <v>7</v>
      </c>
      <c r="D16" s="12">
        <v>9</v>
      </c>
    </row>
    <row r="17" spans="1:4" ht="18" customHeight="1" x14ac:dyDescent="0.15">
      <c r="A17" s="8">
        <v>10</v>
      </c>
      <c r="B17" s="34">
        <v>1</v>
      </c>
      <c r="C17" s="13">
        <v>0</v>
      </c>
      <c r="D17" s="12">
        <v>1</v>
      </c>
    </row>
    <row r="18" spans="1:4" ht="18" customHeight="1" x14ac:dyDescent="0.15">
      <c r="A18" s="8">
        <v>11</v>
      </c>
      <c r="B18" s="34">
        <v>0</v>
      </c>
      <c r="C18" s="13">
        <v>3</v>
      </c>
      <c r="D18" s="12">
        <v>3</v>
      </c>
    </row>
    <row r="19" spans="1:4" ht="18" customHeight="1" x14ac:dyDescent="0.15">
      <c r="A19" s="8">
        <v>12</v>
      </c>
      <c r="B19" s="34">
        <v>2</v>
      </c>
      <c r="C19" s="13">
        <v>1</v>
      </c>
      <c r="D19" s="12">
        <v>3</v>
      </c>
    </row>
    <row r="20" spans="1:4" ht="18" customHeight="1" x14ac:dyDescent="0.15">
      <c r="A20" s="8">
        <v>13</v>
      </c>
      <c r="B20" s="34">
        <v>2</v>
      </c>
      <c r="C20" s="13">
        <v>2</v>
      </c>
      <c r="D20" s="12">
        <v>4</v>
      </c>
    </row>
    <row r="21" spans="1:4" ht="18" customHeight="1" x14ac:dyDescent="0.15">
      <c r="A21" s="8">
        <v>14</v>
      </c>
      <c r="B21" s="34">
        <v>1</v>
      </c>
      <c r="C21" s="13">
        <v>0</v>
      </c>
      <c r="D21" s="12">
        <v>1</v>
      </c>
    </row>
    <row r="22" spans="1:4" ht="18" customHeight="1" x14ac:dyDescent="0.15">
      <c r="A22" s="8" t="s">
        <v>75</v>
      </c>
      <c r="B22" s="34">
        <v>6</v>
      </c>
      <c r="C22" s="13">
        <v>6</v>
      </c>
      <c r="D22" s="12">
        <v>12</v>
      </c>
    </row>
    <row r="23" spans="1:4" ht="18" customHeight="1" x14ac:dyDescent="0.15">
      <c r="A23" s="8" t="s">
        <v>65</v>
      </c>
      <c r="B23" s="34">
        <v>14</v>
      </c>
      <c r="C23" s="13">
        <v>15</v>
      </c>
      <c r="D23" s="12">
        <v>29</v>
      </c>
    </row>
    <row r="24" spans="1:4" ht="18" customHeight="1" x14ac:dyDescent="0.15">
      <c r="A24" s="8">
        <v>15</v>
      </c>
      <c r="B24" s="34">
        <v>0</v>
      </c>
      <c r="C24" s="13">
        <v>5</v>
      </c>
      <c r="D24" s="12">
        <v>5</v>
      </c>
    </row>
    <row r="25" spans="1:4" ht="18" customHeight="1" x14ac:dyDescent="0.15">
      <c r="A25" s="8">
        <v>16</v>
      </c>
      <c r="B25" s="34">
        <v>4</v>
      </c>
      <c r="C25" s="13">
        <v>1</v>
      </c>
      <c r="D25" s="12">
        <v>5</v>
      </c>
    </row>
    <row r="26" spans="1:4" ht="18" customHeight="1" x14ac:dyDescent="0.15">
      <c r="A26" s="8">
        <v>17</v>
      </c>
      <c r="B26" s="34">
        <v>3</v>
      </c>
      <c r="C26" s="13">
        <v>5</v>
      </c>
      <c r="D26" s="12">
        <v>8</v>
      </c>
    </row>
    <row r="27" spans="1:4" ht="18" customHeight="1" x14ac:dyDescent="0.15">
      <c r="A27" s="8">
        <v>18</v>
      </c>
      <c r="B27" s="34">
        <v>3</v>
      </c>
      <c r="C27" s="13">
        <v>2</v>
      </c>
      <c r="D27" s="12">
        <v>5</v>
      </c>
    </row>
    <row r="28" spans="1:4" ht="18" customHeight="1" x14ac:dyDescent="0.15">
      <c r="A28" s="8">
        <v>19</v>
      </c>
      <c r="B28" s="34">
        <v>2</v>
      </c>
      <c r="C28" s="13">
        <v>2</v>
      </c>
      <c r="D28" s="12">
        <v>4</v>
      </c>
    </row>
    <row r="29" spans="1:4" ht="18" customHeight="1" x14ac:dyDescent="0.15">
      <c r="A29" s="8" t="s">
        <v>48</v>
      </c>
      <c r="B29" s="34">
        <v>12</v>
      </c>
      <c r="C29" s="13">
        <v>15</v>
      </c>
      <c r="D29" s="12">
        <v>27</v>
      </c>
    </row>
    <row r="30" spans="1:4" ht="18" customHeight="1" x14ac:dyDescent="0.15">
      <c r="A30" s="8">
        <v>20</v>
      </c>
      <c r="B30" s="34">
        <v>4</v>
      </c>
      <c r="C30" s="13">
        <v>3</v>
      </c>
      <c r="D30" s="12">
        <v>7</v>
      </c>
    </row>
    <row r="31" spans="1:4" ht="18" customHeight="1" x14ac:dyDescent="0.15">
      <c r="A31" s="8">
        <v>21</v>
      </c>
      <c r="B31" s="34">
        <v>7</v>
      </c>
      <c r="C31" s="13">
        <v>2</v>
      </c>
      <c r="D31" s="12">
        <v>9</v>
      </c>
    </row>
    <row r="32" spans="1:4" ht="18" customHeight="1" x14ac:dyDescent="0.15">
      <c r="A32" s="8">
        <v>22</v>
      </c>
      <c r="B32" s="34">
        <v>1</v>
      </c>
      <c r="C32" s="13">
        <v>2</v>
      </c>
      <c r="D32" s="12">
        <v>3</v>
      </c>
    </row>
    <row r="33" spans="1:4" ht="18" customHeight="1" x14ac:dyDescent="0.15">
      <c r="A33" s="8">
        <v>23</v>
      </c>
      <c r="B33" s="34">
        <v>0</v>
      </c>
      <c r="C33" s="13">
        <v>0</v>
      </c>
      <c r="D33" s="12">
        <v>0</v>
      </c>
    </row>
    <row r="34" spans="1:4" ht="18" customHeight="1" x14ac:dyDescent="0.15">
      <c r="A34" s="8">
        <v>24</v>
      </c>
      <c r="B34" s="34">
        <v>2</v>
      </c>
      <c r="C34" s="13">
        <v>4</v>
      </c>
      <c r="D34" s="12">
        <v>6</v>
      </c>
    </row>
    <row r="35" spans="1:4" ht="18" customHeight="1" x14ac:dyDescent="0.15">
      <c r="A35" s="8" t="s">
        <v>74</v>
      </c>
      <c r="B35" s="34">
        <v>14</v>
      </c>
      <c r="C35" s="13">
        <v>11</v>
      </c>
      <c r="D35" s="12">
        <v>25</v>
      </c>
    </row>
    <row r="36" spans="1:4" ht="18" customHeight="1" x14ac:dyDescent="0.15">
      <c r="A36" s="8">
        <v>25</v>
      </c>
      <c r="B36" s="34">
        <v>2</v>
      </c>
      <c r="C36" s="13">
        <v>1</v>
      </c>
      <c r="D36" s="12">
        <v>3</v>
      </c>
    </row>
    <row r="37" spans="1:4" ht="18" customHeight="1" x14ac:dyDescent="0.15">
      <c r="A37" s="8">
        <v>26</v>
      </c>
      <c r="B37" s="34">
        <v>1</v>
      </c>
      <c r="C37" s="13">
        <v>1</v>
      </c>
      <c r="D37" s="12">
        <v>2</v>
      </c>
    </row>
    <row r="38" spans="1:4" ht="18" customHeight="1" x14ac:dyDescent="0.15">
      <c r="A38" s="8">
        <v>27</v>
      </c>
      <c r="B38" s="34">
        <v>4</v>
      </c>
      <c r="C38" s="13">
        <v>1</v>
      </c>
      <c r="D38" s="12">
        <v>5</v>
      </c>
    </row>
    <row r="39" spans="1:4" ht="18" customHeight="1" x14ac:dyDescent="0.15">
      <c r="A39" s="8">
        <v>28</v>
      </c>
      <c r="B39" s="34">
        <v>3</v>
      </c>
      <c r="C39" s="13">
        <v>2</v>
      </c>
      <c r="D39" s="12">
        <v>5</v>
      </c>
    </row>
    <row r="40" spans="1:4" ht="18" customHeight="1" x14ac:dyDescent="0.15">
      <c r="A40" s="8">
        <v>29</v>
      </c>
      <c r="B40" s="34">
        <v>1</v>
      </c>
      <c r="C40" s="13">
        <v>0</v>
      </c>
      <c r="D40" s="12">
        <v>1</v>
      </c>
    </row>
    <row r="41" spans="1:4" ht="18" customHeight="1" x14ac:dyDescent="0.15">
      <c r="A41" s="8" t="s">
        <v>73</v>
      </c>
      <c r="B41" s="34">
        <v>11</v>
      </c>
      <c r="C41" s="13">
        <v>5</v>
      </c>
      <c r="D41" s="12">
        <v>16</v>
      </c>
    </row>
    <row r="42" spans="1:4" ht="18" customHeight="1" x14ac:dyDescent="0.15">
      <c r="A42" s="8">
        <v>30</v>
      </c>
      <c r="B42" s="34">
        <v>6</v>
      </c>
      <c r="C42" s="13">
        <v>3</v>
      </c>
      <c r="D42" s="12">
        <v>9</v>
      </c>
    </row>
    <row r="43" spans="1:4" ht="18" customHeight="1" x14ac:dyDescent="0.15">
      <c r="A43" s="8">
        <v>31</v>
      </c>
      <c r="B43" s="34">
        <v>1</v>
      </c>
      <c r="C43" s="13">
        <v>3</v>
      </c>
      <c r="D43" s="12">
        <v>4</v>
      </c>
    </row>
    <row r="44" spans="1:4" ht="18" customHeight="1" x14ac:dyDescent="0.15">
      <c r="A44" s="8">
        <v>32</v>
      </c>
      <c r="B44" s="34">
        <v>3</v>
      </c>
      <c r="C44" s="13">
        <v>1</v>
      </c>
      <c r="D44" s="12">
        <v>4</v>
      </c>
    </row>
    <row r="45" spans="1:4" ht="18" customHeight="1" x14ac:dyDescent="0.15">
      <c r="A45" s="8">
        <v>33</v>
      </c>
      <c r="B45" s="34">
        <v>2</v>
      </c>
      <c r="C45" s="13">
        <v>6</v>
      </c>
      <c r="D45" s="12">
        <v>8</v>
      </c>
    </row>
    <row r="46" spans="1:4" ht="18" customHeight="1" x14ac:dyDescent="0.15">
      <c r="A46" s="8">
        <v>34</v>
      </c>
      <c r="B46" s="34">
        <v>2</v>
      </c>
      <c r="C46" s="13">
        <v>2</v>
      </c>
      <c r="D46" s="12">
        <v>4</v>
      </c>
    </row>
    <row r="47" spans="1:4" ht="18" customHeight="1" x14ac:dyDescent="0.15">
      <c r="A47" s="8" t="s">
        <v>61</v>
      </c>
      <c r="B47" s="34">
        <v>14</v>
      </c>
      <c r="C47" s="13">
        <v>15</v>
      </c>
      <c r="D47" s="12">
        <v>29</v>
      </c>
    </row>
    <row r="48" spans="1:4" ht="18" customHeight="1" x14ac:dyDescent="0.15">
      <c r="A48" s="8">
        <v>35</v>
      </c>
      <c r="B48" s="34">
        <v>2</v>
      </c>
      <c r="C48" s="13">
        <v>2</v>
      </c>
      <c r="D48" s="12">
        <v>4</v>
      </c>
    </row>
    <row r="49" spans="1:4" ht="18" customHeight="1" x14ac:dyDescent="0.15">
      <c r="A49" s="8">
        <v>36</v>
      </c>
      <c r="B49" s="34">
        <v>3</v>
      </c>
      <c r="C49" s="13">
        <v>2</v>
      </c>
      <c r="D49" s="12">
        <v>5</v>
      </c>
    </row>
    <row r="50" spans="1:4" ht="18" customHeight="1" x14ac:dyDescent="0.15">
      <c r="A50" s="8">
        <v>37</v>
      </c>
      <c r="B50" s="34">
        <v>2</v>
      </c>
      <c r="C50" s="13">
        <v>3</v>
      </c>
      <c r="D50" s="12">
        <v>5</v>
      </c>
    </row>
    <row r="51" spans="1:4" ht="18" customHeight="1" x14ac:dyDescent="0.15">
      <c r="A51" s="8">
        <v>38</v>
      </c>
      <c r="B51" s="34">
        <v>6</v>
      </c>
      <c r="C51" s="13">
        <v>3</v>
      </c>
      <c r="D51" s="12">
        <v>9</v>
      </c>
    </row>
    <row r="52" spans="1:4" ht="18" customHeight="1" x14ac:dyDescent="0.15">
      <c r="A52" s="8">
        <v>39</v>
      </c>
      <c r="B52" s="34">
        <v>3</v>
      </c>
      <c r="C52" s="13">
        <v>1</v>
      </c>
      <c r="D52" s="12">
        <v>4</v>
      </c>
    </row>
    <row r="53" spans="1:4" ht="18" customHeight="1" x14ac:dyDescent="0.15">
      <c r="A53" s="8" t="s">
        <v>72</v>
      </c>
      <c r="B53" s="34">
        <v>16</v>
      </c>
      <c r="C53" s="13">
        <v>11</v>
      </c>
      <c r="D53" s="12">
        <v>27</v>
      </c>
    </row>
    <row r="54" spans="1:4" ht="18" customHeight="1" x14ac:dyDescent="0.15">
      <c r="A54" s="8">
        <v>40</v>
      </c>
      <c r="B54" s="34">
        <v>4</v>
      </c>
      <c r="C54" s="13">
        <v>4</v>
      </c>
      <c r="D54" s="12">
        <v>8</v>
      </c>
    </row>
    <row r="55" spans="1:4" ht="18" customHeight="1" x14ac:dyDescent="0.15">
      <c r="A55" s="8">
        <v>41</v>
      </c>
      <c r="B55" s="34">
        <v>0</v>
      </c>
      <c r="C55" s="13">
        <v>5</v>
      </c>
      <c r="D55" s="12">
        <v>5</v>
      </c>
    </row>
    <row r="56" spans="1:4" ht="18" customHeight="1" x14ac:dyDescent="0.15">
      <c r="A56" s="8">
        <v>42</v>
      </c>
      <c r="B56" s="34">
        <v>1</v>
      </c>
      <c r="C56" s="13">
        <v>0</v>
      </c>
      <c r="D56" s="12">
        <v>1</v>
      </c>
    </row>
    <row r="57" spans="1:4" ht="18" customHeight="1" x14ac:dyDescent="0.15">
      <c r="A57" s="8">
        <v>43</v>
      </c>
      <c r="B57" s="34">
        <v>3</v>
      </c>
      <c r="C57" s="13">
        <v>3</v>
      </c>
      <c r="D57" s="12">
        <v>6</v>
      </c>
    </row>
    <row r="58" spans="1:4" ht="18" customHeight="1" x14ac:dyDescent="0.15">
      <c r="A58" s="8">
        <v>44</v>
      </c>
      <c r="B58" s="34">
        <v>3</v>
      </c>
      <c r="C58" s="13">
        <v>4</v>
      </c>
      <c r="D58" s="12">
        <v>7</v>
      </c>
    </row>
    <row r="59" spans="1:4" ht="18" customHeight="1" x14ac:dyDescent="0.15">
      <c r="A59" s="8" t="s">
        <v>46</v>
      </c>
      <c r="B59" s="34">
        <v>11</v>
      </c>
      <c r="C59" s="13">
        <v>16</v>
      </c>
      <c r="D59" s="12">
        <v>27</v>
      </c>
    </row>
    <row r="60" spans="1:4" ht="18" customHeight="1" x14ac:dyDescent="0.15">
      <c r="A60" s="8">
        <v>45</v>
      </c>
      <c r="B60" s="34">
        <v>4</v>
      </c>
      <c r="C60" s="13">
        <v>7</v>
      </c>
      <c r="D60" s="12">
        <v>11</v>
      </c>
    </row>
    <row r="61" spans="1:4" ht="18" customHeight="1" x14ac:dyDescent="0.15">
      <c r="A61" s="8">
        <v>46</v>
      </c>
      <c r="B61" s="34">
        <v>2</v>
      </c>
      <c r="C61" s="13">
        <v>0</v>
      </c>
      <c r="D61" s="12">
        <v>2</v>
      </c>
    </row>
    <row r="62" spans="1:4" ht="18" customHeight="1" x14ac:dyDescent="0.15">
      <c r="A62" s="8">
        <v>47</v>
      </c>
      <c r="B62" s="34">
        <v>9</v>
      </c>
      <c r="C62" s="13">
        <v>3</v>
      </c>
      <c r="D62" s="12">
        <v>12</v>
      </c>
    </row>
    <row r="63" spans="1:4" ht="18" customHeight="1" x14ac:dyDescent="0.15">
      <c r="A63" s="8">
        <v>48</v>
      </c>
      <c r="B63" s="34">
        <v>6</v>
      </c>
      <c r="C63" s="13">
        <v>3</v>
      </c>
      <c r="D63" s="12">
        <v>9</v>
      </c>
    </row>
    <row r="64" spans="1:4" ht="18" customHeight="1" x14ac:dyDescent="0.15">
      <c r="A64" s="8">
        <v>49</v>
      </c>
      <c r="B64" s="34">
        <v>6</v>
      </c>
      <c r="C64" s="13">
        <v>6</v>
      </c>
      <c r="D64" s="12">
        <v>12</v>
      </c>
    </row>
    <row r="65" spans="1:4" ht="18" customHeight="1" x14ac:dyDescent="0.15">
      <c r="A65" s="8" t="s">
        <v>45</v>
      </c>
      <c r="B65" s="34">
        <v>27</v>
      </c>
      <c r="C65" s="13">
        <v>19</v>
      </c>
      <c r="D65" s="12">
        <v>46</v>
      </c>
    </row>
    <row r="66" spans="1:4" ht="18" customHeight="1" x14ac:dyDescent="0.15">
      <c r="A66" s="8">
        <v>50</v>
      </c>
      <c r="B66" s="34">
        <v>5</v>
      </c>
      <c r="C66" s="13">
        <v>3</v>
      </c>
      <c r="D66" s="12">
        <v>8</v>
      </c>
    </row>
    <row r="67" spans="1:4" ht="18" customHeight="1" x14ac:dyDescent="0.15">
      <c r="A67" s="8">
        <v>51</v>
      </c>
      <c r="B67" s="34">
        <v>4</v>
      </c>
      <c r="C67" s="13">
        <v>6</v>
      </c>
      <c r="D67" s="12">
        <v>10</v>
      </c>
    </row>
    <row r="68" spans="1:4" ht="18" customHeight="1" x14ac:dyDescent="0.15">
      <c r="A68" s="8">
        <v>52</v>
      </c>
      <c r="B68" s="34">
        <v>4</v>
      </c>
      <c r="C68" s="13">
        <v>5</v>
      </c>
      <c r="D68" s="12">
        <v>9</v>
      </c>
    </row>
    <row r="69" spans="1:4" ht="18" customHeight="1" x14ac:dyDescent="0.15">
      <c r="A69" s="8">
        <v>53</v>
      </c>
      <c r="B69" s="34">
        <v>6</v>
      </c>
      <c r="C69" s="13">
        <v>4</v>
      </c>
      <c r="D69" s="12">
        <v>10</v>
      </c>
    </row>
    <row r="70" spans="1:4" ht="18" customHeight="1" x14ac:dyDescent="0.15">
      <c r="A70" s="8">
        <v>54</v>
      </c>
      <c r="B70" s="34">
        <v>8</v>
      </c>
      <c r="C70" s="13">
        <v>6</v>
      </c>
      <c r="D70" s="12">
        <v>14</v>
      </c>
    </row>
    <row r="71" spans="1:4" ht="18" customHeight="1" x14ac:dyDescent="0.15">
      <c r="A71" s="8" t="s">
        <v>58</v>
      </c>
      <c r="B71" s="34">
        <v>27</v>
      </c>
      <c r="C71" s="13">
        <v>24</v>
      </c>
      <c r="D71" s="12">
        <v>51</v>
      </c>
    </row>
    <row r="72" spans="1:4" ht="18" customHeight="1" x14ac:dyDescent="0.15">
      <c r="A72" s="8">
        <v>55</v>
      </c>
      <c r="B72" s="34">
        <v>3</v>
      </c>
      <c r="C72" s="13">
        <v>2</v>
      </c>
      <c r="D72" s="12">
        <v>5</v>
      </c>
    </row>
    <row r="73" spans="1:4" ht="18" customHeight="1" x14ac:dyDescent="0.15">
      <c r="A73" s="8">
        <v>56</v>
      </c>
      <c r="B73" s="34">
        <v>1</v>
      </c>
      <c r="C73" s="13">
        <v>2</v>
      </c>
      <c r="D73" s="12">
        <v>3</v>
      </c>
    </row>
    <row r="74" spans="1:4" ht="18" customHeight="1" x14ac:dyDescent="0.15">
      <c r="A74" s="8">
        <v>57</v>
      </c>
      <c r="B74" s="34">
        <v>0</v>
      </c>
      <c r="C74" s="13">
        <v>5</v>
      </c>
      <c r="D74" s="12">
        <v>5</v>
      </c>
    </row>
    <row r="75" spans="1:4" ht="18" customHeight="1" x14ac:dyDescent="0.15">
      <c r="A75" s="8">
        <v>58</v>
      </c>
      <c r="B75" s="34">
        <v>1</v>
      </c>
      <c r="C75" s="13">
        <v>5</v>
      </c>
      <c r="D75" s="12">
        <v>6</v>
      </c>
    </row>
    <row r="76" spans="1:4" ht="18" customHeight="1" x14ac:dyDescent="0.15">
      <c r="A76" s="8">
        <v>59</v>
      </c>
      <c r="B76" s="34">
        <v>3</v>
      </c>
      <c r="C76" s="13">
        <v>6</v>
      </c>
      <c r="D76" s="12">
        <v>9</v>
      </c>
    </row>
    <row r="77" spans="1:4" ht="18" customHeight="1" x14ac:dyDescent="0.15">
      <c r="A77" s="8" t="s">
        <v>71</v>
      </c>
      <c r="B77" s="34">
        <v>8</v>
      </c>
      <c r="C77" s="13">
        <v>20</v>
      </c>
      <c r="D77" s="12">
        <v>28</v>
      </c>
    </row>
    <row r="78" spans="1:4" ht="18" customHeight="1" x14ac:dyDescent="0.15">
      <c r="A78" s="8">
        <v>60</v>
      </c>
      <c r="B78" s="34">
        <v>10</v>
      </c>
      <c r="C78" s="13">
        <v>6</v>
      </c>
      <c r="D78" s="12">
        <v>16</v>
      </c>
    </row>
    <row r="79" spans="1:4" ht="18" customHeight="1" x14ac:dyDescent="0.15">
      <c r="A79" s="8">
        <v>61</v>
      </c>
      <c r="B79" s="34">
        <v>4</v>
      </c>
      <c r="C79" s="13">
        <v>5</v>
      </c>
      <c r="D79" s="12">
        <v>9</v>
      </c>
    </row>
    <row r="80" spans="1:4" ht="18" customHeight="1" x14ac:dyDescent="0.15">
      <c r="A80" s="8">
        <v>62</v>
      </c>
      <c r="B80" s="34">
        <v>4</v>
      </c>
      <c r="C80" s="13">
        <v>8</v>
      </c>
      <c r="D80" s="12">
        <v>12</v>
      </c>
    </row>
    <row r="81" spans="1:4" ht="18" customHeight="1" x14ac:dyDescent="0.15">
      <c r="A81" s="8">
        <v>63</v>
      </c>
      <c r="B81" s="34">
        <v>12</v>
      </c>
      <c r="C81" s="13">
        <v>6</v>
      </c>
      <c r="D81" s="12">
        <v>18</v>
      </c>
    </row>
    <row r="82" spans="1:4" ht="18" customHeight="1" x14ac:dyDescent="0.15">
      <c r="A82" s="8">
        <v>64</v>
      </c>
      <c r="B82" s="34">
        <v>7</v>
      </c>
      <c r="C82" s="13">
        <v>12</v>
      </c>
      <c r="D82" s="12">
        <v>19</v>
      </c>
    </row>
    <row r="83" spans="1:4" ht="18" customHeight="1" x14ac:dyDescent="0.15">
      <c r="A83" s="8" t="s">
        <v>44</v>
      </c>
      <c r="B83" s="34">
        <v>37</v>
      </c>
      <c r="C83" s="13">
        <v>37</v>
      </c>
      <c r="D83" s="12">
        <v>74</v>
      </c>
    </row>
    <row r="84" spans="1:4" ht="18" customHeight="1" x14ac:dyDescent="0.15">
      <c r="A84" s="8" t="s">
        <v>43</v>
      </c>
      <c r="B84" s="34">
        <v>177</v>
      </c>
      <c r="C84" s="13">
        <v>173</v>
      </c>
      <c r="D84" s="12">
        <v>350</v>
      </c>
    </row>
    <row r="85" spans="1:4" ht="18" customHeight="1" x14ac:dyDescent="0.15">
      <c r="A85" s="8">
        <v>65</v>
      </c>
      <c r="B85" s="34">
        <v>7</v>
      </c>
      <c r="C85" s="13">
        <v>5</v>
      </c>
      <c r="D85" s="12">
        <v>12</v>
      </c>
    </row>
    <row r="86" spans="1:4" ht="18" customHeight="1" x14ac:dyDescent="0.15">
      <c r="A86" s="8">
        <v>66</v>
      </c>
      <c r="B86" s="34">
        <v>3</v>
      </c>
      <c r="C86" s="13">
        <v>7</v>
      </c>
      <c r="D86" s="12">
        <v>10</v>
      </c>
    </row>
    <row r="87" spans="1:4" ht="18" customHeight="1" x14ac:dyDescent="0.15">
      <c r="A87" s="8">
        <v>67</v>
      </c>
      <c r="B87" s="34">
        <v>6</v>
      </c>
      <c r="C87" s="13">
        <v>6</v>
      </c>
      <c r="D87" s="12">
        <v>12</v>
      </c>
    </row>
    <row r="88" spans="1:4" ht="18" customHeight="1" x14ac:dyDescent="0.15">
      <c r="A88" s="8">
        <v>68</v>
      </c>
      <c r="B88" s="34">
        <v>9</v>
      </c>
      <c r="C88" s="13">
        <v>6</v>
      </c>
      <c r="D88" s="12">
        <v>15</v>
      </c>
    </row>
    <row r="89" spans="1:4" ht="18" customHeight="1" x14ac:dyDescent="0.15">
      <c r="A89" s="8">
        <v>69</v>
      </c>
      <c r="B89" s="34">
        <v>3</v>
      </c>
      <c r="C89" s="13">
        <v>10</v>
      </c>
      <c r="D89" s="12">
        <v>13</v>
      </c>
    </row>
    <row r="90" spans="1:4" ht="18" customHeight="1" x14ac:dyDescent="0.15">
      <c r="A90" s="8" t="s">
        <v>42</v>
      </c>
      <c r="B90" s="34">
        <v>28</v>
      </c>
      <c r="C90" s="13">
        <v>34</v>
      </c>
      <c r="D90" s="12">
        <v>62</v>
      </c>
    </row>
    <row r="91" spans="1:4" ht="18" customHeight="1" x14ac:dyDescent="0.15">
      <c r="A91" s="8">
        <v>70</v>
      </c>
      <c r="B91" s="34">
        <v>5</v>
      </c>
      <c r="C91" s="13">
        <v>6</v>
      </c>
      <c r="D91" s="12">
        <v>11</v>
      </c>
    </row>
    <row r="92" spans="1:4" ht="18" customHeight="1" x14ac:dyDescent="0.15">
      <c r="A92" s="8">
        <v>71</v>
      </c>
      <c r="B92" s="34">
        <v>4</v>
      </c>
      <c r="C92" s="13">
        <v>7</v>
      </c>
      <c r="D92" s="12">
        <v>11</v>
      </c>
    </row>
    <row r="93" spans="1:4" ht="18" customHeight="1" x14ac:dyDescent="0.15">
      <c r="A93" s="8">
        <v>72</v>
      </c>
      <c r="B93" s="34">
        <v>11</v>
      </c>
      <c r="C93" s="13">
        <v>13</v>
      </c>
      <c r="D93" s="12">
        <v>24</v>
      </c>
    </row>
    <row r="94" spans="1:4" ht="18" customHeight="1" x14ac:dyDescent="0.15">
      <c r="A94" s="8">
        <v>73</v>
      </c>
      <c r="B94" s="34">
        <v>7</v>
      </c>
      <c r="C94" s="13">
        <v>10</v>
      </c>
      <c r="D94" s="12">
        <v>17</v>
      </c>
    </row>
    <row r="95" spans="1:4" ht="18" customHeight="1" x14ac:dyDescent="0.15">
      <c r="A95" s="8">
        <v>74</v>
      </c>
      <c r="B95" s="34">
        <v>11</v>
      </c>
      <c r="C95" s="13">
        <v>11</v>
      </c>
      <c r="D95" s="12">
        <v>22</v>
      </c>
    </row>
    <row r="96" spans="1:4" ht="18" customHeight="1" x14ac:dyDescent="0.15">
      <c r="A96" s="8" t="s">
        <v>41</v>
      </c>
      <c r="B96" s="34">
        <v>38</v>
      </c>
      <c r="C96" s="13">
        <v>47</v>
      </c>
      <c r="D96" s="12">
        <v>85</v>
      </c>
    </row>
    <row r="97" spans="1:4" ht="18" customHeight="1" x14ac:dyDescent="0.15">
      <c r="A97" s="8">
        <v>75</v>
      </c>
      <c r="B97" s="34">
        <v>7</v>
      </c>
      <c r="C97" s="13">
        <v>12</v>
      </c>
      <c r="D97" s="12">
        <v>19</v>
      </c>
    </row>
    <row r="98" spans="1:4" ht="18" customHeight="1" x14ac:dyDescent="0.15">
      <c r="A98" s="8">
        <v>76</v>
      </c>
      <c r="B98" s="34">
        <v>13</v>
      </c>
      <c r="C98" s="13">
        <v>14</v>
      </c>
      <c r="D98" s="12">
        <v>27</v>
      </c>
    </row>
    <row r="99" spans="1:4" ht="18" customHeight="1" x14ac:dyDescent="0.15">
      <c r="A99" s="8">
        <v>77</v>
      </c>
      <c r="B99" s="34">
        <v>3</v>
      </c>
      <c r="C99" s="13">
        <v>5</v>
      </c>
      <c r="D99" s="12">
        <v>8</v>
      </c>
    </row>
    <row r="100" spans="1:4" ht="18" customHeight="1" x14ac:dyDescent="0.15">
      <c r="A100" s="8">
        <v>78</v>
      </c>
      <c r="B100" s="34">
        <v>4</v>
      </c>
      <c r="C100" s="13">
        <v>9</v>
      </c>
      <c r="D100" s="12">
        <v>13</v>
      </c>
    </row>
    <row r="101" spans="1:4" ht="18" customHeight="1" x14ac:dyDescent="0.15">
      <c r="A101" s="8">
        <v>79</v>
      </c>
      <c r="B101" s="34">
        <v>7</v>
      </c>
      <c r="C101" s="13">
        <v>9</v>
      </c>
      <c r="D101" s="12">
        <v>16</v>
      </c>
    </row>
    <row r="102" spans="1:4" ht="18" customHeight="1" x14ac:dyDescent="0.15">
      <c r="A102" s="8" t="s">
        <v>70</v>
      </c>
      <c r="B102" s="34">
        <v>34</v>
      </c>
      <c r="C102" s="13">
        <v>49</v>
      </c>
      <c r="D102" s="12">
        <v>83</v>
      </c>
    </row>
    <row r="103" spans="1:4" ht="18" customHeight="1" x14ac:dyDescent="0.15">
      <c r="A103" s="8">
        <v>80</v>
      </c>
      <c r="B103" s="34">
        <v>6</v>
      </c>
      <c r="C103" s="13">
        <v>6</v>
      </c>
      <c r="D103" s="12">
        <v>12</v>
      </c>
    </row>
    <row r="104" spans="1:4" ht="18" customHeight="1" x14ac:dyDescent="0.15">
      <c r="A104" s="8">
        <v>81</v>
      </c>
      <c r="B104" s="34">
        <v>6</v>
      </c>
      <c r="C104" s="13">
        <v>14</v>
      </c>
      <c r="D104" s="12">
        <v>20</v>
      </c>
    </row>
    <row r="105" spans="1:4" ht="18" customHeight="1" x14ac:dyDescent="0.15">
      <c r="A105" s="8">
        <v>82</v>
      </c>
      <c r="B105" s="34">
        <v>10</v>
      </c>
      <c r="C105" s="13">
        <v>8</v>
      </c>
      <c r="D105" s="12">
        <v>18</v>
      </c>
    </row>
    <row r="106" spans="1:4" ht="18" customHeight="1" x14ac:dyDescent="0.15">
      <c r="A106" s="8">
        <v>83</v>
      </c>
      <c r="B106" s="34">
        <v>5</v>
      </c>
      <c r="C106" s="13">
        <v>5</v>
      </c>
      <c r="D106" s="12">
        <v>10</v>
      </c>
    </row>
    <row r="107" spans="1:4" ht="18" customHeight="1" x14ac:dyDescent="0.15">
      <c r="A107" s="8">
        <v>84</v>
      </c>
      <c r="B107" s="34">
        <v>2</v>
      </c>
      <c r="C107" s="13">
        <v>6</v>
      </c>
      <c r="D107" s="12">
        <v>8</v>
      </c>
    </row>
    <row r="108" spans="1:4" ht="18" customHeight="1" x14ac:dyDescent="0.15">
      <c r="A108" s="8" t="s">
        <v>39</v>
      </c>
      <c r="B108" s="34">
        <v>29</v>
      </c>
      <c r="C108" s="13">
        <v>39</v>
      </c>
      <c r="D108" s="12">
        <v>68</v>
      </c>
    </row>
    <row r="109" spans="1:4" ht="18" customHeight="1" x14ac:dyDescent="0.15">
      <c r="A109" s="8">
        <v>85</v>
      </c>
      <c r="B109" s="34">
        <v>6</v>
      </c>
      <c r="C109" s="13">
        <v>9</v>
      </c>
      <c r="D109" s="12">
        <v>15</v>
      </c>
    </row>
    <row r="110" spans="1:4" ht="18" customHeight="1" x14ac:dyDescent="0.15">
      <c r="A110" s="8">
        <v>86</v>
      </c>
      <c r="B110" s="34">
        <v>5</v>
      </c>
      <c r="C110" s="13">
        <v>9</v>
      </c>
      <c r="D110" s="12">
        <v>14</v>
      </c>
    </row>
    <row r="111" spans="1:4" ht="18" customHeight="1" x14ac:dyDescent="0.15">
      <c r="A111" s="8">
        <v>87</v>
      </c>
      <c r="B111" s="34">
        <v>2</v>
      </c>
      <c r="C111" s="13">
        <v>8</v>
      </c>
      <c r="D111" s="12">
        <v>10</v>
      </c>
    </row>
    <row r="112" spans="1:4" ht="18" customHeight="1" x14ac:dyDescent="0.15">
      <c r="A112" s="8">
        <v>88</v>
      </c>
      <c r="B112" s="34">
        <v>8</v>
      </c>
      <c r="C112" s="13">
        <v>10</v>
      </c>
      <c r="D112" s="12">
        <v>18</v>
      </c>
    </row>
    <row r="113" spans="1:4" ht="18" customHeight="1" x14ac:dyDescent="0.15">
      <c r="A113" s="8">
        <v>89</v>
      </c>
      <c r="B113" s="34">
        <v>7</v>
      </c>
      <c r="C113" s="13">
        <v>10</v>
      </c>
      <c r="D113" s="12">
        <v>17</v>
      </c>
    </row>
    <row r="114" spans="1:4" ht="18" customHeight="1" x14ac:dyDescent="0.15">
      <c r="A114" s="8" t="s">
        <v>38</v>
      </c>
      <c r="B114" s="34">
        <v>28</v>
      </c>
      <c r="C114" s="13">
        <v>46</v>
      </c>
      <c r="D114" s="12">
        <v>74</v>
      </c>
    </row>
    <row r="115" spans="1:4" ht="18" customHeight="1" x14ac:dyDescent="0.15">
      <c r="A115" s="8">
        <v>90</v>
      </c>
      <c r="B115" s="34">
        <v>4</v>
      </c>
      <c r="C115" s="13">
        <v>5</v>
      </c>
      <c r="D115" s="12">
        <v>9</v>
      </c>
    </row>
    <row r="116" spans="1:4" ht="18" customHeight="1" x14ac:dyDescent="0.15">
      <c r="A116" s="8">
        <v>91</v>
      </c>
      <c r="B116" s="34">
        <v>3</v>
      </c>
      <c r="C116" s="13">
        <v>9</v>
      </c>
      <c r="D116" s="12">
        <v>12</v>
      </c>
    </row>
    <row r="117" spans="1:4" ht="18" customHeight="1" x14ac:dyDescent="0.15">
      <c r="A117" s="8">
        <v>92</v>
      </c>
      <c r="B117" s="34">
        <v>2</v>
      </c>
      <c r="C117" s="13">
        <v>6</v>
      </c>
      <c r="D117" s="12">
        <v>8</v>
      </c>
    </row>
    <row r="118" spans="1:4" ht="18" customHeight="1" x14ac:dyDescent="0.15">
      <c r="A118" s="8">
        <v>93</v>
      </c>
      <c r="B118" s="34">
        <v>1</v>
      </c>
      <c r="C118" s="13">
        <v>3</v>
      </c>
      <c r="D118" s="12">
        <v>4</v>
      </c>
    </row>
    <row r="119" spans="1:4" ht="18" customHeight="1" x14ac:dyDescent="0.15">
      <c r="A119" s="8">
        <v>94</v>
      </c>
      <c r="B119" s="34">
        <v>1</v>
      </c>
      <c r="C119" s="13">
        <v>2</v>
      </c>
      <c r="D119" s="12">
        <v>3</v>
      </c>
    </row>
    <row r="120" spans="1:4" ht="18" customHeight="1" x14ac:dyDescent="0.15">
      <c r="A120" s="8" t="s">
        <v>69</v>
      </c>
      <c r="B120" s="34">
        <v>11</v>
      </c>
      <c r="C120" s="13">
        <v>25</v>
      </c>
      <c r="D120" s="12">
        <v>36</v>
      </c>
    </row>
    <row r="121" spans="1:4" ht="18" customHeight="1" x14ac:dyDescent="0.15">
      <c r="A121" s="8">
        <v>95</v>
      </c>
      <c r="B121" s="34">
        <v>2</v>
      </c>
      <c r="C121" s="13">
        <v>2</v>
      </c>
      <c r="D121" s="12">
        <v>4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2</v>
      </c>
      <c r="D123" s="12">
        <v>2</v>
      </c>
    </row>
    <row r="124" spans="1:4" ht="18" customHeight="1" x14ac:dyDescent="0.15">
      <c r="A124" s="8">
        <v>98</v>
      </c>
      <c r="B124" s="34">
        <v>0</v>
      </c>
      <c r="C124" s="13">
        <v>2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1</v>
      </c>
      <c r="D125" s="12">
        <v>1</v>
      </c>
    </row>
    <row r="126" spans="1:4" ht="18" customHeight="1" x14ac:dyDescent="0.15">
      <c r="A126" s="8" t="s">
        <v>68</v>
      </c>
      <c r="B126" s="34">
        <v>2</v>
      </c>
      <c r="C126" s="13">
        <v>7</v>
      </c>
      <c r="D126" s="12">
        <v>9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3</v>
      </c>
      <c r="D128" s="12">
        <v>3</v>
      </c>
    </row>
    <row r="129" spans="1:4" ht="18" customHeight="1" x14ac:dyDescent="0.15">
      <c r="A129" s="8" t="s">
        <v>36</v>
      </c>
      <c r="B129" s="34">
        <v>0</v>
      </c>
      <c r="C129" s="13">
        <v>3</v>
      </c>
      <c r="D129" s="12">
        <v>3</v>
      </c>
    </row>
    <row r="130" spans="1:4" ht="18" customHeight="1" x14ac:dyDescent="0.15">
      <c r="A130" s="8" t="s">
        <v>35</v>
      </c>
      <c r="B130" s="28">
        <v>170</v>
      </c>
      <c r="C130" s="6">
        <v>250</v>
      </c>
      <c r="D130" s="5">
        <v>420</v>
      </c>
    </row>
    <row r="131" spans="1:4" ht="18" customHeight="1" x14ac:dyDescent="0.15">
      <c r="A131" s="4" t="s">
        <v>0</v>
      </c>
      <c r="B131" s="27">
        <v>361</v>
      </c>
      <c r="C131" s="2">
        <v>438</v>
      </c>
      <c r="D131" s="1">
        <v>799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7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5</v>
      </c>
      <c r="C5" s="44">
        <v>7</v>
      </c>
      <c r="D5" s="43">
        <v>12</v>
      </c>
    </row>
    <row r="6" spans="1:4" ht="18" customHeight="1" x14ac:dyDescent="0.15">
      <c r="A6" s="8">
        <v>1</v>
      </c>
      <c r="B6" s="39">
        <v>5</v>
      </c>
      <c r="C6" s="13">
        <v>9</v>
      </c>
      <c r="D6" s="12">
        <v>14</v>
      </c>
    </row>
    <row r="7" spans="1:4" ht="18" customHeight="1" x14ac:dyDescent="0.15">
      <c r="A7" s="8">
        <v>2</v>
      </c>
      <c r="B7" s="39">
        <v>6</v>
      </c>
      <c r="C7" s="13">
        <v>10</v>
      </c>
      <c r="D7" s="12">
        <v>16</v>
      </c>
    </row>
    <row r="8" spans="1:4" ht="18" customHeight="1" x14ac:dyDescent="0.15">
      <c r="A8" s="8">
        <v>3</v>
      </c>
      <c r="B8" s="39">
        <v>11</v>
      </c>
      <c r="C8" s="13">
        <v>8</v>
      </c>
      <c r="D8" s="12">
        <v>19</v>
      </c>
    </row>
    <row r="9" spans="1:4" ht="18" customHeight="1" x14ac:dyDescent="0.15">
      <c r="A9" s="8">
        <v>4</v>
      </c>
      <c r="B9" s="42">
        <v>14</v>
      </c>
      <c r="C9" s="41">
        <v>13</v>
      </c>
      <c r="D9" s="40">
        <v>27</v>
      </c>
    </row>
    <row r="10" spans="1:4" ht="18" customHeight="1" x14ac:dyDescent="0.15">
      <c r="A10" s="8" t="s">
        <v>76</v>
      </c>
      <c r="B10" s="34">
        <v>41</v>
      </c>
      <c r="C10" s="13">
        <v>47</v>
      </c>
      <c r="D10" s="12">
        <v>88</v>
      </c>
    </row>
    <row r="11" spans="1:4" ht="18" customHeight="1" x14ac:dyDescent="0.15">
      <c r="A11" s="8">
        <v>5</v>
      </c>
      <c r="B11" s="39">
        <v>13</v>
      </c>
      <c r="C11" s="13">
        <v>20</v>
      </c>
      <c r="D11" s="12">
        <v>33</v>
      </c>
    </row>
    <row r="12" spans="1:4" ht="18" customHeight="1" x14ac:dyDescent="0.15">
      <c r="A12" s="8">
        <v>6</v>
      </c>
      <c r="B12" s="39">
        <v>22</v>
      </c>
      <c r="C12" s="13">
        <v>10</v>
      </c>
      <c r="D12" s="12">
        <v>32</v>
      </c>
    </row>
    <row r="13" spans="1:4" ht="18" customHeight="1" x14ac:dyDescent="0.15">
      <c r="A13" s="8">
        <v>7</v>
      </c>
      <c r="B13" s="39">
        <v>16</v>
      </c>
      <c r="C13" s="13">
        <v>13</v>
      </c>
      <c r="D13" s="12">
        <v>29</v>
      </c>
    </row>
    <row r="14" spans="1:4" ht="18" customHeight="1" x14ac:dyDescent="0.15">
      <c r="A14" s="8">
        <v>8</v>
      </c>
      <c r="B14" s="39">
        <v>20</v>
      </c>
      <c r="C14" s="13">
        <v>16</v>
      </c>
      <c r="D14" s="12">
        <v>36</v>
      </c>
    </row>
    <row r="15" spans="1:4" ht="18" customHeight="1" x14ac:dyDescent="0.15">
      <c r="A15" s="8">
        <v>9</v>
      </c>
      <c r="B15" s="39">
        <v>12</v>
      </c>
      <c r="C15" s="13">
        <v>22</v>
      </c>
      <c r="D15" s="12">
        <v>34</v>
      </c>
    </row>
    <row r="16" spans="1:4" ht="18" customHeight="1" x14ac:dyDescent="0.15">
      <c r="A16" s="8" t="s">
        <v>50</v>
      </c>
      <c r="B16" s="34">
        <v>83</v>
      </c>
      <c r="C16" s="13">
        <v>81</v>
      </c>
      <c r="D16" s="12">
        <v>164</v>
      </c>
    </row>
    <row r="17" spans="1:4" ht="18" customHeight="1" x14ac:dyDescent="0.15">
      <c r="A17" s="8">
        <v>10</v>
      </c>
      <c r="B17" s="34">
        <v>28</v>
      </c>
      <c r="C17" s="13">
        <v>20</v>
      </c>
      <c r="D17" s="12">
        <v>48</v>
      </c>
    </row>
    <row r="18" spans="1:4" ht="18" customHeight="1" x14ac:dyDescent="0.15">
      <c r="A18" s="8">
        <v>11</v>
      </c>
      <c r="B18" s="34">
        <v>24</v>
      </c>
      <c r="C18" s="13">
        <v>11</v>
      </c>
      <c r="D18" s="12">
        <v>35</v>
      </c>
    </row>
    <row r="19" spans="1:4" ht="18" customHeight="1" x14ac:dyDescent="0.15">
      <c r="A19" s="8">
        <v>12</v>
      </c>
      <c r="B19" s="34">
        <v>14</v>
      </c>
      <c r="C19" s="13">
        <v>15</v>
      </c>
      <c r="D19" s="12">
        <v>29</v>
      </c>
    </row>
    <row r="20" spans="1:4" ht="18" customHeight="1" x14ac:dyDescent="0.15">
      <c r="A20" s="8">
        <v>13</v>
      </c>
      <c r="B20" s="34">
        <v>29</v>
      </c>
      <c r="C20" s="13">
        <v>20</v>
      </c>
      <c r="D20" s="12">
        <v>49</v>
      </c>
    </row>
    <row r="21" spans="1:4" ht="18" customHeight="1" x14ac:dyDescent="0.15">
      <c r="A21" s="8">
        <v>14</v>
      </c>
      <c r="B21" s="34">
        <v>31</v>
      </c>
      <c r="C21" s="13">
        <v>26</v>
      </c>
      <c r="D21" s="12">
        <v>57</v>
      </c>
    </row>
    <row r="22" spans="1:4" ht="18" customHeight="1" x14ac:dyDescent="0.15">
      <c r="A22" s="8" t="s">
        <v>75</v>
      </c>
      <c r="B22" s="34">
        <v>126</v>
      </c>
      <c r="C22" s="13">
        <v>92</v>
      </c>
      <c r="D22" s="12">
        <v>218</v>
      </c>
    </row>
    <row r="23" spans="1:4" ht="18" customHeight="1" x14ac:dyDescent="0.15">
      <c r="A23" s="8" t="s">
        <v>271</v>
      </c>
      <c r="B23" s="34">
        <v>250</v>
      </c>
      <c r="C23" s="13">
        <v>220</v>
      </c>
      <c r="D23" s="12">
        <v>470</v>
      </c>
    </row>
    <row r="24" spans="1:4" ht="18" customHeight="1" x14ac:dyDescent="0.15">
      <c r="A24" s="8">
        <v>15</v>
      </c>
      <c r="B24" s="34">
        <v>25</v>
      </c>
      <c r="C24" s="13">
        <v>27</v>
      </c>
      <c r="D24" s="12">
        <v>52</v>
      </c>
    </row>
    <row r="25" spans="1:4" ht="18" customHeight="1" x14ac:dyDescent="0.15">
      <c r="A25" s="8">
        <v>16</v>
      </c>
      <c r="B25" s="34">
        <v>22</v>
      </c>
      <c r="C25" s="13">
        <v>25</v>
      </c>
      <c r="D25" s="12">
        <v>47</v>
      </c>
    </row>
    <row r="26" spans="1:4" ht="18" customHeight="1" x14ac:dyDescent="0.15">
      <c r="A26" s="8">
        <v>17</v>
      </c>
      <c r="B26" s="34">
        <v>19</v>
      </c>
      <c r="C26" s="13">
        <v>27</v>
      </c>
      <c r="D26" s="12">
        <v>46</v>
      </c>
    </row>
    <row r="27" spans="1:4" ht="18" customHeight="1" x14ac:dyDescent="0.15">
      <c r="A27" s="8">
        <v>18</v>
      </c>
      <c r="B27" s="34">
        <v>37</v>
      </c>
      <c r="C27" s="13">
        <v>26</v>
      </c>
      <c r="D27" s="12">
        <v>63</v>
      </c>
    </row>
    <row r="28" spans="1:4" ht="18" customHeight="1" x14ac:dyDescent="0.15">
      <c r="A28" s="8">
        <v>19</v>
      </c>
      <c r="B28" s="34">
        <v>22</v>
      </c>
      <c r="C28" s="13">
        <v>32</v>
      </c>
      <c r="D28" s="12">
        <v>54</v>
      </c>
    </row>
    <row r="29" spans="1:4" ht="18" customHeight="1" x14ac:dyDescent="0.15">
      <c r="A29" s="8" t="s">
        <v>48</v>
      </c>
      <c r="B29" s="34">
        <v>125</v>
      </c>
      <c r="C29" s="13">
        <v>137</v>
      </c>
      <c r="D29" s="12">
        <v>262</v>
      </c>
    </row>
    <row r="30" spans="1:4" ht="18" customHeight="1" x14ac:dyDescent="0.15">
      <c r="A30" s="8">
        <v>20</v>
      </c>
      <c r="B30" s="34">
        <v>28</v>
      </c>
      <c r="C30" s="13">
        <v>27</v>
      </c>
      <c r="D30" s="12">
        <v>55</v>
      </c>
    </row>
    <row r="31" spans="1:4" ht="18" customHeight="1" x14ac:dyDescent="0.15">
      <c r="A31" s="8">
        <v>21</v>
      </c>
      <c r="B31" s="34">
        <v>31</v>
      </c>
      <c r="C31" s="13">
        <v>39</v>
      </c>
      <c r="D31" s="12">
        <v>70</v>
      </c>
    </row>
    <row r="32" spans="1:4" ht="18" customHeight="1" x14ac:dyDescent="0.15">
      <c r="A32" s="8">
        <v>22</v>
      </c>
      <c r="B32" s="34">
        <v>28</v>
      </c>
      <c r="C32" s="13">
        <v>28</v>
      </c>
      <c r="D32" s="12">
        <v>56</v>
      </c>
    </row>
    <row r="33" spans="1:4" ht="18" customHeight="1" x14ac:dyDescent="0.15">
      <c r="A33" s="8">
        <v>23</v>
      </c>
      <c r="B33" s="34">
        <v>27</v>
      </c>
      <c r="C33" s="13">
        <v>16</v>
      </c>
      <c r="D33" s="12">
        <v>43</v>
      </c>
    </row>
    <row r="34" spans="1:4" ht="18" customHeight="1" x14ac:dyDescent="0.15">
      <c r="A34" s="8">
        <v>24</v>
      </c>
      <c r="B34" s="34">
        <v>25</v>
      </c>
      <c r="C34" s="13">
        <v>20</v>
      </c>
      <c r="D34" s="12">
        <v>45</v>
      </c>
    </row>
    <row r="35" spans="1:4" ht="18" customHeight="1" x14ac:dyDescent="0.15">
      <c r="A35" s="8" t="s">
        <v>270</v>
      </c>
      <c r="B35" s="34">
        <v>139</v>
      </c>
      <c r="C35" s="13">
        <v>130</v>
      </c>
      <c r="D35" s="12">
        <v>269</v>
      </c>
    </row>
    <row r="36" spans="1:4" ht="18" customHeight="1" x14ac:dyDescent="0.15">
      <c r="A36" s="8">
        <v>25</v>
      </c>
      <c r="B36" s="34">
        <v>26</v>
      </c>
      <c r="C36" s="13">
        <v>25</v>
      </c>
      <c r="D36" s="12">
        <v>51</v>
      </c>
    </row>
    <row r="37" spans="1:4" ht="18" customHeight="1" x14ac:dyDescent="0.15">
      <c r="A37" s="8">
        <v>26</v>
      </c>
      <c r="B37" s="34">
        <v>25</v>
      </c>
      <c r="C37" s="13">
        <v>19</v>
      </c>
      <c r="D37" s="12">
        <v>44</v>
      </c>
    </row>
    <row r="38" spans="1:4" ht="18" customHeight="1" x14ac:dyDescent="0.15">
      <c r="A38" s="8">
        <v>27</v>
      </c>
      <c r="B38" s="34">
        <v>23</v>
      </c>
      <c r="C38" s="13">
        <v>18</v>
      </c>
      <c r="D38" s="12">
        <v>41</v>
      </c>
    </row>
    <row r="39" spans="1:4" ht="18" customHeight="1" x14ac:dyDescent="0.15">
      <c r="A39" s="8">
        <v>28</v>
      </c>
      <c r="B39" s="34">
        <v>21</v>
      </c>
      <c r="C39" s="13">
        <v>20</v>
      </c>
      <c r="D39" s="12">
        <v>41</v>
      </c>
    </row>
    <row r="40" spans="1:4" ht="18" customHeight="1" x14ac:dyDescent="0.15">
      <c r="A40" s="8">
        <v>29</v>
      </c>
      <c r="B40" s="34">
        <v>20</v>
      </c>
      <c r="C40" s="13">
        <v>16</v>
      </c>
      <c r="D40" s="12">
        <v>36</v>
      </c>
    </row>
    <row r="41" spans="1:4" ht="18" customHeight="1" x14ac:dyDescent="0.15">
      <c r="A41" s="8" t="s">
        <v>73</v>
      </c>
      <c r="B41" s="34">
        <v>115</v>
      </c>
      <c r="C41" s="13">
        <v>98</v>
      </c>
      <c r="D41" s="12">
        <v>213</v>
      </c>
    </row>
    <row r="42" spans="1:4" ht="18" customHeight="1" x14ac:dyDescent="0.15">
      <c r="A42" s="8">
        <v>30</v>
      </c>
      <c r="B42" s="34">
        <v>19</v>
      </c>
      <c r="C42" s="13">
        <v>11</v>
      </c>
      <c r="D42" s="12">
        <v>30</v>
      </c>
    </row>
    <row r="43" spans="1:4" ht="18" customHeight="1" x14ac:dyDescent="0.15">
      <c r="A43" s="8">
        <v>31</v>
      </c>
      <c r="B43" s="34">
        <v>11</v>
      </c>
      <c r="C43" s="13">
        <v>12</v>
      </c>
      <c r="D43" s="12">
        <v>23</v>
      </c>
    </row>
    <row r="44" spans="1:4" ht="18" customHeight="1" x14ac:dyDescent="0.15">
      <c r="A44" s="8">
        <v>32</v>
      </c>
      <c r="B44" s="34">
        <v>8</v>
      </c>
      <c r="C44" s="13">
        <v>11</v>
      </c>
      <c r="D44" s="12">
        <v>19</v>
      </c>
    </row>
    <row r="45" spans="1:4" ht="18" customHeight="1" x14ac:dyDescent="0.15">
      <c r="A45" s="8">
        <v>33</v>
      </c>
      <c r="B45" s="34">
        <v>22</v>
      </c>
      <c r="C45" s="13">
        <v>17</v>
      </c>
      <c r="D45" s="12">
        <v>39</v>
      </c>
    </row>
    <row r="46" spans="1:4" ht="18" customHeight="1" x14ac:dyDescent="0.15">
      <c r="A46" s="8">
        <v>34</v>
      </c>
      <c r="B46" s="34">
        <v>21</v>
      </c>
      <c r="C46" s="13">
        <v>18</v>
      </c>
      <c r="D46" s="12">
        <v>39</v>
      </c>
    </row>
    <row r="47" spans="1:4" ht="18" customHeight="1" x14ac:dyDescent="0.15">
      <c r="A47" s="8" t="s">
        <v>269</v>
      </c>
      <c r="B47" s="34">
        <v>81</v>
      </c>
      <c r="C47" s="13">
        <v>69</v>
      </c>
      <c r="D47" s="12">
        <v>150</v>
      </c>
    </row>
    <row r="48" spans="1:4" ht="18" customHeight="1" x14ac:dyDescent="0.15">
      <c r="A48" s="8">
        <v>35</v>
      </c>
      <c r="B48" s="34">
        <v>18</v>
      </c>
      <c r="C48" s="13">
        <v>12</v>
      </c>
      <c r="D48" s="12">
        <v>30</v>
      </c>
    </row>
    <row r="49" spans="1:4" ht="18" customHeight="1" x14ac:dyDescent="0.15">
      <c r="A49" s="8">
        <v>36</v>
      </c>
      <c r="B49" s="34">
        <v>14</v>
      </c>
      <c r="C49" s="13">
        <v>12</v>
      </c>
      <c r="D49" s="12">
        <v>26</v>
      </c>
    </row>
    <row r="50" spans="1:4" ht="18" customHeight="1" x14ac:dyDescent="0.15">
      <c r="A50" s="8">
        <v>37</v>
      </c>
      <c r="B50" s="34">
        <v>12</v>
      </c>
      <c r="C50" s="13">
        <v>16</v>
      </c>
      <c r="D50" s="12">
        <v>28</v>
      </c>
    </row>
    <row r="51" spans="1:4" ht="18" customHeight="1" x14ac:dyDescent="0.15">
      <c r="A51" s="8">
        <v>38</v>
      </c>
      <c r="B51" s="34">
        <v>22</v>
      </c>
      <c r="C51" s="13">
        <v>15</v>
      </c>
      <c r="D51" s="12">
        <v>37</v>
      </c>
    </row>
    <row r="52" spans="1:4" ht="18" customHeight="1" x14ac:dyDescent="0.15">
      <c r="A52" s="8">
        <v>39</v>
      </c>
      <c r="B52" s="34">
        <v>24</v>
      </c>
      <c r="C52" s="13">
        <v>25</v>
      </c>
      <c r="D52" s="12">
        <v>49</v>
      </c>
    </row>
    <row r="53" spans="1:4" ht="18" customHeight="1" x14ac:dyDescent="0.15">
      <c r="A53" s="8" t="s">
        <v>72</v>
      </c>
      <c r="B53" s="34">
        <v>90</v>
      </c>
      <c r="C53" s="13">
        <v>80</v>
      </c>
      <c r="D53" s="12">
        <v>170</v>
      </c>
    </row>
    <row r="54" spans="1:4" ht="18" customHeight="1" x14ac:dyDescent="0.15">
      <c r="A54" s="8">
        <v>40</v>
      </c>
      <c r="B54" s="34">
        <v>24</v>
      </c>
      <c r="C54" s="13">
        <v>32</v>
      </c>
      <c r="D54" s="12">
        <v>56</v>
      </c>
    </row>
    <row r="55" spans="1:4" ht="18" customHeight="1" x14ac:dyDescent="0.15">
      <c r="A55" s="8">
        <v>41</v>
      </c>
      <c r="B55" s="34">
        <v>20</v>
      </c>
      <c r="C55" s="13">
        <v>26</v>
      </c>
      <c r="D55" s="12">
        <v>46</v>
      </c>
    </row>
    <row r="56" spans="1:4" ht="18" customHeight="1" x14ac:dyDescent="0.15">
      <c r="A56" s="8">
        <v>42</v>
      </c>
      <c r="B56" s="34">
        <v>24</v>
      </c>
      <c r="C56" s="13">
        <v>28</v>
      </c>
      <c r="D56" s="12">
        <v>52</v>
      </c>
    </row>
    <row r="57" spans="1:4" ht="18" customHeight="1" x14ac:dyDescent="0.15">
      <c r="A57" s="8">
        <v>43</v>
      </c>
      <c r="B57" s="34">
        <v>34</v>
      </c>
      <c r="C57" s="13">
        <v>25</v>
      </c>
      <c r="D57" s="12">
        <v>59</v>
      </c>
    </row>
    <row r="58" spans="1:4" ht="18" customHeight="1" x14ac:dyDescent="0.15">
      <c r="A58" s="8">
        <v>44</v>
      </c>
      <c r="B58" s="34">
        <v>28</v>
      </c>
      <c r="C58" s="13">
        <v>36</v>
      </c>
      <c r="D58" s="12">
        <v>64</v>
      </c>
    </row>
    <row r="59" spans="1:4" ht="18" customHeight="1" x14ac:dyDescent="0.15">
      <c r="A59" s="8" t="s">
        <v>46</v>
      </c>
      <c r="B59" s="34">
        <v>130</v>
      </c>
      <c r="C59" s="13">
        <v>147</v>
      </c>
      <c r="D59" s="12">
        <v>277</v>
      </c>
    </row>
    <row r="60" spans="1:4" ht="18" customHeight="1" x14ac:dyDescent="0.15">
      <c r="A60" s="8">
        <v>45</v>
      </c>
      <c r="B60" s="34">
        <v>36</v>
      </c>
      <c r="C60" s="13">
        <v>28</v>
      </c>
      <c r="D60" s="12">
        <v>64</v>
      </c>
    </row>
    <row r="61" spans="1:4" ht="18" customHeight="1" x14ac:dyDescent="0.15">
      <c r="A61" s="8">
        <v>46</v>
      </c>
      <c r="B61" s="34">
        <v>48</v>
      </c>
      <c r="C61" s="13">
        <v>35</v>
      </c>
      <c r="D61" s="12">
        <v>83</v>
      </c>
    </row>
    <row r="62" spans="1:4" ht="18" customHeight="1" x14ac:dyDescent="0.15">
      <c r="A62" s="8">
        <v>47</v>
      </c>
      <c r="B62" s="34">
        <v>40</v>
      </c>
      <c r="C62" s="13">
        <v>42</v>
      </c>
      <c r="D62" s="12">
        <v>82</v>
      </c>
    </row>
    <row r="63" spans="1:4" ht="18" customHeight="1" x14ac:dyDescent="0.15">
      <c r="A63" s="8">
        <v>48</v>
      </c>
      <c r="B63" s="34">
        <v>46</v>
      </c>
      <c r="C63" s="13">
        <v>46</v>
      </c>
      <c r="D63" s="12">
        <v>92</v>
      </c>
    </row>
    <row r="64" spans="1:4" ht="18" customHeight="1" x14ac:dyDescent="0.15">
      <c r="A64" s="8">
        <v>49</v>
      </c>
      <c r="B64" s="34">
        <v>56</v>
      </c>
      <c r="C64" s="13">
        <v>57</v>
      </c>
      <c r="D64" s="12">
        <v>113</v>
      </c>
    </row>
    <row r="65" spans="1:4" ht="18" customHeight="1" x14ac:dyDescent="0.15">
      <c r="A65" s="8" t="s">
        <v>45</v>
      </c>
      <c r="B65" s="34">
        <v>226</v>
      </c>
      <c r="C65" s="13">
        <v>208</v>
      </c>
      <c r="D65" s="12">
        <v>434</v>
      </c>
    </row>
    <row r="66" spans="1:4" ht="18" customHeight="1" x14ac:dyDescent="0.15">
      <c r="A66" s="8">
        <v>50</v>
      </c>
      <c r="B66" s="34">
        <v>53</v>
      </c>
      <c r="C66" s="13">
        <v>54</v>
      </c>
      <c r="D66" s="12">
        <v>107</v>
      </c>
    </row>
    <row r="67" spans="1:4" ht="18" customHeight="1" x14ac:dyDescent="0.15">
      <c r="A67" s="8">
        <v>51</v>
      </c>
      <c r="B67" s="34">
        <v>47</v>
      </c>
      <c r="C67" s="13">
        <v>52</v>
      </c>
      <c r="D67" s="12">
        <v>99</v>
      </c>
    </row>
    <row r="68" spans="1:4" ht="18" customHeight="1" x14ac:dyDescent="0.15">
      <c r="A68" s="8">
        <v>52</v>
      </c>
      <c r="B68" s="34">
        <v>50</v>
      </c>
      <c r="C68" s="13">
        <v>56</v>
      </c>
      <c r="D68" s="12">
        <v>106</v>
      </c>
    </row>
    <row r="69" spans="1:4" ht="18" customHeight="1" x14ac:dyDescent="0.15">
      <c r="A69" s="8">
        <v>53</v>
      </c>
      <c r="B69" s="34">
        <v>51</v>
      </c>
      <c r="C69" s="13">
        <v>43</v>
      </c>
      <c r="D69" s="12">
        <v>94</v>
      </c>
    </row>
    <row r="70" spans="1:4" ht="18" customHeight="1" x14ac:dyDescent="0.15">
      <c r="A70" s="8">
        <v>54</v>
      </c>
      <c r="B70" s="34">
        <v>35</v>
      </c>
      <c r="C70" s="13">
        <v>37</v>
      </c>
      <c r="D70" s="12">
        <v>72</v>
      </c>
    </row>
    <row r="71" spans="1:4" ht="18" customHeight="1" x14ac:dyDescent="0.15">
      <c r="A71" s="8" t="s">
        <v>58</v>
      </c>
      <c r="B71" s="34">
        <v>236</v>
      </c>
      <c r="C71" s="13">
        <v>242</v>
      </c>
      <c r="D71" s="12">
        <v>478</v>
      </c>
    </row>
    <row r="72" spans="1:4" ht="18" customHeight="1" x14ac:dyDescent="0.15">
      <c r="A72" s="8">
        <v>55</v>
      </c>
      <c r="B72" s="34">
        <v>52</v>
      </c>
      <c r="C72" s="13">
        <v>47</v>
      </c>
      <c r="D72" s="12">
        <v>99</v>
      </c>
    </row>
    <row r="73" spans="1:4" ht="18" customHeight="1" x14ac:dyDescent="0.15">
      <c r="A73" s="8">
        <v>56</v>
      </c>
      <c r="B73" s="34">
        <v>32</v>
      </c>
      <c r="C73" s="13">
        <v>29</v>
      </c>
      <c r="D73" s="12">
        <v>61</v>
      </c>
    </row>
    <row r="74" spans="1:4" ht="18" customHeight="1" x14ac:dyDescent="0.15">
      <c r="A74" s="8">
        <v>57</v>
      </c>
      <c r="B74" s="34">
        <v>32</v>
      </c>
      <c r="C74" s="13">
        <v>25</v>
      </c>
      <c r="D74" s="12">
        <v>57</v>
      </c>
    </row>
    <row r="75" spans="1:4" ht="18" customHeight="1" x14ac:dyDescent="0.15">
      <c r="A75" s="8">
        <v>58</v>
      </c>
      <c r="B75" s="34">
        <v>32</v>
      </c>
      <c r="C75" s="13">
        <v>36</v>
      </c>
      <c r="D75" s="12">
        <v>68</v>
      </c>
    </row>
    <row r="76" spans="1:4" ht="18" customHeight="1" x14ac:dyDescent="0.15">
      <c r="A76" s="8">
        <v>59</v>
      </c>
      <c r="B76" s="34">
        <v>38</v>
      </c>
      <c r="C76" s="13">
        <v>24</v>
      </c>
      <c r="D76" s="12">
        <v>62</v>
      </c>
    </row>
    <row r="77" spans="1:4" ht="18" customHeight="1" x14ac:dyDescent="0.15">
      <c r="A77" s="8" t="s">
        <v>71</v>
      </c>
      <c r="B77" s="34">
        <v>186</v>
      </c>
      <c r="C77" s="13">
        <v>161</v>
      </c>
      <c r="D77" s="12">
        <v>347</v>
      </c>
    </row>
    <row r="78" spans="1:4" ht="18" customHeight="1" x14ac:dyDescent="0.15">
      <c r="A78" s="8">
        <v>60</v>
      </c>
      <c r="B78" s="34">
        <v>38</v>
      </c>
      <c r="C78" s="13">
        <v>46</v>
      </c>
      <c r="D78" s="12">
        <v>84</v>
      </c>
    </row>
    <row r="79" spans="1:4" ht="18" customHeight="1" x14ac:dyDescent="0.15">
      <c r="A79" s="8">
        <v>61</v>
      </c>
      <c r="B79" s="34">
        <v>33</v>
      </c>
      <c r="C79" s="13">
        <v>30</v>
      </c>
      <c r="D79" s="12">
        <v>63</v>
      </c>
    </row>
    <row r="80" spans="1:4" ht="18" customHeight="1" x14ac:dyDescent="0.15">
      <c r="A80" s="8">
        <v>62</v>
      </c>
      <c r="B80" s="34">
        <v>19</v>
      </c>
      <c r="C80" s="13">
        <v>32</v>
      </c>
      <c r="D80" s="12">
        <v>51</v>
      </c>
    </row>
    <row r="81" spans="1:4" ht="18" customHeight="1" x14ac:dyDescent="0.15">
      <c r="A81" s="8">
        <v>63</v>
      </c>
      <c r="B81" s="34">
        <v>30</v>
      </c>
      <c r="C81" s="13">
        <v>32</v>
      </c>
      <c r="D81" s="12">
        <v>62</v>
      </c>
    </row>
    <row r="82" spans="1:4" ht="18" customHeight="1" x14ac:dyDescent="0.15">
      <c r="A82" s="8">
        <v>64</v>
      </c>
      <c r="B82" s="34">
        <v>37</v>
      </c>
      <c r="C82" s="13">
        <v>29</v>
      </c>
      <c r="D82" s="12">
        <v>66</v>
      </c>
    </row>
    <row r="83" spans="1:4" ht="18" customHeight="1" x14ac:dyDescent="0.15">
      <c r="A83" s="8" t="s">
        <v>44</v>
      </c>
      <c r="B83" s="34">
        <v>157</v>
      </c>
      <c r="C83" s="13">
        <v>169</v>
      </c>
      <c r="D83" s="12">
        <v>326</v>
      </c>
    </row>
    <row r="84" spans="1:4" ht="18" customHeight="1" x14ac:dyDescent="0.15">
      <c r="A84" s="8" t="s">
        <v>43</v>
      </c>
      <c r="B84" s="34">
        <v>1485</v>
      </c>
      <c r="C84" s="13">
        <v>1441</v>
      </c>
      <c r="D84" s="12">
        <v>2926</v>
      </c>
    </row>
    <row r="85" spans="1:4" ht="18" customHeight="1" x14ac:dyDescent="0.15">
      <c r="A85" s="8">
        <v>65</v>
      </c>
      <c r="B85" s="34">
        <v>28</v>
      </c>
      <c r="C85" s="13">
        <v>28</v>
      </c>
      <c r="D85" s="12">
        <v>56</v>
      </c>
    </row>
    <row r="86" spans="1:4" ht="18" customHeight="1" x14ac:dyDescent="0.15">
      <c r="A86" s="8">
        <v>66</v>
      </c>
      <c r="B86" s="34">
        <v>29</v>
      </c>
      <c r="C86" s="13">
        <v>22</v>
      </c>
      <c r="D86" s="12">
        <v>51</v>
      </c>
    </row>
    <row r="87" spans="1:4" ht="18" customHeight="1" x14ac:dyDescent="0.15">
      <c r="A87" s="8">
        <v>67</v>
      </c>
      <c r="B87" s="34">
        <v>27</v>
      </c>
      <c r="C87" s="13">
        <v>34</v>
      </c>
      <c r="D87" s="12">
        <v>61</v>
      </c>
    </row>
    <row r="88" spans="1:4" ht="18" customHeight="1" x14ac:dyDescent="0.15">
      <c r="A88" s="8">
        <v>68</v>
      </c>
      <c r="B88" s="34">
        <v>38</v>
      </c>
      <c r="C88" s="13">
        <v>30</v>
      </c>
      <c r="D88" s="12">
        <v>68</v>
      </c>
    </row>
    <row r="89" spans="1:4" ht="18" customHeight="1" x14ac:dyDescent="0.15">
      <c r="A89" s="8">
        <v>69</v>
      </c>
      <c r="B89" s="34">
        <v>32</v>
      </c>
      <c r="C89" s="13">
        <v>33</v>
      </c>
      <c r="D89" s="12">
        <v>65</v>
      </c>
    </row>
    <row r="90" spans="1:4" ht="18" customHeight="1" x14ac:dyDescent="0.15">
      <c r="A90" s="8" t="s">
        <v>42</v>
      </c>
      <c r="B90" s="34">
        <v>154</v>
      </c>
      <c r="C90" s="13">
        <v>147</v>
      </c>
      <c r="D90" s="12">
        <v>301</v>
      </c>
    </row>
    <row r="91" spans="1:4" ht="18" customHeight="1" x14ac:dyDescent="0.15">
      <c r="A91" s="8">
        <v>70</v>
      </c>
      <c r="B91" s="34">
        <v>29</v>
      </c>
      <c r="C91" s="13">
        <v>38</v>
      </c>
      <c r="D91" s="12">
        <v>67</v>
      </c>
    </row>
    <row r="92" spans="1:4" ht="18" customHeight="1" x14ac:dyDescent="0.15">
      <c r="A92" s="8">
        <v>71</v>
      </c>
      <c r="B92" s="34">
        <v>37</v>
      </c>
      <c r="C92" s="13">
        <v>32</v>
      </c>
      <c r="D92" s="12">
        <v>69</v>
      </c>
    </row>
    <row r="93" spans="1:4" ht="18" customHeight="1" x14ac:dyDescent="0.15">
      <c r="A93" s="8">
        <v>72</v>
      </c>
      <c r="B93" s="34">
        <v>27</v>
      </c>
      <c r="C93" s="13">
        <v>33</v>
      </c>
      <c r="D93" s="12">
        <v>60</v>
      </c>
    </row>
    <row r="94" spans="1:4" ht="18" customHeight="1" x14ac:dyDescent="0.15">
      <c r="A94" s="8">
        <v>73</v>
      </c>
      <c r="B94" s="34">
        <v>37</v>
      </c>
      <c r="C94" s="13">
        <v>43</v>
      </c>
      <c r="D94" s="12">
        <v>80</v>
      </c>
    </row>
    <row r="95" spans="1:4" ht="18" customHeight="1" x14ac:dyDescent="0.15">
      <c r="A95" s="8">
        <v>74</v>
      </c>
      <c r="B95" s="34">
        <v>41</v>
      </c>
      <c r="C95" s="13">
        <v>50</v>
      </c>
      <c r="D95" s="12">
        <v>91</v>
      </c>
    </row>
    <row r="96" spans="1:4" ht="18" customHeight="1" x14ac:dyDescent="0.15">
      <c r="A96" s="8" t="s">
        <v>41</v>
      </c>
      <c r="B96" s="34">
        <v>171</v>
      </c>
      <c r="C96" s="13">
        <v>196</v>
      </c>
      <c r="D96" s="12">
        <v>367</v>
      </c>
    </row>
    <row r="97" spans="1:4" ht="18" customHeight="1" x14ac:dyDescent="0.15">
      <c r="A97" s="8">
        <v>75</v>
      </c>
      <c r="B97" s="34">
        <v>40</v>
      </c>
      <c r="C97" s="13">
        <v>51</v>
      </c>
      <c r="D97" s="12">
        <v>91</v>
      </c>
    </row>
    <row r="98" spans="1:4" ht="18" customHeight="1" x14ac:dyDescent="0.15">
      <c r="A98" s="8">
        <v>76</v>
      </c>
      <c r="B98" s="34">
        <v>36</v>
      </c>
      <c r="C98" s="13">
        <v>41</v>
      </c>
      <c r="D98" s="12">
        <v>77</v>
      </c>
    </row>
    <row r="99" spans="1:4" ht="18" customHeight="1" x14ac:dyDescent="0.15">
      <c r="A99" s="8">
        <v>77</v>
      </c>
      <c r="B99" s="34">
        <v>23</v>
      </c>
      <c r="C99" s="13">
        <v>24</v>
      </c>
      <c r="D99" s="12">
        <v>47</v>
      </c>
    </row>
    <row r="100" spans="1:4" ht="18" customHeight="1" x14ac:dyDescent="0.15">
      <c r="A100" s="8">
        <v>78</v>
      </c>
      <c r="B100" s="34">
        <v>17</v>
      </c>
      <c r="C100" s="13">
        <v>39</v>
      </c>
      <c r="D100" s="12">
        <v>56</v>
      </c>
    </row>
    <row r="101" spans="1:4" ht="18" customHeight="1" x14ac:dyDescent="0.15">
      <c r="A101" s="8">
        <v>79</v>
      </c>
      <c r="B101" s="34">
        <v>21</v>
      </c>
      <c r="C101" s="13">
        <v>27</v>
      </c>
      <c r="D101" s="12">
        <v>48</v>
      </c>
    </row>
    <row r="102" spans="1:4" ht="18" customHeight="1" x14ac:dyDescent="0.15">
      <c r="A102" s="8" t="s">
        <v>70</v>
      </c>
      <c r="B102" s="34">
        <v>137</v>
      </c>
      <c r="C102" s="13">
        <v>182</v>
      </c>
      <c r="D102" s="12">
        <v>319</v>
      </c>
    </row>
    <row r="103" spans="1:4" ht="18" customHeight="1" x14ac:dyDescent="0.15">
      <c r="A103" s="8">
        <v>80</v>
      </c>
      <c r="B103" s="34">
        <v>25</v>
      </c>
      <c r="C103" s="13">
        <v>23</v>
      </c>
      <c r="D103" s="12">
        <v>48</v>
      </c>
    </row>
    <row r="104" spans="1:4" ht="18" customHeight="1" x14ac:dyDescent="0.15">
      <c r="A104" s="8">
        <v>81</v>
      </c>
      <c r="B104" s="34">
        <v>17</v>
      </c>
      <c r="C104" s="13">
        <v>23</v>
      </c>
      <c r="D104" s="12">
        <v>40</v>
      </c>
    </row>
    <row r="105" spans="1:4" ht="18" customHeight="1" x14ac:dyDescent="0.15">
      <c r="A105" s="8">
        <v>82</v>
      </c>
      <c r="B105" s="34">
        <v>12</v>
      </c>
      <c r="C105" s="13">
        <v>29</v>
      </c>
      <c r="D105" s="12">
        <v>41</v>
      </c>
    </row>
    <row r="106" spans="1:4" ht="18" customHeight="1" x14ac:dyDescent="0.15">
      <c r="A106" s="8">
        <v>83</v>
      </c>
      <c r="B106" s="34">
        <v>13</v>
      </c>
      <c r="C106" s="13">
        <v>28</v>
      </c>
      <c r="D106" s="12">
        <v>41</v>
      </c>
    </row>
    <row r="107" spans="1:4" ht="18" customHeight="1" x14ac:dyDescent="0.15">
      <c r="A107" s="8">
        <v>84</v>
      </c>
      <c r="B107" s="34">
        <v>9</v>
      </c>
      <c r="C107" s="13">
        <v>18</v>
      </c>
      <c r="D107" s="12">
        <v>27</v>
      </c>
    </row>
    <row r="108" spans="1:4" ht="18" customHeight="1" x14ac:dyDescent="0.15">
      <c r="A108" s="8" t="s">
        <v>39</v>
      </c>
      <c r="B108" s="34">
        <v>76</v>
      </c>
      <c r="C108" s="13">
        <v>121</v>
      </c>
      <c r="D108" s="12">
        <v>197</v>
      </c>
    </row>
    <row r="109" spans="1:4" ht="18" customHeight="1" x14ac:dyDescent="0.15">
      <c r="A109" s="8">
        <v>85</v>
      </c>
      <c r="B109" s="34">
        <v>9</v>
      </c>
      <c r="C109" s="13">
        <v>9</v>
      </c>
      <c r="D109" s="12">
        <v>18</v>
      </c>
    </row>
    <row r="110" spans="1:4" ht="18" customHeight="1" x14ac:dyDescent="0.15">
      <c r="A110" s="8">
        <v>86</v>
      </c>
      <c r="B110" s="34">
        <v>8</v>
      </c>
      <c r="C110" s="13">
        <v>15</v>
      </c>
      <c r="D110" s="12">
        <v>23</v>
      </c>
    </row>
    <row r="111" spans="1:4" ht="18" customHeight="1" x14ac:dyDescent="0.15">
      <c r="A111" s="8">
        <v>87</v>
      </c>
      <c r="B111" s="34">
        <v>11</v>
      </c>
      <c r="C111" s="13">
        <v>25</v>
      </c>
      <c r="D111" s="12">
        <v>36</v>
      </c>
    </row>
    <row r="112" spans="1:4" ht="18" customHeight="1" x14ac:dyDescent="0.15">
      <c r="A112" s="8">
        <v>88</v>
      </c>
      <c r="B112" s="34">
        <v>8</v>
      </c>
      <c r="C112" s="13">
        <v>12</v>
      </c>
      <c r="D112" s="12">
        <v>20</v>
      </c>
    </row>
    <row r="113" spans="1:4" ht="18" customHeight="1" x14ac:dyDescent="0.15">
      <c r="A113" s="8">
        <v>89</v>
      </c>
      <c r="B113" s="34">
        <v>5</v>
      </c>
      <c r="C113" s="13">
        <v>23</v>
      </c>
      <c r="D113" s="12">
        <v>28</v>
      </c>
    </row>
    <row r="114" spans="1:4" ht="18" customHeight="1" x14ac:dyDescent="0.15">
      <c r="A114" s="8" t="s">
        <v>268</v>
      </c>
      <c r="B114" s="34">
        <v>41</v>
      </c>
      <c r="C114" s="13">
        <v>84</v>
      </c>
      <c r="D114" s="12">
        <v>125</v>
      </c>
    </row>
    <row r="115" spans="1:4" ht="18" customHeight="1" x14ac:dyDescent="0.15">
      <c r="A115" s="8">
        <v>90</v>
      </c>
      <c r="B115" s="34">
        <v>5</v>
      </c>
      <c r="C115" s="13">
        <v>9</v>
      </c>
      <c r="D115" s="12">
        <v>14</v>
      </c>
    </row>
    <row r="116" spans="1:4" ht="18" customHeight="1" x14ac:dyDescent="0.15">
      <c r="A116" s="8">
        <v>91</v>
      </c>
      <c r="B116" s="34">
        <v>4</v>
      </c>
      <c r="C116" s="13">
        <v>9</v>
      </c>
      <c r="D116" s="12">
        <v>13</v>
      </c>
    </row>
    <row r="117" spans="1:4" ht="18" customHeight="1" x14ac:dyDescent="0.15">
      <c r="A117" s="8">
        <v>92</v>
      </c>
      <c r="B117" s="34">
        <v>5</v>
      </c>
      <c r="C117" s="13">
        <v>6</v>
      </c>
      <c r="D117" s="12">
        <v>11</v>
      </c>
    </row>
    <row r="118" spans="1:4" ht="18" customHeight="1" x14ac:dyDescent="0.15">
      <c r="A118" s="8">
        <v>93</v>
      </c>
      <c r="B118" s="34">
        <v>2</v>
      </c>
      <c r="C118" s="13">
        <v>6</v>
      </c>
      <c r="D118" s="12">
        <v>8</v>
      </c>
    </row>
    <row r="119" spans="1:4" ht="18" customHeight="1" x14ac:dyDescent="0.15">
      <c r="A119" s="8">
        <v>94</v>
      </c>
      <c r="B119" s="34">
        <v>0</v>
      </c>
      <c r="C119" s="13">
        <v>6</v>
      </c>
      <c r="D119" s="12">
        <v>6</v>
      </c>
    </row>
    <row r="120" spans="1:4" ht="18" customHeight="1" x14ac:dyDescent="0.15">
      <c r="A120" s="8" t="s">
        <v>267</v>
      </c>
      <c r="B120" s="34">
        <v>16</v>
      </c>
      <c r="C120" s="13">
        <v>36</v>
      </c>
      <c r="D120" s="12">
        <v>52</v>
      </c>
    </row>
    <row r="121" spans="1:4" ht="18" customHeight="1" x14ac:dyDescent="0.15">
      <c r="A121" s="8">
        <v>95</v>
      </c>
      <c r="B121" s="34">
        <v>3</v>
      </c>
      <c r="C121" s="13">
        <v>6</v>
      </c>
      <c r="D121" s="12">
        <v>9</v>
      </c>
    </row>
    <row r="122" spans="1:4" ht="18" customHeight="1" x14ac:dyDescent="0.15">
      <c r="A122" s="8">
        <v>96</v>
      </c>
      <c r="B122" s="34">
        <v>0</v>
      </c>
      <c r="C122" s="13">
        <v>6</v>
      </c>
      <c r="D122" s="12">
        <v>6</v>
      </c>
    </row>
    <row r="123" spans="1:4" ht="18" customHeight="1" x14ac:dyDescent="0.15">
      <c r="A123" s="8">
        <v>97</v>
      </c>
      <c r="B123" s="34">
        <v>0</v>
      </c>
      <c r="C123" s="13">
        <v>7</v>
      </c>
      <c r="D123" s="12">
        <v>7</v>
      </c>
    </row>
    <row r="124" spans="1:4" ht="18" customHeight="1" x14ac:dyDescent="0.15">
      <c r="A124" s="8">
        <v>98</v>
      </c>
      <c r="B124" s="34">
        <v>0</v>
      </c>
      <c r="C124" s="13">
        <v>3</v>
      </c>
      <c r="D124" s="12">
        <v>3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3</v>
      </c>
      <c r="C126" s="13">
        <v>22</v>
      </c>
      <c r="D126" s="12">
        <v>25</v>
      </c>
    </row>
    <row r="127" spans="1:4" ht="18" customHeight="1" x14ac:dyDescent="0.15">
      <c r="A127" s="8">
        <v>100</v>
      </c>
      <c r="B127" s="34">
        <v>0</v>
      </c>
      <c r="C127" s="13">
        <v>2</v>
      </c>
      <c r="D127" s="12">
        <v>2</v>
      </c>
    </row>
    <row r="128" spans="1:4" ht="18" customHeight="1" x14ac:dyDescent="0.15">
      <c r="A128" s="15" t="s">
        <v>266</v>
      </c>
      <c r="B128" s="34">
        <v>0</v>
      </c>
      <c r="C128" s="13">
        <v>4</v>
      </c>
      <c r="D128" s="12">
        <v>4</v>
      </c>
    </row>
    <row r="129" spans="1:4" ht="18" customHeight="1" x14ac:dyDescent="0.15">
      <c r="A129" s="8" t="s">
        <v>265</v>
      </c>
      <c r="B129" s="34">
        <v>0</v>
      </c>
      <c r="C129" s="13">
        <v>6</v>
      </c>
      <c r="D129" s="12">
        <v>6</v>
      </c>
    </row>
    <row r="130" spans="1:4" ht="18" customHeight="1" x14ac:dyDescent="0.15">
      <c r="A130" s="8" t="s">
        <v>35</v>
      </c>
      <c r="B130" s="28">
        <v>598</v>
      </c>
      <c r="C130" s="6">
        <v>794</v>
      </c>
      <c r="D130" s="5">
        <v>1392</v>
      </c>
    </row>
    <row r="131" spans="1:4" ht="18" customHeight="1" x14ac:dyDescent="0.15">
      <c r="A131" s="4" t="s">
        <v>0</v>
      </c>
      <c r="B131" s="27">
        <v>2333</v>
      </c>
      <c r="C131" s="2">
        <v>2455</v>
      </c>
      <c r="D131" s="1">
        <v>478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7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1</v>
      </c>
      <c r="D5" s="43">
        <v>1</v>
      </c>
    </row>
    <row r="6" spans="1:4" ht="18" customHeight="1" x14ac:dyDescent="0.15">
      <c r="A6" s="8">
        <v>1</v>
      </c>
      <c r="B6" s="39">
        <v>1</v>
      </c>
      <c r="C6" s="13">
        <v>2</v>
      </c>
      <c r="D6" s="12">
        <v>3</v>
      </c>
    </row>
    <row r="7" spans="1:4" ht="18" customHeight="1" x14ac:dyDescent="0.15">
      <c r="A7" s="8">
        <v>2</v>
      </c>
      <c r="B7" s="39">
        <v>1</v>
      </c>
      <c r="C7" s="13">
        <v>2</v>
      </c>
      <c r="D7" s="12">
        <v>3</v>
      </c>
    </row>
    <row r="8" spans="1:4" ht="18" customHeight="1" x14ac:dyDescent="0.15">
      <c r="A8" s="8">
        <v>3</v>
      </c>
      <c r="B8" s="39">
        <v>0</v>
      </c>
      <c r="C8" s="13">
        <v>2</v>
      </c>
      <c r="D8" s="12">
        <v>2</v>
      </c>
    </row>
    <row r="9" spans="1:4" ht="18" customHeight="1" x14ac:dyDescent="0.15">
      <c r="A9" s="8">
        <v>4</v>
      </c>
      <c r="B9" s="42">
        <v>2</v>
      </c>
      <c r="C9" s="41">
        <v>0</v>
      </c>
      <c r="D9" s="40">
        <v>2</v>
      </c>
    </row>
    <row r="10" spans="1:4" ht="18" customHeight="1" x14ac:dyDescent="0.15">
      <c r="A10" s="8" t="s">
        <v>76</v>
      </c>
      <c r="B10" s="34">
        <v>4</v>
      </c>
      <c r="C10" s="13">
        <v>7</v>
      </c>
      <c r="D10" s="12">
        <v>11</v>
      </c>
    </row>
    <row r="11" spans="1:4" ht="18" customHeight="1" x14ac:dyDescent="0.15">
      <c r="A11" s="8">
        <v>5</v>
      </c>
      <c r="B11" s="39">
        <v>3</v>
      </c>
      <c r="C11" s="13">
        <v>3</v>
      </c>
      <c r="D11" s="12">
        <v>6</v>
      </c>
    </row>
    <row r="12" spans="1:4" ht="18" customHeight="1" x14ac:dyDescent="0.15">
      <c r="A12" s="8">
        <v>6</v>
      </c>
      <c r="B12" s="39">
        <v>5</v>
      </c>
      <c r="C12" s="13">
        <v>2</v>
      </c>
      <c r="D12" s="12">
        <v>7</v>
      </c>
    </row>
    <row r="13" spans="1:4" ht="18" customHeight="1" x14ac:dyDescent="0.15">
      <c r="A13" s="8">
        <v>7</v>
      </c>
      <c r="B13" s="39">
        <v>4</v>
      </c>
      <c r="C13" s="13">
        <v>3</v>
      </c>
      <c r="D13" s="12">
        <v>7</v>
      </c>
    </row>
    <row r="14" spans="1:4" ht="18" customHeight="1" x14ac:dyDescent="0.15">
      <c r="A14" s="8">
        <v>8</v>
      </c>
      <c r="B14" s="39">
        <v>1</v>
      </c>
      <c r="C14" s="13">
        <v>2</v>
      </c>
      <c r="D14" s="12">
        <v>3</v>
      </c>
    </row>
    <row r="15" spans="1:4" ht="18" customHeight="1" x14ac:dyDescent="0.15">
      <c r="A15" s="8">
        <v>9</v>
      </c>
      <c r="B15" s="39">
        <v>0</v>
      </c>
      <c r="C15" s="13">
        <v>2</v>
      </c>
      <c r="D15" s="12">
        <v>2</v>
      </c>
    </row>
    <row r="16" spans="1:4" ht="18" customHeight="1" x14ac:dyDescent="0.15">
      <c r="A16" s="8" t="s">
        <v>50</v>
      </c>
      <c r="B16" s="34">
        <v>13</v>
      </c>
      <c r="C16" s="13">
        <v>12</v>
      </c>
      <c r="D16" s="12">
        <v>25</v>
      </c>
    </row>
    <row r="17" spans="1:4" ht="18" customHeight="1" x14ac:dyDescent="0.15">
      <c r="A17" s="8">
        <v>10</v>
      </c>
      <c r="B17" s="34">
        <v>4</v>
      </c>
      <c r="C17" s="13">
        <v>2</v>
      </c>
      <c r="D17" s="12">
        <v>6</v>
      </c>
    </row>
    <row r="18" spans="1:4" ht="18" customHeight="1" x14ac:dyDescent="0.15">
      <c r="A18" s="8">
        <v>11</v>
      </c>
      <c r="B18" s="34">
        <v>3</v>
      </c>
      <c r="C18" s="13">
        <v>3</v>
      </c>
      <c r="D18" s="12">
        <v>6</v>
      </c>
    </row>
    <row r="19" spans="1:4" ht="18" customHeight="1" x14ac:dyDescent="0.15">
      <c r="A19" s="8">
        <v>12</v>
      </c>
      <c r="B19" s="34">
        <v>6</v>
      </c>
      <c r="C19" s="13">
        <v>1</v>
      </c>
      <c r="D19" s="12">
        <v>7</v>
      </c>
    </row>
    <row r="20" spans="1:4" ht="18" customHeight="1" x14ac:dyDescent="0.15">
      <c r="A20" s="8">
        <v>13</v>
      </c>
      <c r="B20" s="34">
        <v>3</v>
      </c>
      <c r="C20" s="13">
        <v>4</v>
      </c>
      <c r="D20" s="12">
        <v>7</v>
      </c>
    </row>
    <row r="21" spans="1:4" ht="18" customHeight="1" x14ac:dyDescent="0.15">
      <c r="A21" s="8">
        <v>14</v>
      </c>
      <c r="B21" s="34">
        <v>3</v>
      </c>
      <c r="C21" s="13">
        <v>4</v>
      </c>
      <c r="D21" s="12">
        <v>7</v>
      </c>
    </row>
    <row r="22" spans="1:4" ht="18" customHeight="1" x14ac:dyDescent="0.15">
      <c r="A22" s="8" t="s">
        <v>75</v>
      </c>
      <c r="B22" s="34">
        <v>19</v>
      </c>
      <c r="C22" s="13">
        <v>14</v>
      </c>
      <c r="D22" s="12">
        <v>33</v>
      </c>
    </row>
    <row r="23" spans="1:4" ht="18" customHeight="1" x14ac:dyDescent="0.15">
      <c r="A23" s="8" t="s">
        <v>65</v>
      </c>
      <c r="B23" s="34">
        <v>36</v>
      </c>
      <c r="C23" s="13">
        <v>33</v>
      </c>
      <c r="D23" s="12">
        <v>69</v>
      </c>
    </row>
    <row r="24" spans="1:4" ht="18" customHeight="1" x14ac:dyDescent="0.15">
      <c r="A24" s="8">
        <v>15</v>
      </c>
      <c r="B24" s="34">
        <v>0</v>
      </c>
      <c r="C24" s="13">
        <v>1</v>
      </c>
      <c r="D24" s="12">
        <v>1</v>
      </c>
    </row>
    <row r="25" spans="1:4" ht="18" customHeight="1" x14ac:dyDescent="0.15">
      <c r="A25" s="8">
        <v>16</v>
      </c>
      <c r="B25" s="34">
        <v>3</v>
      </c>
      <c r="C25" s="13">
        <v>3</v>
      </c>
      <c r="D25" s="12">
        <v>6</v>
      </c>
    </row>
    <row r="26" spans="1:4" ht="18" customHeight="1" x14ac:dyDescent="0.15">
      <c r="A26" s="8">
        <v>17</v>
      </c>
      <c r="B26" s="34">
        <v>5</v>
      </c>
      <c r="C26" s="13">
        <v>1</v>
      </c>
      <c r="D26" s="12">
        <v>6</v>
      </c>
    </row>
    <row r="27" spans="1:4" ht="18" customHeight="1" x14ac:dyDescent="0.15">
      <c r="A27" s="8">
        <v>18</v>
      </c>
      <c r="B27" s="34">
        <v>3</v>
      </c>
      <c r="C27" s="13">
        <v>3</v>
      </c>
      <c r="D27" s="12">
        <v>6</v>
      </c>
    </row>
    <row r="28" spans="1:4" ht="18" customHeight="1" x14ac:dyDescent="0.15">
      <c r="A28" s="8">
        <v>19</v>
      </c>
      <c r="B28" s="34">
        <v>1</v>
      </c>
      <c r="C28" s="13">
        <v>4</v>
      </c>
      <c r="D28" s="12">
        <v>5</v>
      </c>
    </row>
    <row r="29" spans="1:4" ht="18" customHeight="1" x14ac:dyDescent="0.15">
      <c r="A29" s="8" t="s">
        <v>48</v>
      </c>
      <c r="B29" s="34">
        <v>12</v>
      </c>
      <c r="C29" s="13">
        <v>12</v>
      </c>
      <c r="D29" s="12">
        <v>24</v>
      </c>
    </row>
    <row r="30" spans="1:4" ht="18" customHeight="1" x14ac:dyDescent="0.15">
      <c r="A30" s="8">
        <v>20</v>
      </c>
      <c r="B30" s="34">
        <v>2</v>
      </c>
      <c r="C30" s="13">
        <v>3</v>
      </c>
      <c r="D30" s="12">
        <v>5</v>
      </c>
    </row>
    <row r="31" spans="1:4" ht="18" customHeight="1" x14ac:dyDescent="0.15">
      <c r="A31" s="8">
        <v>21</v>
      </c>
      <c r="B31" s="34">
        <v>2</v>
      </c>
      <c r="C31" s="13">
        <v>4</v>
      </c>
      <c r="D31" s="12">
        <v>6</v>
      </c>
    </row>
    <row r="32" spans="1:4" ht="18" customHeight="1" x14ac:dyDescent="0.15">
      <c r="A32" s="8">
        <v>22</v>
      </c>
      <c r="B32" s="34">
        <v>5</v>
      </c>
      <c r="C32" s="13">
        <v>6</v>
      </c>
      <c r="D32" s="12">
        <v>11</v>
      </c>
    </row>
    <row r="33" spans="1:4" ht="18" customHeight="1" x14ac:dyDescent="0.15">
      <c r="A33" s="8">
        <v>23</v>
      </c>
      <c r="B33" s="34">
        <v>4</v>
      </c>
      <c r="C33" s="13">
        <v>2</v>
      </c>
      <c r="D33" s="12">
        <v>6</v>
      </c>
    </row>
    <row r="34" spans="1:4" ht="18" customHeight="1" x14ac:dyDescent="0.15">
      <c r="A34" s="8">
        <v>24</v>
      </c>
      <c r="B34" s="34">
        <v>8</v>
      </c>
      <c r="C34" s="13">
        <v>3</v>
      </c>
      <c r="D34" s="12">
        <v>11</v>
      </c>
    </row>
    <row r="35" spans="1:4" ht="18" customHeight="1" x14ac:dyDescent="0.15">
      <c r="A35" s="8" t="s">
        <v>74</v>
      </c>
      <c r="B35" s="34">
        <v>21</v>
      </c>
      <c r="C35" s="13">
        <v>18</v>
      </c>
      <c r="D35" s="12">
        <v>39</v>
      </c>
    </row>
    <row r="36" spans="1:4" ht="18" customHeight="1" x14ac:dyDescent="0.15">
      <c r="A36" s="8">
        <v>25</v>
      </c>
      <c r="B36" s="34">
        <v>2</v>
      </c>
      <c r="C36" s="13">
        <v>1</v>
      </c>
      <c r="D36" s="12">
        <v>3</v>
      </c>
    </row>
    <row r="37" spans="1:4" ht="18" customHeight="1" x14ac:dyDescent="0.15">
      <c r="A37" s="8">
        <v>26</v>
      </c>
      <c r="B37" s="34">
        <v>1</v>
      </c>
      <c r="C37" s="13">
        <v>5</v>
      </c>
      <c r="D37" s="12">
        <v>6</v>
      </c>
    </row>
    <row r="38" spans="1:4" ht="18" customHeight="1" x14ac:dyDescent="0.15">
      <c r="A38" s="8">
        <v>27</v>
      </c>
      <c r="B38" s="34">
        <v>2</v>
      </c>
      <c r="C38" s="13">
        <v>6</v>
      </c>
      <c r="D38" s="12">
        <v>8</v>
      </c>
    </row>
    <row r="39" spans="1:4" ht="18" customHeight="1" x14ac:dyDescent="0.15">
      <c r="A39" s="8">
        <v>28</v>
      </c>
      <c r="B39" s="34">
        <v>1</v>
      </c>
      <c r="C39" s="13">
        <v>1</v>
      </c>
      <c r="D39" s="12">
        <v>2</v>
      </c>
    </row>
    <row r="40" spans="1:4" ht="18" customHeight="1" x14ac:dyDescent="0.15">
      <c r="A40" s="8">
        <v>29</v>
      </c>
      <c r="B40" s="34">
        <v>2</v>
      </c>
      <c r="C40" s="13">
        <v>1</v>
      </c>
      <c r="D40" s="12">
        <v>3</v>
      </c>
    </row>
    <row r="41" spans="1:4" ht="18" customHeight="1" x14ac:dyDescent="0.15">
      <c r="A41" s="8" t="s">
        <v>73</v>
      </c>
      <c r="B41" s="34">
        <v>8</v>
      </c>
      <c r="C41" s="13">
        <v>14</v>
      </c>
      <c r="D41" s="12">
        <v>22</v>
      </c>
    </row>
    <row r="42" spans="1:4" ht="18" customHeight="1" x14ac:dyDescent="0.15">
      <c r="A42" s="8">
        <v>30</v>
      </c>
      <c r="B42" s="34">
        <v>2</v>
      </c>
      <c r="C42" s="13">
        <v>1</v>
      </c>
      <c r="D42" s="12">
        <v>3</v>
      </c>
    </row>
    <row r="43" spans="1:4" ht="18" customHeight="1" x14ac:dyDescent="0.15">
      <c r="A43" s="8">
        <v>31</v>
      </c>
      <c r="B43" s="34">
        <v>1</v>
      </c>
      <c r="C43" s="13">
        <v>1</v>
      </c>
      <c r="D43" s="12">
        <v>2</v>
      </c>
    </row>
    <row r="44" spans="1:4" ht="18" customHeight="1" x14ac:dyDescent="0.15">
      <c r="A44" s="8">
        <v>32</v>
      </c>
      <c r="B44" s="34">
        <v>2</v>
      </c>
      <c r="C44" s="13">
        <v>3</v>
      </c>
      <c r="D44" s="12">
        <v>5</v>
      </c>
    </row>
    <row r="45" spans="1:4" ht="18" customHeight="1" x14ac:dyDescent="0.15">
      <c r="A45" s="8">
        <v>33</v>
      </c>
      <c r="B45" s="34">
        <v>7</v>
      </c>
      <c r="C45" s="13">
        <v>2</v>
      </c>
      <c r="D45" s="12">
        <v>9</v>
      </c>
    </row>
    <row r="46" spans="1:4" ht="18" customHeight="1" x14ac:dyDescent="0.15">
      <c r="A46" s="8">
        <v>34</v>
      </c>
      <c r="B46" s="34">
        <v>5</v>
      </c>
      <c r="C46" s="13">
        <v>2</v>
      </c>
      <c r="D46" s="12">
        <v>7</v>
      </c>
    </row>
    <row r="47" spans="1:4" ht="18" customHeight="1" x14ac:dyDescent="0.15">
      <c r="A47" s="8" t="s">
        <v>61</v>
      </c>
      <c r="B47" s="34">
        <v>17</v>
      </c>
      <c r="C47" s="13">
        <v>9</v>
      </c>
      <c r="D47" s="12">
        <v>26</v>
      </c>
    </row>
    <row r="48" spans="1:4" ht="18" customHeight="1" x14ac:dyDescent="0.15">
      <c r="A48" s="8">
        <v>35</v>
      </c>
      <c r="B48" s="34">
        <v>4</v>
      </c>
      <c r="C48" s="13">
        <v>1</v>
      </c>
      <c r="D48" s="12">
        <v>5</v>
      </c>
    </row>
    <row r="49" spans="1:4" ht="18" customHeight="1" x14ac:dyDescent="0.15">
      <c r="A49" s="8">
        <v>36</v>
      </c>
      <c r="B49" s="34">
        <v>5</v>
      </c>
      <c r="C49" s="13">
        <v>4</v>
      </c>
      <c r="D49" s="12">
        <v>9</v>
      </c>
    </row>
    <row r="50" spans="1:4" ht="18" customHeight="1" x14ac:dyDescent="0.15">
      <c r="A50" s="8">
        <v>37</v>
      </c>
      <c r="B50" s="34">
        <v>2</v>
      </c>
      <c r="C50" s="13">
        <v>3</v>
      </c>
      <c r="D50" s="12">
        <v>5</v>
      </c>
    </row>
    <row r="51" spans="1:4" ht="18" customHeight="1" x14ac:dyDescent="0.15">
      <c r="A51" s="8">
        <v>38</v>
      </c>
      <c r="B51" s="34">
        <v>3</v>
      </c>
      <c r="C51" s="13">
        <v>3</v>
      </c>
      <c r="D51" s="12">
        <v>6</v>
      </c>
    </row>
    <row r="52" spans="1:4" ht="18" customHeight="1" x14ac:dyDescent="0.15">
      <c r="A52" s="8">
        <v>39</v>
      </c>
      <c r="B52" s="34">
        <v>1</v>
      </c>
      <c r="C52" s="13">
        <v>3</v>
      </c>
      <c r="D52" s="12">
        <v>4</v>
      </c>
    </row>
    <row r="53" spans="1:4" ht="18" customHeight="1" x14ac:dyDescent="0.15">
      <c r="A53" s="8" t="s">
        <v>72</v>
      </c>
      <c r="B53" s="34">
        <v>15</v>
      </c>
      <c r="C53" s="13">
        <v>14</v>
      </c>
      <c r="D53" s="12">
        <v>29</v>
      </c>
    </row>
    <row r="54" spans="1:4" ht="18" customHeight="1" x14ac:dyDescent="0.15">
      <c r="A54" s="8">
        <v>40</v>
      </c>
      <c r="B54" s="34">
        <v>3</v>
      </c>
      <c r="C54" s="13">
        <v>6</v>
      </c>
      <c r="D54" s="12">
        <v>9</v>
      </c>
    </row>
    <row r="55" spans="1:4" ht="18" customHeight="1" x14ac:dyDescent="0.15">
      <c r="A55" s="8">
        <v>41</v>
      </c>
      <c r="B55" s="34">
        <v>4</v>
      </c>
      <c r="C55" s="13">
        <v>4</v>
      </c>
      <c r="D55" s="12">
        <v>8</v>
      </c>
    </row>
    <row r="56" spans="1:4" ht="18" customHeight="1" x14ac:dyDescent="0.15">
      <c r="A56" s="8">
        <v>42</v>
      </c>
      <c r="B56" s="34">
        <v>1</v>
      </c>
      <c r="C56" s="13">
        <v>1</v>
      </c>
      <c r="D56" s="12">
        <v>2</v>
      </c>
    </row>
    <row r="57" spans="1:4" ht="18" customHeight="1" x14ac:dyDescent="0.15">
      <c r="A57" s="8">
        <v>43</v>
      </c>
      <c r="B57" s="34">
        <v>2</v>
      </c>
      <c r="C57" s="13">
        <v>9</v>
      </c>
      <c r="D57" s="12">
        <v>11</v>
      </c>
    </row>
    <row r="58" spans="1:4" ht="18" customHeight="1" x14ac:dyDescent="0.15">
      <c r="A58" s="8">
        <v>44</v>
      </c>
      <c r="B58" s="34">
        <v>7</v>
      </c>
      <c r="C58" s="13">
        <v>0</v>
      </c>
      <c r="D58" s="12">
        <v>7</v>
      </c>
    </row>
    <row r="59" spans="1:4" ht="18" customHeight="1" x14ac:dyDescent="0.15">
      <c r="A59" s="8" t="s">
        <v>46</v>
      </c>
      <c r="B59" s="34">
        <v>17</v>
      </c>
      <c r="C59" s="13">
        <v>20</v>
      </c>
      <c r="D59" s="12">
        <v>37</v>
      </c>
    </row>
    <row r="60" spans="1:4" ht="18" customHeight="1" x14ac:dyDescent="0.15">
      <c r="A60" s="8">
        <v>45</v>
      </c>
      <c r="B60" s="34">
        <v>5</v>
      </c>
      <c r="C60" s="13">
        <v>1</v>
      </c>
      <c r="D60" s="12">
        <v>6</v>
      </c>
    </row>
    <row r="61" spans="1:4" ht="18" customHeight="1" x14ac:dyDescent="0.15">
      <c r="A61" s="8">
        <v>46</v>
      </c>
      <c r="B61" s="34">
        <v>4</v>
      </c>
      <c r="C61" s="13">
        <v>3</v>
      </c>
      <c r="D61" s="12">
        <v>7</v>
      </c>
    </row>
    <row r="62" spans="1:4" ht="18" customHeight="1" x14ac:dyDescent="0.15">
      <c r="A62" s="8">
        <v>47</v>
      </c>
      <c r="B62" s="34">
        <v>7</v>
      </c>
      <c r="C62" s="13">
        <v>10</v>
      </c>
      <c r="D62" s="12">
        <v>17</v>
      </c>
    </row>
    <row r="63" spans="1:4" ht="18" customHeight="1" x14ac:dyDescent="0.15">
      <c r="A63" s="8">
        <v>48</v>
      </c>
      <c r="B63" s="34">
        <v>7</v>
      </c>
      <c r="C63" s="13">
        <v>3</v>
      </c>
      <c r="D63" s="12">
        <v>10</v>
      </c>
    </row>
    <row r="64" spans="1:4" ht="18" customHeight="1" x14ac:dyDescent="0.15">
      <c r="A64" s="8">
        <v>49</v>
      </c>
      <c r="B64" s="34">
        <v>4</v>
      </c>
      <c r="C64" s="13">
        <v>7</v>
      </c>
      <c r="D64" s="12">
        <v>11</v>
      </c>
    </row>
    <row r="65" spans="1:4" ht="18" customHeight="1" x14ac:dyDescent="0.15">
      <c r="A65" s="8" t="s">
        <v>45</v>
      </c>
      <c r="B65" s="34">
        <v>27</v>
      </c>
      <c r="C65" s="13">
        <v>24</v>
      </c>
      <c r="D65" s="12">
        <v>51</v>
      </c>
    </row>
    <row r="66" spans="1:4" ht="18" customHeight="1" x14ac:dyDescent="0.15">
      <c r="A66" s="8">
        <v>50</v>
      </c>
      <c r="B66" s="34">
        <v>2</v>
      </c>
      <c r="C66" s="13">
        <v>7</v>
      </c>
      <c r="D66" s="12">
        <v>9</v>
      </c>
    </row>
    <row r="67" spans="1:4" ht="18" customHeight="1" x14ac:dyDescent="0.15">
      <c r="A67" s="8">
        <v>51</v>
      </c>
      <c r="B67" s="34">
        <v>3</v>
      </c>
      <c r="C67" s="13">
        <v>4</v>
      </c>
      <c r="D67" s="12">
        <v>7</v>
      </c>
    </row>
    <row r="68" spans="1:4" ht="18" customHeight="1" x14ac:dyDescent="0.15">
      <c r="A68" s="8">
        <v>52</v>
      </c>
      <c r="B68" s="34">
        <v>3</v>
      </c>
      <c r="C68" s="13">
        <v>4</v>
      </c>
      <c r="D68" s="12">
        <v>7</v>
      </c>
    </row>
    <row r="69" spans="1:4" ht="18" customHeight="1" x14ac:dyDescent="0.15">
      <c r="A69" s="8">
        <v>53</v>
      </c>
      <c r="B69" s="34">
        <v>5</v>
      </c>
      <c r="C69" s="13">
        <v>3</v>
      </c>
      <c r="D69" s="12">
        <v>8</v>
      </c>
    </row>
    <row r="70" spans="1:4" ht="18" customHeight="1" x14ac:dyDescent="0.15">
      <c r="A70" s="8">
        <v>54</v>
      </c>
      <c r="B70" s="34">
        <v>8</v>
      </c>
      <c r="C70" s="13">
        <v>5</v>
      </c>
      <c r="D70" s="12">
        <v>13</v>
      </c>
    </row>
    <row r="71" spans="1:4" ht="18" customHeight="1" x14ac:dyDescent="0.15">
      <c r="A71" s="8" t="s">
        <v>58</v>
      </c>
      <c r="B71" s="34">
        <v>21</v>
      </c>
      <c r="C71" s="13">
        <v>23</v>
      </c>
      <c r="D71" s="12">
        <v>44</v>
      </c>
    </row>
    <row r="72" spans="1:4" ht="18" customHeight="1" x14ac:dyDescent="0.15">
      <c r="A72" s="8">
        <v>55</v>
      </c>
      <c r="B72" s="34">
        <v>5</v>
      </c>
      <c r="C72" s="13">
        <v>11</v>
      </c>
      <c r="D72" s="12">
        <v>16</v>
      </c>
    </row>
    <row r="73" spans="1:4" ht="18" customHeight="1" x14ac:dyDescent="0.15">
      <c r="A73" s="8">
        <v>56</v>
      </c>
      <c r="B73" s="34">
        <v>6</v>
      </c>
      <c r="C73" s="13">
        <v>6</v>
      </c>
      <c r="D73" s="12">
        <v>12</v>
      </c>
    </row>
    <row r="74" spans="1:4" ht="18" customHeight="1" x14ac:dyDescent="0.15">
      <c r="A74" s="8">
        <v>57</v>
      </c>
      <c r="B74" s="34">
        <v>3</v>
      </c>
      <c r="C74" s="13">
        <v>8</v>
      </c>
      <c r="D74" s="12">
        <v>11</v>
      </c>
    </row>
    <row r="75" spans="1:4" ht="18" customHeight="1" x14ac:dyDescent="0.15">
      <c r="A75" s="8">
        <v>58</v>
      </c>
      <c r="B75" s="34">
        <v>8</v>
      </c>
      <c r="C75" s="13">
        <v>2</v>
      </c>
      <c r="D75" s="12">
        <v>10</v>
      </c>
    </row>
    <row r="76" spans="1:4" ht="18" customHeight="1" x14ac:dyDescent="0.15">
      <c r="A76" s="8">
        <v>59</v>
      </c>
      <c r="B76" s="34">
        <v>6</v>
      </c>
      <c r="C76" s="13">
        <v>8</v>
      </c>
      <c r="D76" s="12">
        <v>14</v>
      </c>
    </row>
    <row r="77" spans="1:4" ht="18" customHeight="1" x14ac:dyDescent="0.15">
      <c r="A77" s="8" t="s">
        <v>71</v>
      </c>
      <c r="B77" s="34">
        <v>28</v>
      </c>
      <c r="C77" s="13">
        <v>35</v>
      </c>
      <c r="D77" s="12">
        <v>63</v>
      </c>
    </row>
    <row r="78" spans="1:4" ht="18" customHeight="1" x14ac:dyDescent="0.15">
      <c r="A78" s="8">
        <v>60</v>
      </c>
      <c r="B78" s="34">
        <v>8</v>
      </c>
      <c r="C78" s="13">
        <v>8</v>
      </c>
      <c r="D78" s="12">
        <v>16</v>
      </c>
    </row>
    <row r="79" spans="1:4" ht="18" customHeight="1" x14ac:dyDescent="0.15">
      <c r="A79" s="8">
        <v>61</v>
      </c>
      <c r="B79" s="34">
        <v>6</v>
      </c>
      <c r="C79" s="13">
        <v>8</v>
      </c>
      <c r="D79" s="12">
        <v>14</v>
      </c>
    </row>
    <row r="80" spans="1:4" ht="18" customHeight="1" x14ac:dyDescent="0.15">
      <c r="A80" s="8">
        <v>62</v>
      </c>
      <c r="B80" s="34">
        <v>11</v>
      </c>
      <c r="C80" s="13">
        <v>8</v>
      </c>
      <c r="D80" s="12">
        <v>19</v>
      </c>
    </row>
    <row r="81" spans="1:4" ht="18" customHeight="1" x14ac:dyDescent="0.15">
      <c r="A81" s="8">
        <v>63</v>
      </c>
      <c r="B81" s="34">
        <v>10</v>
      </c>
      <c r="C81" s="13">
        <v>7</v>
      </c>
      <c r="D81" s="12">
        <v>17</v>
      </c>
    </row>
    <row r="82" spans="1:4" ht="18" customHeight="1" x14ac:dyDescent="0.15">
      <c r="A82" s="8">
        <v>64</v>
      </c>
      <c r="B82" s="34">
        <v>8</v>
      </c>
      <c r="C82" s="13">
        <v>5</v>
      </c>
      <c r="D82" s="12">
        <v>13</v>
      </c>
    </row>
    <row r="83" spans="1:4" ht="18" customHeight="1" x14ac:dyDescent="0.15">
      <c r="A83" s="8" t="s">
        <v>44</v>
      </c>
      <c r="B83" s="34">
        <v>43</v>
      </c>
      <c r="C83" s="13">
        <v>36</v>
      </c>
      <c r="D83" s="12">
        <v>79</v>
      </c>
    </row>
    <row r="84" spans="1:4" ht="18" customHeight="1" x14ac:dyDescent="0.15">
      <c r="A84" s="8" t="s">
        <v>43</v>
      </c>
      <c r="B84" s="34">
        <v>209</v>
      </c>
      <c r="C84" s="13">
        <v>205</v>
      </c>
      <c r="D84" s="12">
        <v>414</v>
      </c>
    </row>
    <row r="85" spans="1:4" ht="18" customHeight="1" x14ac:dyDescent="0.15">
      <c r="A85" s="8">
        <v>65</v>
      </c>
      <c r="B85" s="34">
        <v>3</v>
      </c>
      <c r="C85" s="13">
        <v>4</v>
      </c>
      <c r="D85" s="12">
        <v>7</v>
      </c>
    </row>
    <row r="86" spans="1:4" ht="18" customHeight="1" x14ac:dyDescent="0.15">
      <c r="A86" s="8">
        <v>66</v>
      </c>
      <c r="B86" s="34">
        <v>7</v>
      </c>
      <c r="C86" s="13">
        <v>5</v>
      </c>
      <c r="D86" s="12">
        <v>12</v>
      </c>
    </row>
    <row r="87" spans="1:4" ht="18" customHeight="1" x14ac:dyDescent="0.15">
      <c r="A87" s="8">
        <v>67</v>
      </c>
      <c r="B87" s="34">
        <v>6</v>
      </c>
      <c r="C87" s="13">
        <v>2</v>
      </c>
      <c r="D87" s="12">
        <v>8</v>
      </c>
    </row>
    <row r="88" spans="1:4" ht="18" customHeight="1" x14ac:dyDescent="0.15">
      <c r="A88" s="8">
        <v>68</v>
      </c>
      <c r="B88" s="34">
        <v>6</v>
      </c>
      <c r="C88" s="13">
        <v>6</v>
      </c>
      <c r="D88" s="12">
        <v>12</v>
      </c>
    </row>
    <row r="89" spans="1:4" ht="18" customHeight="1" x14ac:dyDescent="0.15">
      <c r="A89" s="8">
        <v>69</v>
      </c>
      <c r="B89" s="34">
        <v>10</v>
      </c>
      <c r="C89" s="13">
        <v>7</v>
      </c>
      <c r="D89" s="12">
        <v>17</v>
      </c>
    </row>
    <row r="90" spans="1:4" ht="18" customHeight="1" x14ac:dyDescent="0.15">
      <c r="A90" s="8" t="s">
        <v>42</v>
      </c>
      <c r="B90" s="34">
        <v>32</v>
      </c>
      <c r="C90" s="13">
        <v>24</v>
      </c>
      <c r="D90" s="12">
        <v>56</v>
      </c>
    </row>
    <row r="91" spans="1:4" ht="18" customHeight="1" x14ac:dyDescent="0.15">
      <c r="A91" s="8">
        <v>70</v>
      </c>
      <c r="B91" s="34">
        <v>5</v>
      </c>
      <c r="C91" s="13">
        <v>6</v>
      </c>
      <c r="D91" s="12">
        <v>11</v>
      </c>
    </row>
    <row r="92" spans="1:4" ht="18" customHeight="1" x14ac:dyDescent="0.15">
      <c r="A92" s="8">
        <v>71</v>
      </c>
      <c r="B92" s="34">
        <v>3</v>
      </c>
      <c r="C92" s="13">
        <v>5</v>
      </c>
      <c r="D92" s="12">
        <v>8</v>
      </c>
    </row>
    <row r="93" spans="1:4" ht="18" customHeight="1" x14ac:dyDescent="0.15">
      <c r="A93" s="8">
        <v>72</v>
      </c>
      <c r="B93" s="34">
        <v>9</v>
      </c>
      <c r="C93" s="13">
        <v>12</v>
      </c>
      <c r="D93" s="12">
        <v>21</v>
      </c>
    </row>
    <row r="94" spans="1:4" ht="18" customHeight="1" x14ac:dyDescent="0.15">
      <c r="A94" s="8">
        <v>73</v>
      </c>
      <c r="B94" s="34">
        <v>8</v>
      </c>
      <c r="C94" s="13">
        <v>11</v>
      </c>
      <c r="D94" s="12">
        <v>19</v>
      </c>
    </row>
    <row r="95" spans="1:4" ht="18" customHeight="1" x14ac:dyDescent="0.15">
      <c r="A95" s="8">
        <v>74</v>
      </c>
      <c r="B95" s="34">
        <v>9</v>
      </c>
      <c r="C95" s="13">
        <v>5</v>
      </c>
      <c r="D95" s="12">
        <v>14</v>
      </c>
    </row>
    <row r="96" spans="1:4" ht="18" customHeight="1" x14ac:dyDescent="0.15">
      <c r="A96" s="8" t="s">
        <v>41</v>
      </c>
      <c r="B96" s="34">
        <v>34</v>
      </c>
      <c r="C96" s="13">
        <v>39</v>
      </c>
      <c r="D96" s="12">
        <v>73</v>
      </c>
    </row>
    <row r="97" spans="1:4" ht="18" customHeight="1" x14ac:dyDescent="0.15">
      <c r="A97" s="8">
        <v>75</v>
      </c>
      <c r="B97" s="34">
        <v>5</v>
      </c>
      <c r="C97" s="13">
        <v>15</v>
      </c>
      <c r="D97" s="12">
        <v>20</v>
      </c>
    </row>
    <row r="98" spans="1:4" ht="18" customHeight="1" x14ac:dyDescent="0.15">
      <c r="A98" s="8">
        <v>76</v>
      </c>
      <c r="B98" s="34">
        <v>9</v>
      </c>
      <c r="C98" s="13">
        <v>6</v>
      </c>
      <c r="D98" s="12">
        <v>15</v>
      </c>
    </row>
    <row r="99" spans="1:4" ht="18" customHeight="1" x14ac:dyDescent="0.15">
      <c r="A99" s="8">
        <v>77</v>
      </c>
      <c r="B99" s="34">
        <v>4</v>
      </c>
      <c r="C99" s="13">
        <v>6</v>
      </c>
      <c r="D99" s="12">
        <v>10</v>
      </c>
    </row>
    <row r="100" spans="1:4" ht="18" customHeight="1" x14ac:dyDescent="0.15">
      <c r="A100" s="8">
        <v>78</v>
      </c>
      <c r="B100" s="34">
        <v>3</v>
      </c>
      <c r="C100" s="13">
        <v>5</v>
      </c>
      <c r="D100" s="12">
        <v>8</v>
      </c>
    </row>
    <row r="101" spans="1:4" ht="18" customHeight="1" x14ac:dyDescent="0.15">
      <c r="A101" s="8">
        <v>79</v>
      </c>
      <c r="B101" s="34">
        <v>7</v>
      </c>
      <c r="C101" s="13">
        <v>8</v>
      </c>
      <c r="D101" s="12">
        <v>15</v>
      </c>
    </row>
    <row r="102" spans="1:4" ht="18" customHeight="1" x14ac:dyDescent="0.15">
      <c r="A102" s="8" t="s">
        <v>70</v>
      </c>
      <c r="B102" s="34">
        <v>28</v>
      </c>
      <c r="C102" s="13">
        <v>40</v>
      </c>
      <c r="D102" s="12">
        <v>68</v>
      </c>
    </row>
    <row r="103" spans="1:4" ht="18" customHeight="1" x14ac:dyDescent="0.15">
      <c r="A103" s="8">
        <v>80</v>
      </c>
      <c r="B103" s="34">
        <v>3</v>
      </c>
      <c r="C103" s="13">
        <v>8</v>
      </c>
      <c r="D103" s="12">
        <v>11</v>
      </c>
    </row>
    <row r="104" spans="1:4" ht="18" customHeight="1" x14ac:dyDescent="0.15">
      <c r="A104" s="8">
        <v>81</v>
      </c>
      <c r="B104" s="34">
        <v>8</v>
      </c>
      <c r="C104" s="13">
        <v>5</v>
      </c>
      <c r="D104" s="12">
        <v>13</v>
      </c>
    </row>
    <row r="105" spans="1:4" ht="18" customHeight="1" x14ac:dyDescent="0.15">
      <c r="A105" s="8">
        <v>82</v>
      </c>
      <c r="B105" s="34">
        <v>8</v>
      </c>
      <c r="C105" s="13">
        <v>8</v>
      </c>
      <c r="D105" s="12">
        <v>16</v>
      </c>
    </row>
    <row r="106" spans="1:4" ht="18" customHeight="1" x14ac:dyDescent="0.15">
      <c r="A106" s="8">
        <v>83</v>
      </c>
      <c r="B106" s="34">
        <v>2</v>
      </c>
      <c r="C106" s="13">
        <v>5</v>
      </c>
      <c r="D106" s="12">
        <v>7</v>
      </c>
    </row>
    <row r="107" spans="1:4" ht="18" customHeight="1" x14ac:dyDescent="0.15">
      <c r="A107" s="8">
        <v>84</v>
      </c>
      <c r="B107" s="34">
        <v>3</v>
      </c>
      <c r="C107" s="13">
        <v>10</v>
      </c>
      <c r="D107" s="12">
        <v>13</v>
      </c>
    </row>
    <row r="108" spans="1:4" ht="18" customHeight="1" x14ac:dyDescent="0.15">
      <c r="A108" s="8" t="s">
        <v>39</v>
      </c>
      <c r="B108" s="34">
        <v>24</v>
      </c>
      <c r="C108" s="13">
        <v>36</v>
      </c>
      <c r="D108" s="12">
        <v>60</v>
      </c>
    </row>
    <row r="109" spans="1:4" ht="18" customHeight="1" x14ac:dyDescent="0.15">
      <c r="A109" s="8">
        <v>85</v>
      </c>
      <c r="B109" s="34">
        <v>5</v>
      </c>
      <c r="C109" s="13">
        <v>12</v>
      </c>
      <c r="D109" s="12">
        <v>17</v>
      </c>
    </row>
    <row r="110" spans="1:4" ht="18" customHeight="1" x14ac:dyDescent="0.15">
      <c r="A110" s="8">
        <v>86</v>
      </c>
      <c r="B110" s="34">
        <v>2</v>
      </c>
      <c r="C110" s="13">
        <v>3</v>
      </c>
      <c r="D110" s="12">
        <v>5</v>
      </c>
    </row>
    <row r="111" spans="1:4" ht="18" customHeight="1" x14ac:dyDescent="0.15">
      <c r="A111" s="8">
        <v>87</v>
      </c>
      <c r="B111" s="34">
        <v>3</v>
      </c>
      <c r="C111" s="13">
        <v>9</v>
      </c>
      <c r="D111" s="12">
        <v>12</v>
      </c>
    </row>
    <row r="112" spans="1:4" ht="18" customHeight="1" x14ac:dyDescent="0.15">
      <c r="A112" s="8">
        <v>88</v>
      </c>
      <c r="B112" s="34">
        <v>5</v>
      </c>
      <c r="C112" s="13">
        <v>4</v>
      </c>
      <c r="D112" s="12">
        <v>9</v>
      </c>
    </row>
    <row r="113" spans="1:4" ht="18" customHeight="1" x14ac:dyDescent="0.15">
      <c r="A113" s="8">
        <v>89</v>
      </c>
      <c r="B113" s="34">
        <v>2</v>
      </c>
      <c r="C113" s="13">
        <v>0</v>
      </c>
      <c r="D113" s="12">
        <v>2</v>
      </c>
    </row>
    <row r="114" spans="1:4" ht="18" customHeight="1" x14ac:dyDescent="0.15">
      <c r="A114" s="8" t="s">
        <v>38</v>
      </c>
      <c r="B114" s="34">
        <v>17</v>
      </c>
      <c r="C114" s="13">
        <v>28</v>
      </c>
      <c r="D114" s="12">
        <v>45</v>
      </c>
    </row>
    <row r="115" spans="1:4" ht="18" customHeight="1" x14ac:dyDescent="0.15">
      <c r="A115" s="8">
        <v>90</v>
      </c>
      <c r="B115" s="34">
        <v>0</v>
      </c>
      <c r="C115" s="13">
        <v>5</v>
      </c>
      <c r="D115" s="12">
        <v>5</v>
      </c>
    </row>
    <row r="116" spans="1:4" ht="18" customHeight="1" x14ac:dyDescent="0.15">
      <c r="A116" s="8">
        <v>91</v>
      </c>
      <c r="B116" s="34">
        <v>0</v>
      </c>
      <c r="C116" s="13">
        <v>2</v>
      </c>
      <c r="D116" s="12">
        <v>2</v>
      </c>
    </row>
    <row r="117" spans="1:4" ht="18" customHeight="1" x14ac:dyDescent="0.15">
      <c r="A117" s="8">
        <v>92</v>
      </c>
      <c r="B117" s="34">
        <v>0</v>
      </c>
      <c r="C117" s="13">
        <v>3</v>
      </c>
      <c r="D117" s="12">
        <v>3</v>
      </c>
    </row>
    <row r="118" spans="1:4" ht="18" customHeight="1" x14ac:dyDescent="0.15">
      <c r="A118" s="8">
        <v>93</v>
      </c>
      <c r="B118" s="34">
        <v>1</v>
      </c>
      <c r="C118" s="13">
        <v>2</v>
      </c>
      <c r="D118" s="12">
        <v>3</v>
      </c>
    </row>
    <row r="119" spans="1:4" ht="18" customHeight="1" x14ac:dyDescent="0.15">
      <c r="A119" s="8">
        <v>94</v>
      </c>
      <c r="B119" s="34">
        <v>0</v>
      </c>
      <c r="C119" s="13">
        <v>2</v>
      </c>
      <c r="D119" s="12">
        <v>2</v>
      </c>
    </row>
    <row r="120" spans="1:4" ht="18" customHeight="1" x14ac:dyDescent="0.15">
      <c r="A120" s="8" t="s">
        <v>69</v>
      </c>
      <c r="B120" s="34">
        <v>1</v>
      </c>
      <c r="C120" s="13">
        <v>14</v>
      </c>
      <c r="D120" s="12">
        <v>15</v>
      </c>
    </row>
    <row r="121" spans="1:4" ht="18" customHeight="1" x14ac:dyDescent="0.15">
      <c r="A121" s="8">
        <v>95</v>
      </c>
      <c r="B121" s="34">
        <v>2</v>
      </c>
      <c r="C121" s="13">
        <v>1</v>
      </c>
      <c r="D121" s="12">
        <v>3</v>
      </c>
    </row>
    <row r="122" spans="1:4" ht="18" customHeight="1" x14ac:dyDescent="0.15">
      <c r="A122" s="8">
        <v>96</v>
      </c>
      <c r="B122" s="34">
        <v>0</v>
      </c>
      <c r="C122" s="13">
        <v>1</v>
      </c>
      <c r="D122" s="12">
        <v>1</v>
      </c>
    </row>
    <row r="123" spans="1:4" ht="18" customHeight="1" x14ac:dyDescent="0.15">
      <c r="A123" s="8">
        <v>97</v>
      </c>
      <c r="B123" s="34">
        <v>0</v>
      </c>
      <c r="C123" s="13">
        <v>0</v>
      </c>
      <c r="D123" s="12">
        <v>0</v>
      </c>
    </row>
    <row r="124" spans="1:4" ht="18" customHeight="1" x14ac:dyDescent="0.15">
      <c r="A124" s="8">
        <v>98</v>
      </c>
      <c r="B124" s="34">
        <v>0</v>
      </c>
      <c r="C124" s="13">
        <v>1</v>
      </c>
      <c r="D124" s="12">
        <v>1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2</v>
      </c>
      <c r="C126" s="13">
        <v>3</v>
      </c>
      <c r="D126" s="12">
        <v>5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2</v>
      </c>
      <c r="D128" s="12">
        <v>2</v>
      </c>
    </row>
    <row r="129" spans="1:4" ht="18" customHeight="1" x14ac:dyDescent="0.15">
      <c r="A129" s="8" t="s">
        <v>36</v>
      </c>
      <c r="B129" s="34">
        <v>0</v>
      </c>
      <c r="C129" s="13">
        <v>3</v>
      </c>
      <c r="D129" s="12">
        <v>3</v>
      </c>
    </row>
    <row r="130" spans="1:4" ht="18" customHeight="1" x14ac:dyDescent="0.15">
      <c r="A130" s="8" t="s">
        <v>35</v>
      </c>
      <c r="B130" s="28">
        <v>138</v>
      </c>
      <c r="C130" s="6">
        <v>187</v>
      </c>
      <c r="D130" s="5">
        <v>325</v>
      </c>
    </row>
    <row r="131" spans="1:4" ht="18" customHeight="1" x14ac:dyDescent="0.15">
      <c r="A131" s="4" t="s">
        <v>0</v>
      </c>
      <c r="B131" s="27">
        <v>383</v>
      </c>
      <c r="C131" s="2">
        <v>425</v>
      </c>
      <c r="D131" s="1">
        <v>80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8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1</v>
      </c>
      <c r="C5" s="44">
        <v>12</v>
      </c>
      <c r="D5" s="43">
        <v>23</v>
      </c>
    </row>
    <row r="6" spans="1:4" ht="18" customHeight="1" x14ac:dyDescent="0.15">
      <c r="A6" s="8">
        <v>1</v>
      </c>
      <c r="B6" s="39">
        <v>11</v>
      </c>
      <c r="C6" s="13">
        <v>16</v>
      </c>
      <c r="D6" s="12">
        <v>27</v>
      </c>
    </row>
    <row r="7" spans="1:4" ht="18" customHeight="1" x14ac:dyDescent="0.15">
      <c r="A7" s="8">
        <v>2</v>
      </c>
      <c r="B7" s="39">
        <v>13</v>
      </c>
      <c r="C7" s="13">
        <v>15</v>
      </c>
      <c r="D7" s="12">
        <v>28</v>
      </c>
    </row>
    <row r="8" spans="1:4" ht="18" customHeight="1" x14ac:dyDescent="0.15">
      <c r="A8" s="8">
        <v>3</v>
      </c>
      <c r="B8" s="39">
        <v>14</v>
      </c>
      <c r="C8" s="13">
        <v>16</v>
      </c>
      <c r="D8" s="12">
        <v>30</v>
      </c>
    </row>
    <row r="9" spans="1:4" ht="18" customHeight="1" x14ac:dyDescent="0.15">
      <c r="A9" s="8">
        <v>4</v>
      </c>
      <c r="B9" s="42">
        <v>24</v>
      </c>
      <c r="C9" s="41">
        <v>17</v>
      </c>
      <c r="D9" s="40">
        <v>41</v>
      </c>
    </row>
    <row r="10" spans="1:4" ht="18" customHeight="1" x14ac:dyDescent="0.15">
      <c r="A10" s="8" t="s">
        <v>282</v>
      </c>
      <c r="B10" s="34">
        <v>73</v>
      </c>
      <c r="C10" s="13">
        <v>76</v>
      </c>
      <c r="D10" s="12">
        <v>149</v>
      </c>
    </row>
    <row r="11" spans="1:4" ht="18" customHeight="1" x14ac:dyDescent="0.15">
      <c r="A11" s="8">
        <v>5</v>
      </c>
      <c r="B11" s="39">
        <v>24</v>
      </c>
      <c r="C11" s="13">
        <v>31</v>
      </c>
      <c r="D11" s="12">
        <v>55</v>
      </c>
    </row>
    <row r="12" spans="1:4" ht="18" customHeight="1" x14ac:dyDescent="0.15">
      <c r="A12" s="8">
        <v>6</v>
      </c>
      <c r="B12" s="39">
        <v>33</v>
      </c>
      <c r="C12" s="13">
        <v>22</v>
      </c>
      <c r="D12" s="12">
        <v>55</v>
      </c>
    </row>
    <row r="13" spans="1:4" ht="18" customHeight="1" x14ac:dyDescent="0.15">
      <c r="A13" s="8">
        <v>7</v>
      </c>
      <c r="B13" s="39">
        <v>31</v>
      </c>
      <c r="C13" s="13">
        <v>25</v>
      </c>
      <c r="D13" s="12">
        <v>56</v>
      </c>
    </row>
    <row r="14" spans="1:4" ht="18" customHeight="1" x14ac:dyDescent="0.15">
      <c r="A14" s="8">
        <v>8</v>
      </c>
      <c r="B14" s="39">
        <v>31</v>
      </c>
      <c r="C14" s="13">
        <v>25</v>
      </c>
      <c r="D14" s="12">
        <v>56</v>
      </c>
    </row>
    <row r="15" spans="1:4" ht="18" customHeight="1" x14ac:dyDescent="0.15">
      <c r="A15" s="8">
        <v>9</v>
      </c>
      <c r="B15" s="39">
        <v>19</v>
      </c>
      <c r="C15" s="13">
        <v>27</v>
      </c>
      <c r="D15" s="12">
        <v>46</v>
      </c>
    </row>
    <row r="16" spans="1:4" ht="18" customHeight="1" x14ac:dyDescent="0.15">
      <c r="A16" s="8" t="s">
        <v>50</v>
      </c>
      <c r="B16" s="34">
        <v>138</v>
      </c>
      <c r="C16" s="13">
        <v>130</v>
      </c>
      <c r="D16" s="12">
        <v>268</v>
      </c>
    </row>
    <row r="17" spans="1:4" ht="18" customHeight="1" x14ac:dyDescent="0.15">
      <c r="A17" s="8">
        <v>10</v>
      </c>
      <c r="B17" s="34">
        <v>40</v>
      </c>
      <c r="C17" s="13">
        <v>30</v>
      </c>
      <c r="D17" s="12">
        <v>70</v>
      </c>
    </row>
    <row r="18" spans="1:4" ht="18" customHeight="1" x14ac:dyDescent="0.15">
      <c r="A18" s="8">
        <v>11</v>
      </c>
      <c r="B18" s="34">
        <v>35</v>
      </c>
      <c r="C18" s="13">
        <v>27</v>
      </c>
      <c r="D18" s="12">
        <v>62</v>
      </c>
    </row>
    <row r="19" spans="1:4" ht="18" customHeight="1" x14ac:dyDescent="0.15">
      <c r="A19" s="8">
        <v>12</v>
      </c>
      <c r="B19" s="34">
        <v>32</v>
      </c>
      <c r="C19" s="13">
        <v>20</v>
      </c>
      <c r="D19" s="12">
        <v>52</v>
      </c>
    </row>
    <row r="20" spans="1:4" ht="18" customHeight="1" x14ac:dyDescent="0.15">
      <c r="A20" s="8">
        <v>13</v>
      </c>
      <c r="B20" s="34">
        <v>40</v>
      </c>
      <c r="C20" s="13">
        <v>32</v>
      </c>
      <c r="D20" s="12">
        <v>72</v>
      </c>
    </row>
    <row r="21" spans="1:4" ht="18" customHeight="1" x14ac:dyDescent="0.15">
      <c r="A21" s="8">
        <v>14</v>
      </c>
      <c r="B21" s="34">
        <v>44</v>
      </c>
      <c r="C21" s="13">
        <v>34</v>
      </c>
      <c r="D21" s="12">
        <v>78</v>
      </c>
    </row>
    <row r="22" spans="1:4" ht="18" customHeight="1" x14ac:dyDescent="0.15">
      <c r="A22" s="8" t="s">
        <v>281</v>
      </c>
      <c r="B22" s="34">
        <v>191</v>
      </c>
      <c r="C22" s="13">
        <v>143</v>
      </c>
      <c r="D22" s="12">
        <v>334</v>
      </c>
    </row>
    <row r="23" spans="1:4" ht="18" customHeight="1" x14ac:dyDescent="0.15">
      <c r="A23" s="8" t="s">
        <v>65</v>
      </c>
      <c r="B23" s="34">
        <v>402</v>
      </c>
      <c r="C23" s="13">
        <v>349</v>
      </c>
      <c r="D23" s="12">
        <v>751</v>
      </c>
    </row>
    <row r="24" spans="1:4" ht="18" customHeight="1" x14ac:dyDescent="0.15">
      <c r="A24" s="8">
        <v>15</v>
      </c>
      <c r="B24" s="34">
        <v>31</v>
      </c>
      <c r="C24" s="13">
        <v>42</v>
      </c>
      <c r="D24" s="12">
        <v>73</v>
      </c>
    </row>
    <row r="25" spans="1:4" ht="18" customHeight="1" x14ac:dyDescent="0.15">
      <c r="A25" s="8">
        <v>16</v>
      </c>
      <c r="B25" s="34">
        <v>44</v>
      </c>
      <c r="C25" s="13">
        <v>39</v>
      </c>
      <c r="D25" s="12">
        <v>83</v>
      </c>
    </row>
    <row r="26" spans="1:4" ht="18" customHeight="1" x14ac:dyDescent="0.15">
      <c r="A26" s="8">
        <v>17</v>
      </c>
      <c r="B26" s="34">
        <v>38</v>
      </c>
      <c r="C26" s="13">
        <v>40</v>
      </c>
      <c r="D26" s="12">
        <v>78</v>
      </c>
    </row>
    <row r="27" spans="1:4" ht="18" customHeight="1" x14ac:dyDescent="0.15">
      <c r="A27" s="8">
        <v>18</v>
      </c>
      <c r="B27" s="34">
        <v>53</v>
      </c>
      <c r="C27" s="13">
        <v>41</v>
      </c>
      <c r="D27" s="12">
        <v>94</v>
      </c>
    </row>
    <row r="28" spans="1:4" ht="18" customHeight="1" x14ac:dyDescent="0.15">
      <c r="A28" s="8">
        <v>19</v>
      </c>
      <c r="B28" s="34">
        <v>38</v>
      </c>
      <c r="C28" s="13">
        <v>47</v>
      </c>
      <c r="D28" s="12">
        <v>85</v>
      </c>
    </row>
    <row r="29" spans="1:4" ht="18" customHeight="1" x14ac:dyDescent="0.15">
      <c r="A29" s="8" t="s">
        <v>48</v>
      </c>
      <c r="B29" s="34">
        <v>204</v>
      </c>
      <c r="C29" s="13">
        <v>209</v>
      </c>
      <c r="D29" s="12">
        <v>413</v>
      </c>
    </row>
    <row r="30" spans="1:4" ht="18" customHeight="1" x14ac:dyDescent="0.15">
      <c r="A30" s="8">
        <v>20</v>
      </c>
      <c r="B30" s="34">
        <v>44</v>
      </c>
      <c r="C30" s="13">
        <v>47</v>
      </c>
      <c r="D30" s="12">
        <v>91</v>
      </c>
    </row>
    <row r="31" spans="1:4" ht="18" customHeight="1" x14ac:dyDescent="0.15">
      <c r="A31" s="8">
        <v>21</v>
      </c>
      <c r="B31" s="34">
        <v>49</v>
      </c>
      <c r="C31" s="13">
        <v>56</v>
      </c>
      <c r="D31" s="12">
        <v>105</v>
      </c>
    </row>
    <row r="32" spans="1:4" ht="18" customHeight="1" x14ac:dyDescent="0.15">
      <c r="A32" s="8">
        <v>22</v>
      </c>
      <c r="B32" s="34">
        <v>44</v>
      </c>
      <c r="C32" s="13">
        <v>45</v>
      </c>
      <c r="D32" s="12">
        <v>89</v>
      </c>
    </row>
    <row r="33" spans="1:4" ht="18" customHeight="1" x14ac:dyDescent="0.15">
      <c r="A33" s="8">
        <v>23</v>
      </c>
      <c r="B33" s="34">
        <v>51</v>
      </c>
      <c r="C33" s="13">
        <v>34</v>
      </c>
      <c r="D33" s="12">
        <v>85</v>
      </c>
    </row>
    <row r="34" spans="1:4" ht="18" customHeight="1" x14ac:dyDescent="0.15">
      <c r="A34" s="8">
        <v>24</v>
      </c>
      <c r="B34" s="34">
        <v>45</v>
      </c>
      <c r="C34" s="13">
        <v>37</v>
      </c>
      <c r="D34" s="12">
        <v>82</v>
      </c>
    </row>
    <row r="35" spans="1:4" ht="18" customHeight="1" x14ac:dyDescent="0.15">
      <c r="A35" s="8" t="s">
        <v>280</v>
      </c>
      <c r="B35" s="34">
        <v>233</v>
      </c>
      <c r="C35" s="13">
        <v>219</v>
      </c>
      <c r="D35" s="12">
        <v>452</v>
      </c>
    </row>
    <row r="36" spans="1:4" ht="18" customHeight="1" x14ac:dyDescent="0.15">
      <c r="A36" s="8">
        <v>25</v>
      </c>
      <c r="B36" s="34">
        <v>43</v>
      </c>
      <c r="C36" s="13">
        <v>33</v>
      </c>
      <c r="D36" s="12">
        <v>76</v>
      </c>
    </row>
    <row r="37" spans="1:4" ht="18" customHeight="1" x14ac:dyDescent="0.15">
      <c r="A37" s="8">
        <v>26</v>
      </c>
      <c r="B37" s="34">
        <v>40</v>
      </c>
      <c r="C37" s="13">
        <v>37</v>
      </c>
      <c r="D37" s="12">
        <v>77</v>
      </c>
    </row>
    <row r="38" spans="1:4" ht="18" customHeight="1" x14ac:dyDescent="0.15">
      <c r="A38" s="8">
        <v>27</v>
      </c>
      <c r="B38" s="34">
        <v>36</v>
      </c>
      <c r="C38" s="13">
        <v>29</v>
      </c>
      <c r="D38" s="12">
        <v>65</v>
      </c>
    </row>
    <row r="39" spans="1:4" ht="18" customHeight="1" x14ac:dyDescent="0.15">
      <c r="A39" s="8">
        <v>28</v>
      </c>
      <c r="B39" s="34">
        <v>39</v>
      </c>
      <c r="C39" s="13">
        <v>33</v>
      </c>
      <c r="D39" s="12">
        <v>72</v>
      </c>
    </row>
    <row r="40" spans="1:4" ht="18" customHeight="1" x14ac:dyDescent="0.15">
      <c r="A40" s="8">
        <v>29</v>
      </c>
      <c r="B40" s="34">
        <v>31</v>
      </c>
      <c r="C40" s="13">
        <v>26</v>
      </c>
      <c r="D40" s="12">
        <v>57</v>
      </c>
    </row>
    <row r="41" spans="1:4" ht="18" customHeight="1" x14ac:dyDescent="0.15">
      <c r="A41" s="8" t="s">
        <v>73</v>
      </c>
      <c r="B41" s="34">
        <v>189</v>
      </c>
      <c r="C41" s="13">
        <v>158</v>
      </c>
      <c r="D41" s="12">
        <v>347</v>
      </c>
    </row>
    <row r="42" spans="1:4" ht="18" customHeight="1" x14ac:dyDescent="0.15">
      <c r="A42" s="8">
        <v>30</v>
      </c>
      <c r="B42" s="34">
        <v>36</v>
      </c>
      <c r="C42" s="13">
        <v>23</v>
      </c>
      <c r="D42" s="12">
        <v>59</v>
      </c>
    </row>
    <row r="43" spans="1:4" ht="18" customHeight="1" x14ac:dyDescent="0.15">
      <c r="A43" s="8">
        <v>31</v>
      </c>
      <c r="B43" s="34">
        <v>20</v>
      </c>
      <c r="C43" s="13">
        <v>26</v>
      </c>
      <c r="D43" s="12">
        <v>46</v>
      </c>
    </row>
    <row r="44" spans="1:4" ht="18" customHeight="1" x14ac:dyDescent="0.15">
      <c r="A44" s="8">
        <v>32</v>
      </c>
      <c r="B44" s="34">
        <v>19</v>
      </c>
      <c r="C44" s="13">
        <v>19</v>
      </c>
      <c r="D44" s="12">
        <v>38</v>
      </c>
    </row>
    <row r="45" spans="1:4" ht="18" customHeight="1" x14ac:dyDescent="0.15">
      <c r="A45" s="8">
        <v>33</v>
      </c>
      <c r="B45" s="34">
        <v>39</v>
      </c>
      <c r="C45" s="13">
        <v>31</v>
      </c>
      <c r="D45" s="12">
        <v>70</v>
      </c>
    </row>
    <row r="46" spans="1:4" ht="18" customHeight="1" x14ac:dyDescent="0.15">
      <c r="A46" s="8">
        <v>34</v>
      </c>
      <c r="B46" s="34">
        <v>34</v>
      </c>
      <c r="C46" s="13">
        <v>28</v>
      </c>
      <c r="D46" s="12">
        <v>62</v>
      </c>
    </row>
    <row r="47" spans="1:4" ht="18" customHeight="1" x14ac:dyDescent="0.15">
      <c r="A47" s="8" t="s">
        <v>61</v>
      </c>
      <c r="B47" s="34">
        <v>148</v>
      </c>
      <c r="C47" s="13">
        <v>127</v>
      </c>
      <c r="D47" s="12">
        <v>275</v>
      </c>
    </row>
    <row r="48" spans="1:4" ht="18" customHeight="1" x14ac:dyDescent="0.15">
      <c r="A48" s="8">
        <v>35</v>
      </c>
      <c r="B48" s="34">
        <v>33</v>
      </c>
      <c r="C48" s="13">
        <v>19</v>
      </c>
      <c r="D48" s="12">
        <v>52</v>
      </c>
    </row>
    <row r="49" spans="1:4" ht="18" customHeight="1" x14ac:dyDescent="0.15">
      <c r="A49" s="8">
        <v>36</v>
      </c>
      <c r="B49" s="34">
        <v>32</v>
      </c>
      <c r="C49" s="13">
        <v>29</v>
      </c>
      <c r="D49" s="12">
        <v>61</v>
      </c>
    </row>
    <row r="50" spans="1:4" ht="18" customHeight="1" x14ac:dyDescent="0.15">
      <c r="A50" s="8">
        <v>37</v>
      </c>
      <c r="B50" s="34">
        <v>24</v>
      </c>
      <c r="C50" s="13">
        <v>34</v>
      </c>
      <c r="D50" s="12">
        <v>58</v>
      </c>
    </row>
    <row r="51" spans="1:4" ht="18" customHeight="1" x14ac:dyDescent="0.15">
      <c r="A51" s="8">
        <v>38</v>
      </c>
      <c r="B51" s="34">
        <v>53</v>
      </c>
      <c r="C51" s="13">
        <v>33</v>
      </c>
      <c r="D51" s="12">
        <v>86</v>
      </c>
    </row>
    <row r="52" spans="1:4" ht="18" customHeight="1" x14ac:dyDescent="0.15">
      <c r="A52" s="8">
        <v>39</v>
      </c>
      <c r="B52" s="34">
        <v>42</v>
      </c>
      <c r="C52" s="13">
        <v>43</v>
      </c>
      <c r="D52" s="12">
        <v>85</v>
      </c>
    </row>
    <row r="53" spans="1:4" ht="18" customHeight="1" x14ac:dyDescent="0.15">
      <c r="A53" s="8" t="s">
        <v>72</v>
      </c>
      <c r="B53" s="34">
        <v>184</v>
      </c>
      <c r="C53" s="13">
        <v>158</v>
      </c>
      <c r="D53" s="12">
        <v>342</v>
      </c>
    </row>
    <row r="54" spans="1:4" ht="18" customHeight="1" x14ac:dyDescent="0.15">
      <c r="A54" s="8">
        <v>40</v>
      </c>
      <c r="B54" s="34">
        <v>48</v>
      </c>
      <c r="C54" s="13">
        <v>50</v>
      </c>
      <c r="D54" s="12">
        <v>98</v>
      </c>
    </row>
    <row r="55" spans="1:4" ht="18" customHeight="1" x14ac:dyDescent="0.15">
      <c r="A55" s="8">
        <v>41</v>
      </c>
      <c r="B55" s="34">
        <v>33</v>
      </c>
      <c r="C55" s="13">
        <v>44</v>
      </c>
      <c r="D55" s="12">
        <v>77</v>
      </c>
    </row>
    <row r="56" spans="1:4" ht="18" customHeight="1" x14ac:dyDescent="0.15">
      <c r="A56" s="8">
        <v>42</v>
      </c>
      <c r="B56" s="34">
        <v>37</v>
      </c>
      <c r="C56" s="13">
        <v>36</v>
      </c>
      <c r="D56" s="12">
        <v>73</v>
      </c>
    </row>
    <row r="57" spans="1:4" ht="18" customHeight="1" x14ac:dyDescent="0.15">
      <c r="A57" s="8">
        <v>43</v>
      </c>
      <c r="B57" s="34">
        <v>46</v>
      </c>
      <c r="C57" s="13">
        <v>47</v>
      </c>
      <c r="D57" s="12">
        <v>93</v>
      </c>
    </row>
    <row r="58" spans="1:4" ht="18" customHeight="1" x14ac:dyDescent="0.15">
      <c r="A58" s="8">
        <v>44</v>
      </c>
      <c r="B58" s="34">
        <v>49</v>
      </c>
      <c r="C58" s="13">
        <v>56</v>
      </c>
      <c r="D58" s="12">
        <v>105</v>
      </c>
    </row>
    <row r="59" spans="1:4" ht="18" customHeight="1" x14ac:dyDescent="0.15">
      <c r="A59" s="8" t="s">
        <v>279</v>
      </c>
      <c r="B59" s="34">
        <v>213</v>
      </c>
      <c r="C59" s="13">
        <v>233</v>
      </c>
      <c r="D59" s="12">
        <v>446</v>
      </c>
    </row>
    <row r="60" spans="1:4" ht="18" customHeight="1" x14ac:dyDescent="0.15">
      <c r="A60" s="8">
        <v>45</v>
      </c>
      <c r="B60" s="34">
        <v>62</v>
      </c>
      <c r="C60" s="13">
        <v>53</v>
      </c>
      <c r="D60" s="12">
        <v>115</v>
      </c>
    </row>
    <row r="61" spans="1:4" ht="18" customHeight="1" x14ac:dyDescent="0.15">
      <c r="A61" s="8">
        <v>46</v>
      </c>
      <c r="B61" s="34">
        <v>69</v>
      </c>
      <c r="C61" s="13">
        <v>49</v>
      </c>
      <c r="D61" s="12">
        <v>118</v>
      </c>
    </row>
    <row r="62" spans="1:4" ht="18" customHeight="1" x14ac:dyDescent="0.15">
      <c r="A62" s="8">
        <v>47</v>
      </c>
      <c r="B62" s="34">
        <v>74</v>
      </c>
      <c r="C62" s="13">
        <v>73</v>
      </c>
      <c r="D62" s="12">
        <v>147</v>
      </c>
    </row>
    <row r="63" spans="1:4" ht="18" customHeight="1" x14ac:dyDescent="0.15">
      <c r="A63" s="8">
        <v>48</v>
      </c>
      <c r="B63" s="34">
        <v>71</v>
      </c>
      <c r="C63" s="13">
        <v>70</v>
      </c>
      <c r="D63" s="12">
        <v>141</v>
      </c>
    </row>
    <row r="64" spans="1:4" ht="18" customHeight="1" x14ac:dyDescent="0.15">
      <c r="A64" s="8">
        <v>49</v>
      </c>
      <c r="B64" s="34">
        <v>84</v>
      </c>
      <c r="C64" s="13">
        <v>86</v>
      </c>
      <c r="D64" s="12">
        <v>170</v>
      </c>
    </row>
    <row r="65" spans="1:4" ht="18" customHeight="1" x14ac:dyDescent="0.15">
      <c r="A65" s="8" t="s">
        <v>45</v>
      </c>
      <c r="B65" s="34">
        <v>360</v>
      </c>
      <c r="C65" s="13">
        <v>331</v>
      </c>
      <c r="D65" s="12">
        <v>691</v>
      </c>
    </row>
    <row r="66" spans="1:4" ht="18" customHeight="1" x14ac:dyDescent="0.15">
      <c r="A66" s="8">
        <v>50</v>
      </c>
      <c r="B66" s="34">
        <v>76</v>
      </c>
      <c r="C66" s="13">
        <v>87</v>
      </c>
      <c r="D66" s="12">
        <v>163</v>
      </c>
    </row>
    <row r="67" spans="1:4" ht="18" customHeight="1" x14ac:dyDescent="0.15">
      <c r="A67" s="8">
        <v>51</v>
      </c>
      <c r="B67" s="34">
        <v>79</v>
      </c>
      <c r="C67" s="13">
        <v>83</v>
      </c>
      <c r="D67" s="12">
        <v>162</v>
      </c>
    </row>
    <row r="68" spans="1:4" ht="18" customHeight="1" x14ac:dyDescent="0.15">
      <c r="A68" s="8">
        <v>52</v>
      </c>
      <c r="B68" s="34">
        <v>87</v>
      </c>
      <c r="C68" s="13">
        <v>85</v>
      </c>
      <c r="D68" s="12">
        <v>172</v>
      </c>
    </row>
    <row r="69" spans="1:4" ht="18" customHeight="1" x14ac:dyDescent="0.15">
      <c r="A69" s="8">
        <v>53</v>
      </c>
      <c r="B69" s="34">
        <v>74</v>
      </c>
      <c r="C69" s="13">
        <v>68</v>
      </c>
      <c r="D69" s="12">
        <v>142</v>
      </c>
    </row>
    <row r="70" spans="1:4" ht="18" customHeight="1" x14ac:dyDescent="0.15">
      <c r="A70" s="8">
        <v>54</v>
      </c>
      <c r="B70" s="34">
        <v>70</v>
      </c>
      <c r="C70" s="13">
        <v>70</v>
      </c>
      <c r="D70" s="12">
        <v>140</v>
      </c>
    </row>
    <row r="71" spans="1:4" ht="18" customHeight="1" x14ac:dyDescent="0.15">
      <c r="A71" s="8" t="s">
        <v>58</v>
      </c>
      <c r="B71" s="34">
        <v>386</v>
      </c>
      <c r="C71" s="13">
        <v>393</v>
      </c>
      <c r="D71" s="12">
        <v>779</v>
      </c>
    </row>
    <row r="72" spans="1:4" ht="18" customHeight="1" x14ac:dyDescent="0.15">
      <c r="A72" s="8">
        <v>55</v>
      </c>
      <c r="B72" s="34">
        <v>72</v>
      </c>
      <c r="C72" s="13">
        <v>78</v>
      </c>
      <c r="D72" s="12">
        <v>150</v>
      </c>
    </row>
    <row r="73" spans="1:4" ht="18" customHeight="1" x14ac:dyDescent="0.15">
      <c r="A73" s="8">
        <v>56</v>
      </c>
      <c r="B73" s="34">
        <v>58</v>
      </c>
      <c r="C73" s="13">
        <v>52</v>
      </c>
      <c r="D73" s="12">
        <v>110</v>
      </c>
    </row>
    <row r="74" spans="1:4" ht="18" customHeight="1" x14ac:dyDescent="0.15">
      <c r="A74" s="8">
        <v>57</v>
      </c>
      <c r="B74" s="34">
        <v>49</v>
      </c>
      <c r="C74" s="13">
        <v>51</v>
      </c>
      <c r="D74" s="12">
        <v>100</v>
      </c>
    </row>
    <row r="75" spans="1:4" ht="18" customHeight="1" x14ac:dyDescent="0.15">
      <c r="A75" s="8">
        <v>58</v>
      </c>
      <c r="B75" s="34">
        <v>59</v>
      </c>
      <c r="C75" s="13">
        <v>60</v>
      </c>
      <c r="D75" s="12">
        <v>119</v>
      </c>
    </row>
    <row r="76" spans="1:4" ht="18" customHeight="1" x14ac:dyDescent="0.15">
      <c r="A76" s="8">
        <v>59</v>
      </c>
      <c r="B76" s="34">
        <v>63</v>
      </c>
      <c r="C76" s="13">
        <v>58</v>
      </c>
      <c r="D76" s="12">
        <v>121</v>
      </c>
    </row>
    <row r="77" spans="1:4" ht="18" customHeight="1" x14ac:dyDescent="0.15">
      <c r="A77" s="8" t="s">
        <v>71</v>
      </c>
      <c r="B77" s="34">
        <v>301</v>
      </c>
      <c r="C77" s="13">
        <v>299</v>
      </c>
      <c r="D77" s="12">
        <v>600</v>
      </c>
    </row>
    <row r="78" spans="1:4" ht="18" customHeight="1" x14ac:dyDescent="0.15">
      <c r="A78" s="8">
        <v>60</v>
      </c>
      <c r="B78" s="34">
        <v>68</v>
      </c>
      <c r="C78" s="13">
        <v>69</v>
      </c>
      <c r="D78" s="12">
        <v>137</v>
      </c>
    </row>
    <row r="79" spans="1:4" ht="18" customHeight="1" x14ac:dyDescent="0.15">
      <c r="A79" s="8">
        <v>61</v>
      </c>
      <c r="B79" s="34">
        <v>63</v>
      </c>
      <c r="C79" s="13">
        <v>55</v>
      </c>
      <c r="D79" s="12">
        <v>118</v>
      </c>
    </row>
    <row r="80" spans="1:4" ht="18" customHeight="1" x14ac:dyDescent="0.15">
      <c r="A80" s="8">
        <v>62</v>
      </c>
      <c r="B80" s="34">
        <v>53</v>
      </c>
      <c r="C80" s="13">
        <v>59</v>
      </c>
      <c r="D80" s="12">
        <v>112</v>
      </c>
    </row>
    <row r="81" spans="1:4" ht="18" customHeight="1" x14ac:dyDescent="0.15">
      <c r="A81" s="8">
        <v>63</v>
      </c>
      <c r="B81" s="34">
        <v>68</v>
      </c>
      <c r="C81" s="13">
        <v>60</v>
      </c>
      <c r="D81" s="12">
        <v>128</v>
      </c>
    </row>
    <row r="82" spans="1:4" ht="18" customHeight="1" x14ac:dyDescent="0.15">
      <c r="A82" s="8">
        <v>64</v>
      </c>
      <c r="B82" s="34">
        <v>71</v>
      </c>
      <c r="C82" s="13">
        <v>75</v>
      </c>
      <c r="D82" s="12">
        <v>146</v>
      </c>
    </row>
    <row r="83" spans="1:4" ht="18" customHeight="1" x14ac:dyDescent="0.15">
      <c r="A83" s="8" t="s">
        <v>278</v>
      </c>
      <c r="B83" s="34">
        <v>323</v>
      </c>
      <c r="C83" s="13">
        <v>318</v>
      </c>
      <c r="D83" s="12">
        <v>641</v>
      </c>
    </row>
    <row r="84" spans="1:4" ht="18" customHeight="1" x14ac:dyDescent="0.15">
      <c r="A84" s="8" t="s">
        <v>43</v>
      </c>
      <c r="B84" s="34">
        <v>2541</v>
      </c>
      <c r="C84" s="13">
        <v>2445</v>
      </c>
      <c r="D84" s="12">
        <v>4986</v>
      </c>
    </row>
    <row r="85" spans="1:4" ht="18" customHeight="1" x14ac:dyDescent="0.15">
      <c r="A85" s="8">
        <v>65</v>
      </c>
      <c r="B85" s="34">
        <v>62</v>
      </c>
      <c r="C85" s="13">
        <v>53</v>
      </c>
      <c r="D85" s="12">
        <v>115</v>
      </c>
    </row>
    <row r="86" spans="1:4" ht="18" customHeight="1" x14ac:dyDescent="0.15">
      <c r="A86" s="8">
        <v>66</v>
      </c>
      <c r="B86" s="34">
        <v>58</v>
      </c>
      <c r="C86" s="13">
        <v>60</v>
      </c>
      <c r="D86" s="12">
        <v>118</v>
      </c>
    </row>
    <row r="87" spans="1:4" ht="18" customHeight="1" x14ac:dyDescent="0.15">
      <c r="A87" s="8">
        <v>67</v>
      </c>
      <c r="B87" s="34">
        <v>50</v>
      </c>
      <c r="C87" s="13">
        <v>57</v>
      </c>
      <c r="D87" s="12">
        <v>107</v>
      </c>
    </row>
    <row r="88" spans="1:4" ht="18" customHeight="1" x14ac:dyDescent="0.15">
      <c r="A88" s="8">
        <v>68</v>
      </c>
      <c r="B88" s="34">
        <v>61</v>
      </c>
      <c r="C88" s="13">
        <v>60</v>
      </c>
      <c r="D88" s="12">
        <v>121</v>
      </c>
    </row>
    <row r="89" spans="1:4" ht="18" customHeight="1" x14ac:dyDescent="0.15">
      <c r="A89" s="8">
        <v>69</v>
      </c>
      <c r="B89" s="34">
        <v>62</v>
      </c>
      <c r="C89" s="13">
        <v>75</v>
      </c>
      <c r="D89" s="12">
        <v>137</v>
      </c>
    </row>
    <row r="90" spans="1:4" ht="18" customHeight="1" x14ac:dyDescent="0.15">
      <c r="A90" s="8" t="s">
        <v>277</v>
      </c>
      <c r="B90" s="34">
        <v>293</v>
      </c>
      <c r="C90" s="13">
        <v>305</v>
      </c>
      <c r="D90" s="12">
        <v>598</v>
      </c>
    </row>
    <row r="91" spans="1:4" ht="18" customHeight="1" x14ac:dyDescent="0.15">
      <c r="A91" s="8">
        <v>70</v>
      </c>
      <c r="B91" s="34">
        <v>56</v>
      </c>
      <c r="C91" s="13">
        <v>78</v>
      </c>
      <c r="D91" s="12">
        <v>134</v>
      </c>
    </row>
    <row r="92" spans="1:4" ht="18" customHeight="1" x14ac:dyDescent="0.15">
      <c r="A92" s="8">
        <v>71</v>
      </c>
      <c r="B92" s="34">
        <v>70</v>
      </c>
      <c r="C92" s="13">
        <v>64</v>
      </c>
      <c r="D92" s="12">
        <v>134</v>
      </c>
    </row>
    <row r="93" spans="1:4" ht="18" customHeight="1" x14ac:dyDescent="0.15">
      <c r="A93" s="8">
        <v>72</v>
      </c>
      <c r="B93" s="34">
        <v>74</v>
      </c>
      <c r="C93" s="13">
        <v>90</v>
      </c>
      <c r="D93" s="12">
        <v>164</v>
      </c>
    </row>
    <row r="94" spans="1:4" ht="18" customHeight="1" x14ac:dyDescent="0.15">
      <c r="A94" s="8">
        <v>73</v>
      </c>
      <c r="B94" s="34">
        <v>81</v>
      </c>
      <c r="C94" s="13">
        <v>93</v>
      </c>
      <c r="D94" s="12">
        <v>174</v>
      </c>
    </row>
    <row r="95" spans="1:4" ht="18" customHeight="1" x14ac:dyDescent="0.15">
      <c r="A95" s="8">
        <v>74</v>
      </c>
      <c r="B95" s="34">
        <v>84</v>
      </c>
      <c r="C95" s="13">
        <v>94</v>
      </c>
      <c r="D95" s="12">
        <v>178</v>
      </c>
    </row>
    <row r="96" spans="1:4" ht="18" customHeight="1" x14ac:dyDescent="0.15">
      <c r="A96" s="8" t="s">
        <v>276</v>
      </c>
      <c r="B96" s="34">
        <v>365</v>
      </c>
      <c r="C96" s="13">
        <v>419</v>
      </c>
      <c r="D96" s="12">
        <v>784</v>
      </c>
    </row>
    <row r="97" spans="1:4" ht="18" customHeight="1" x14ac:dyDescent="0.15">
      <c r="A97" s="8">
        <v>75</v>
      </c>
      <c r="B97" s="34">
        <v>95</v>
      </c>
      <c r="C97" s="13">
        <v>109</v>
      </c>
      <c r="D97" s="12">
        <v>204</v>
      </c>
    </row>
    <row r="98" spans="1:4" ht="18" customHeight="1" x14ac:dyDescent="0.15">
      <c r="A98" s="8">
        <v>76</v>
      </c>
      <c r="B98" s="34">
        <v>81</v>
      </c>
      <c r="C98" s="13">
        <v>88</v>
      </c>
      <c r="D98" s="12">
        <v>169</v>
      </c>
    </row>
    <row r="99" spans="1:4" ht="18" customHeight="1" x14ac:dyDescent="0.15">
      <c r="A99" s="8">
        <v>77</v>
      </c>
      <c r="B99" s="34">
        <v>38</v>
      </c>
      <c r="C99" s="13">
        <v>47</v>
      </c>
      <c r="D99" s="12">
        <v>85</v>
      </c>
    </row>
    <row r="100" spans="1:4" ht="18" customHeight="1" x14ac:dyDescent="0.15">
      <c r="A100" s="8">
        <v>78</v>
      </c>
      <c r="B100" s="34">
        <v>46</v>
      </c>
      <c r="C100" s="13">
        <v>83</v>
      </c>
      <c r="D100" s="12">
        <v>129</v>
      </c>
    </row>
    <row r="101" spans="1:4" ht="18" customHeight="1" x14ac:dyDescent="0.15">
      <c r="A101" s="8">
        <v>79</v>
      </c>
      <c r="B101" s="34">
        <v>49</v>
      </c>
      <c r="C101" s="13">
        <v>67</v>
      </c>
      <c r="D101" s="12">
        <v>116</v>
      </c>
    </row>
    <row r="102" spans="1:4" ht="18" customHeight="1" x14ac:dyDescent="0.15">
      <c r="A102" s="8" t="s">
        <v>70</v>
      </c>
      <c r="B102" s="34">
        <v>309</v>
      </c>
      <c r="C102" s="13">
        <v>394</v>
      </c>
      <c r="D102" s="12">
        <v>703</v>
      </c>
    </row>
    <row r="103" spans="1:4" ht="18" customHeight="1" x14ac:dyDescent="0.15">
      <c r="A103" s="8">
        <v>80</v>
      </c>
      <c r="B103" s="34">
        <v>48</v>
      </c>
      <c r="C103" s="13">
        <v>62</v>
      </c>
      <c r="D103" s="12">
        <v>110</v>
      </c>
    </row>
    <row r="104" spans="1:4" ht="18" customHeight="1" x14ac:dyDescent="0.15">
      <c r="A104" s="8">
        <v>81</v>
      </c>
      <c r="B104" s="34">
        <v>46</v>
      </c>
      <c r="C104" s="13">
        <v>65</v>
      </c>
      <c r="D104" s="12">
        <v>111</v>
      </c>
    </row>
    <row r="105" spans="1:4" ht="18" customHeight="1" x14ac:dyDescent="0.15">
      <c r="A105" s="8">
        <v>82</v>
      </c>
      <c r="B105" s="34">
        <v>40</v>
      </c>
      <c r="C105" s="13">
        <v>66</v>
      </c>
      <c r="D105" s="12">
        <v>106</v>
      </c>
    </row>
    <row r="106" spans="1:4" ht="18" customHeight="1" x14ac:dyDescent="0.15">
      <c r="A106" s="8">
        <v>83</v>
      </c>
      <c r="B106" s="34">
        <v>30</v>
      </c>
      <c r="C106" s="13">
        <v>50</v>
      </c>
      <c r="D106" s="12">
        <v>80</v>
      </c>
    </row>
    <row r="107" spans="1:4" ht="18" customHeight="1" x14ac:dyDescent="0.15">
      <c r="A107" s="8">
        <v>84</v>
      </c>
      <c r="B107" s="34">
        <v>25</v>
      </c>
      <c r="C107" s="13">
        <v>51</v>
      </c>
      <c r="D107" s="12">
        <v>76</v>
      </c>
    </row>
    <row r="108" spans="1:4" ht="18" customHeight="1" x14ac:dyDescent="0.15">
      <c r="A108" s="8" t="s">
        <v>275</v>
      </c>
      <c r="B108" s="34">
        <v>189</v>
      </c>
      <c r="C108" s="13">
        <v>294</v>
      </c>
      <c r="D108" s="12">
        <v>483</v>
      </c>
    </row>
    <row r="109" spans="1:4" ht="18" customHeight="1" x14ac:dyDescent="0.15">
      <c r="A109" s="8">
        <v>85</v>
      </c>
      <c r="B109" s="34">
        <v>30</v>
      </c>
      <c r="C109" s="13">
        <v>59</v>
      </c>
      <c r="D109" s="12">
        <v>89</v>
      </c>
    </row>
    <row r="110" spans="1:4" ht="18" customHeight="1" x14ac:dyDescent="0.15">
      <c r="A110" s="8">
        <v>86</v>
      </c>
      <c r="B110" s="34">
        <v>30</v>
      </c>
      <c r="C110" s="13">
        <v>46</v>
      </c>
      <c r="D110" s="12">
        <v>76</v>
      </c>
    </row>
    <row r="111" spans="1:4" ht="18" customHeight="1" x14ac:dyDescent="0.15">
      <c r="A111" s="8">
        <v>87</v>
      </c>
      <c r="B111" s="34">
        <v>25</v>
      </c>
      <c r="C111" s="13">
        <v>58</v>
      </c>
      <c r="D111" s="12">
        <v>83</v>
      </c>
    </row>
    <row r="112" spans="1:4" ht="18" customHeight="1" x14ac:dyDescent="0.15">
      <c r="A112" s="8">
        <v>88</v>
      </c>
      <c r="B112" s="34">
        <v>30</v>
      </c>
      <c r="C112" s="13">
        <v>43</v>
      </c>
      <c r="D112" s="12">
        <v>73</v>
      </c>
    </row>
    <row r="113" spans="1:4" ht="18" customHeight="1" x14ac:dyDescent="0.15">
      <c r="A113" s="8">
        <v>89</v>
      </c>
      <c r="B113" s="34">
        <v>25</v>
      </c>
      <c r="C113" s="13">
        <v>49</v>
      </c>
      <c r="D113" s="12">
        <v>74</v>
      </c>
    </row>
    <row r="114" spans="1:4" ht="18" customHeight="1" x14ac:dyDescent="0.15">
      <c r="A114" s="8" t="s">
        <v>38</v>
      </c>
      <c r="B114" s="34">
        <v>140</v>
      </c>
      <c r="C114" s="13">
        <v>255</v>
      </c>
      <c r="D114" s="12">
        <v>395</v>
      </c>
    </row>
    <row r="115" spans="1:4" ht="18" customHeight="1" x14ac:dyDescent="0.15">
      <c r="A115" s="8">
        <v>90</v>
      </c>
      <c r="B115" s="34">
        <v>17</v>
      </c>
      <c r="C115" s="13">
        <v>28</v>
      </c>
      <c r="D115" s="12">
        <v>45</v>
      </c>
    </row>
    <row r="116" spans="1:4" ht="18" customHeight="1" x14ac:dyDescent="0.15">
      <c r="A116" s="8">
        <v>91</v>
      </c>
      <c r="B116" s="34">
        <v>8</v>
      </c>
      <c r="C116" s="13">
        <v>30</v>
      </c>
      <c r="D116" s="12">
        <v>38</v>
      </c>
    </row>
    <row r="117" spans="1:4" ht="18" customHeight="1" x14ac:dyDescent="0.15">
      <c r="A117" s="8">
        <v>92</v>
      </c>
      <c r="B117" s="34">
        <v>14</v>
      </c>
      <c r="C117" s="13">
        <v>23</v>
      </c>
      <c r="D117" s="12">
        <v>37</v>
      </c>
    </row>
    <row r="118" spans="1:4" ht="18" customHeight="1" x14ac:dyDescent="0.15">
      <c r="A118" s="8">
        <v>93</v>
      </c>
      <c r="B118" s="34">
        <v>5</v>
      </c>
      <c r="C118" s="13">
        <v>16</v>
      </c>
      <c r="D118" s="12">
        <v>21</v>
      </c>
    </row>
    <row r="119" spans="1:4" ht="18" customHeight="1" x14ac:dyDescent="0.15">
      <c r="A119" s="8">
        <v>94</v>
      </c>
      <c r="B119" s="34">
        <v>2</v>
      </c>
      <c r="C119" s="13">
        <v>16</v>
      </c>
      <c r="D119" s="12">
        <v>18</v>
      </c>
    </row>
    <row r="120" spans="1:4" ht="18" customHeight="1" x14ac:dyDescent="0.15">
      <c r="A120" s="8" t="s">
        <v>274</v>
      </c>
      <c r="B120" s="34">
        <v>46</v>
      </c>
      <c r="C120" s="13">
        <v>113</v>
      </c>
      <c r="D120" s="12">
        <v>159</v>
      </c>
    </row>
    <row r="121" spans="1:4" ht="18" customHeight="1" x14ac:dyDescent="0.15">
      <c r="A121" s="8">
        <v>95</v>
      </c>
      <c r="B121" s="34">
        <v>7</v>
      </c>
      <c r="C121" s="13">
        <v>14</v>
      </c>
      <c r="D121" s="12">
        <v>21</v>
      </c>
    </row>
    <row r="122" spans="1:4" ht="18" customHeight="1" x14ac:dyDescent="0.15">
      <c r="A122" s="8">
        <v>96</v>
      </c>
      <c r="B122" s="34">
        <v>0</v>
      </c>
      <c r="C122" s="13">
        <v>10</v>
      </c>
      <c r="D122" s="12">
        <v>10</v>
      </c>
    </row>
    <row r="123" spans="1:4" ht="18" customHeight="1" x14ac:dyDescent="0.15">
      <c r="A123" s="8">
        <v>97</v>
      </c>
      <c r="B123" s="34">
        <v>0</v>
      </c>
      <c r="C123" s="13">
        <v>11</v>
      </c>
      <c r="D123" s="12">
        <v>11</v>
      </c>
    </row>
    <row r="124" spans="1:4" ht="18" customHeight="1" x14ac:dyDescent="0.15">
      <c r="A124" s="8">
        <v>98</v>
      </c>
      <c r="B124" s="34">
        <v>0</v>
      </c>
      <c r="C124" s="13">
        <v>10</v>
      </c>
      <c r="D124" s="12">
        <v>10</v>
      </c>
    </row>
    <row r="125" spans="1:4" ht="18" customHeight="1" x14ac:dyDescent="0.15">
      <c r="A125" s="8">
        <v>99</v>
      </c>
      <c r="B125" s="34">
        <v>0</v>
      </c>
      <c r="C125" s="13">
        <v>4</v>
      </c>
      <c r="D125" s="12">
        <v>4</v>
      </c>
    </row>
    <row r="126" spans="1:4" ht="18" customHeight="1" x14ac:dyDescent="0.15">
      <c r="A126" s="8" t="s">
        <v>68</v>
      </c>
      <c r="B126" s="34">
        <v>7</v>
      </c>
      <c r="C126" s="13">
        <v>49</v>
      </c>
      <c r="D126" s="12">
        <v>56</v>
      </c>
    </row>
    <row r="127" spans="1:4" ht="18" customHeight="1" x14ac:dyDescent="0.15">
      <c r="A127" s="8">
        <v>100</v>
      </c>
      <c r="B127" s="34">
        <v>0</v>
      </c>
      <c r="C127" s="13">
        <v>5</v>
      </c>
      <c r="D127" s="12">
        <v>5</v>
      </c>
    </row>
    <row r="128" spans="1:4" ht="18" customHeight="1" x14ac:dyDescent="0.15">
      <c r="A128" s="15" t="s">
        <v>37</v>
      </c>
      <c r="B128" s="34">
        <v>0</v>
      </c>
      <c r="C128" s="13">
        <v>10</v>
      </c>
      <c r="D128" s="12">
        <v>10</v>
      </c>
    </row>
    <row r="129" spans="1:4" ht="18" customHeight="1" x14ac:dyDescent="0.15">
      <c r="A129" s="8" t="s">
        <v>36</v>
      </c>
      <c r="B129" s="34">
        <v>0</v>
      </c>
      <c r="C129" s="13">
        <v>15</v>
      </c>
      <c r="D129" s="12">
        <v>15</v>
      </c>
    </row>
    <row r="130" spans="1:4" ht="18" customHeight="1" x14ac:dyDescent="0.15">
      <c r="A130" s="8" t="s">
        <v>35</v>
      </c>
      <c r="B130" s="28">
        <v>1349</v>
      </c>
      <c r="C130" s="6">
        <v>1844</v>
      </c>
      <c r="D130" s="5">
        <v>3193</v>
      </c>
    </row>
    <row r="131" spans="1:4" ht="18" customHeight="1" x14ac:dyDescent="0.15">
      <c r="A131" s="4" t="s">
        <v>0</v>
      </c>
      <c r="B131" s="27">
        <v>4292</v>
      </c>
      <c r="C131" s="2">
        <v>4638</v>
      </c>
      <c r="D131" s="1">
        <v>893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8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3</v>
      </c>
      <c r="C5" s="44">
        <v>3</v>
      </c>
      <c r="D5" s="43">
        <v>6</v>
      </c>
    </row>
    <row r="6" spans="1:4" ht="18" customHeight="1" x14ac:dyDescent="0.15">
      <c r="A6" s="8">
        <v>1</v>
      </c>
      <c r="B6" s="39">
        <v>5</v>
      </c>
      <c r="C6" s="13">
        <v>2</v>
      </c>
      <c r="D6" s="12">
        <v>7</v>
      </c>
    </row>
    <row r="7" spans="1:4" ht="18" customHeight="1" x14ac:dyDescent="0.15">
      <c r="A7" s="8">
        <v>2</v>
      </c>
      <c r="B7" s="39">
        <v>3</v>
      </c>
      <c r="C7" s="13">
        <v>2</v>
      </c>
      <c r="D7" s="12">
        <v>5</v>
      </c>
    </row>
    <row r="8" spans="1:4" ht="18" customHeight="1" x14ac:dyDescent="0.15">
      <c r="A8" s="8">
        <v>3</v>
      </c>
      <c r="B8" s="39">
        <v>3</v>
      </c>
      <c r="C8" s="13">
        <v>7</v>
      </c>
      <c r="D8" s="12">
        <v>10</v>
      </c>
    </row>
    <row r="9" spans="1:4" ht="18" customHeight="1" x14ac:dyDescent="0.15">
      <c r="A9" s="8">
        <v>4</v>
      </c>
      <c r="B9" s="42">
        <v>3</v>
      </c>
      <c r="C9" s="41">
        <v>3</v>
      </c>
      <c r="D9" s="40">
        <v>6</v>
      </c>
    </row>
    <row r="10" spans="1:4" ht="18" customHeight="1" x14ac:dyDescent="0.15">
      <c r="A10" s="8" t="s">
        <v>76</v>
      </c>
      <c r="B10" s="34">
        <v>17</v>
      </c>
      <c r="C10" s="13">
        <v>17</v>
      </c>
      <c r="D10" s="12">
        <v>34</v>
      </c>
    </row>
    <row r="11" spans="1:4" ht="18" customHeight="1" x14ac:dyDescent="0.15">
      <c r="A11" s="8">
        <v>5</v>
      </c>
      <c r="B11" s="39">
        <v>3</v>
      </c>
      <c r="C11" s="13">
        <v>2</v>
      </c>
      <c r="D11" s="12">
        <v>5</v>
      </c>
    </row>
    <row r="12" spans="1:4" ht="18" customHeight="1" x14ac:dyDescent="0.15">
      <c r="A12" s="8">
        <v>6</v>
      </c>
      <c r="B12" s="39">
        <v>3</v>
      </c>
      <c r="C12" s="13">
        <v>2</v>
      </c>
      <c r="D12" s="12">
        <v>5</v>
      </c>
    </row>
    <row r="13" spans="1:4" ht="18" customHeight="1" x14ac:dyDescent="0.15">
      <c r="A13" s="8">
        <v>7</v>
      </c>
      <c r="B13" s="39">
        <v>3</v>
      </c>
      <c r="C13" s="13">
        <v>7</v>
      </c>
      <c r="D13" s="12">
        <v>10</v>
      </c>
    </row>
    <row r="14" spans="1:4" ht="18" customHeight="1" x14ac:dyDescent="0.15">
      <c r="A14" s="8">
        <v>8</v>
      </c>
      <c r="B14" s="39">
        <v>6</v>
      </c>
      <c r="C14" s="13">
        <v>4</v>
      </c>
      <c r="D14" s="12">
        <v>10</v>
      </c>
    </row>
    <row r="15" spans="1:4" ht="18" customHeight="1" x14ac:dyDescent="0.15">
      <c r="A15" s="8">
        <v>9</v>
      </c>
      <c r="B15" s="39">
        <v>6</v>
      </c>
      <c r="C15" s="13">
        <v>5</v>
      </c>
      <c r="D15" s="12">
        <v>11</v>
      </c>
    </row>
    <row r="16" spans="1:4" ht="18" customHeight="1" x14ac:dyDescent="0.15">
      <c r="A16" s="8" t="s">
        <v>50</v>
      </c>
      <c r="B16" s="34">
        <v>21</v>
      </c>
      <c r="C16" s="13">
        <v>20</v>
      </c>
      <c r="D16" s="12">
        <v>41</v>
      </c>
    </row>
    <row r="17" spans="1:4" ht="18" customHeight="1" x14ac:dyDescent="0.15">
      <c r="A17" s="8">
        <v>10</v>
      </c>
      <c r="B17" s="34">
        <v>4</v>
      </c>
      <c r="C17" s="13">
        <v>8</v>
      </c>
      <c r="D17" s="12">
        <v>12</v>
      </c>
    </row>
    <row r="18" spans="1:4" ht="18" customHeight="1" x14ac:dyDescent="0.15">
      <c r="A18" s="8">
        <v>11</v>
      </c>
      <c r="B18" s="34">
        <v>5</v>
      </c>
      <c r="C18" s="13">
        <v>11</v>
      </c>
      <c r="D18" s="12">
        <v>16</v>
      </c>
    </row>
    <row r="19" spans="1:4" ht="18" customHeight="1" x14ac:dyDescent="0.15">
      <c r="A19" s="8">
        <v>12</v>
      </c>
      <c r="B19" s="34">
        <v>7</v>
      </c>
      <c r="C19" s="13">
        <v>3</v>
      </c>
      <c r="D19" s="12">
        <v>10</v>
      </c>
    </row>
    <row r="20" spans="1:4" ht="18" customHeight="1" x14ac:dyDescent="0.15">
      <c r="A20" s="8">
        <v>13</v>
      </c>
      <c r="B20" s="34">
        <v>11</v>
      </c>
      <c r="C20" s="13">
        <v>8</v>
      </c>
      <c r="D20" s="12">
        <v>19</v>
      </c>
    </row>
    <row r="21" spans="1:4" ht="18" customHeight="1" x14ac:dyDescent="0.15">
      <c r="A21" s="8">
        <v>14</v>
      </c>
      <c r="B21" s="34">
        <v>8</v>
      </c>
      <c r="C21" s="13">
        <v>6</v>
      </c>
      <c r="D21" s="12">
        <v>14</v>
      </c>
    </row>
    <row r="22" spans="1:4" ht="18" customHeight="1" x14ac:dyDescent="0.15">
      <c r="A22" s="8" t="s">
        <v>75</v>
      </c>
      <c r="B22" s="34">
        <v>35</v>
      </c>
      <c r="C22" s="13">
        <v>36</v>
      </c>
      <c r="D22" s="12">
        <v>71</v>
      </c>
    </row>
    <row r="23" spans="1:4" ht="18" customHeight="1" x14ac:dyDescent="0.15">
      <c r="A23" s="8" t="s">
        <v>65</v>
      </c>
      <c r="B23" s="34">
        <v>73</v>
      </c>
      <c r="C23" s="13">
        <v>73</v>
      </c>
      <c r="D23" s="12">
        <v>146</v>
      </c>
    </row>
    <row r="24" spans="1:4" ht="18" customHeight="1" x14ac:dyDescent="0.15">
      <c r="A24" s="8">
        <v>15</v>
      </c>
      <c r="B24" s="34">
        <v>11</v>
      </c>
      <c r="C24" s="13">
        <v>8</v>
      </c>
      <c r="D24" s="12">
        <v>19</v>
      </c>
    </row>
    <row r="25" spans="1:4" ht="18" customHeight="1" x14ac:dyDescent="0.15">
      <c r="A25" s="8">
        <v>16</v>
      </c>
      <c r="B25" s="34">
        <v>13</v>
      </c>
      <c r="C25" s="13">
        <v>6</v>
      </c>
      <c r="D25" s="12">
        <v>19</v>
      </c>
    </row>
    <row r="26" spans="1:4" ht="18" customHeight="1" x14ac:dyDescent="0.15">
      <c r="A26" s="8">
        <v>17</v>
      </c>
      <c r="B26" s="34">
        <v>5</v>
      </c>
      <c r="C26" s="13">
        <v>9</v>
      </c>
      <c r="D26" s="12">
        <v>14</v>
      </c>
    </row>
    <row r="27" spans="1:4" ht="18" customHeight="1" x14ac:dyDescent="0.15">
      <c r="A27" s="8">
        <v>18</v>
      </c>
      <c r="B27" s="34">
        <v>6</v>
      </c>
      <c r="C27" s="13">
        <v>7</v>
      </c>
      <c r="D27" s="12">
        <v>13</v>
      </c>
    </row>
    <row r="28" spans="1:4" ht="18" customHeight="1" x14ac:dyDescent="0.15">
      <c r="A28" s="8">
        <v>19</v>
      </c>
      <c r="B28" s="34">
        <v>5</v>
      </c>
      <c r="C28" s="13">
        <v>6</v>
      </c>
      <c r="D28" s="12">
        <v>11</v>
      </c>
    </row>
    <row r="29" spans="1:4" ht="18" customHeight="1" x14ac:dyDescent="0.15">
      <c r="A29" s="8" t="s">
        <v>48</v>
      </c>
      <c r="B29" s="34">
        <v>40</v>
      </c>
      <c r="C29" s="13">
        <v>36</v>
      </c>
      <c r="D29" s="12">
        <v>76</v>
      </c>
    </row>
    <row r="30" spans="1:4" ht="18" customHeight="1" x14ac:dyDescent="0.15">
      <c r="A30" s="8">
        <v>20</v>
      </c>
      <c r="B30" s="34">
        <v>16</v>
      </c>
      <c r="C30" s="13">
        <v>12</v>
      </c>
      <c r="D30" s="12">
        <v>28</v>
      </c>
    </row>
    <row r="31" spans="1:4" ht="18" customHeight="1" x14ac:dyDescent="0.15">
      <c r="A31" s="8">
        <v>21</v>
      </c>
      <c r="B31" s="34">
        <v>4</v>
      </c>
      <c r="C31" s="13">
        <v>5</v>
      </c>
      <c r="D31" s="12">
        <v>9</v>
      </c>
    </row>
    <row r="32" spans="1:4" ht="18" customHeight="1" x14ac:dyDescent="0.15">
      <c r="A32" s="8">
        <v>22</v>
      </c>
      <c r="B32" s="34">
        <v>5</v>
      </c>
      <c r="C32" s="13">
        <v>5</v>
      </c>
      <c r="D32" s="12">
        <v>10</v>
      </c>
    </row>
    <row r="33" spans="1:4" ht="18" customHeight="1" x14ac:dyDescent="0.15">
      <c r="A33" s="8">
        <v>23</v>
      </c>
      <c r="B33" s="34">
        <v>10</v>
      </c>
      <c r="C33" s="13">
        <v>8</v>
      </c>
      <c r="D33" s="12">
        <v>18</v>
      </c>
    </row>
    <row r="34" spans="1:4" ht="18" customHeight="1" x14ac:dyDescent="0.15">
      <c r="A34" s="8">
        <v>24</v>
      </c>
      <c r="B34" s="34">
        <v>15</v>
      </c>
      <c r="C34" s="13">
        <v>7</v>
      </c>
      <c r="D34" s="12">
        <v>22</v>
      </c>
    </row>
    <row r="35" spans="1:4" ht="18" customHeight="1" x14ac:dyDescent="0.15">
      <c r="A35" s="8" t="s">
        <v>74</v>
      </c>
      <c r="B35" s="34">
        <v>50</v>
      </c>
      <c r="C35" s="13">
        <v>37</v>
      </c>
      <c r="D35" s="12">
        <v>87</v>
      </c>
    </row>
    <row r="36" spans="1:4" ht="18" customHeight="1" x14ac:dyDescent="0.15">
      <c r="A36" s="8">
        <v>25</v>
      </c>
      <c r="B36" s="34">
        <v>12</v>
      </c>
      <c r="C36" s="13">
        <v>6</v>
      </c>
      <c r="D36" s="12">
        <v>18</v>
      </c>
    </row>
    <row r="37" spans="1:4" ht="18" customHeight="1" x14ac:dyDescent="0.15">
      <c r="A37" s="8">
        <v>26</v>
      </c>
      <c r="B37" s="34">
        <v>18</v>
      </c>
      <c r="C37" s="13">
        <v>6</v>
      </c>
      <c r="D37" s="12">
        <v>24</v>
      </c>
    </row>
    <row r="38" spans="1:4" ht="18" customHeight="1" x14ac:dyDescent="0.15">
      <c r="A38" s="8">
        <v>27</v>
      </c>
      <c r="B38" s="34">
        <v>10</v>
      </c>
      <c r="C38" s="13">
        <v>5</v>
      </c>
      <c r="D38" s="12">
        <v>15</v>
      </c>
    </row>
    <row r="39" spans="1:4" ht="18" customHeight="1" x14ac:dyDescent="0.15">
      <c r="A39" s="8">
        <v>28</v>
      </c>
      <c r="B39" s="34">
        <v>8</v>
      </c>
      <c r="C39" s="13">
        <v>4</v>
      </c>
      <c r="D39" s="12">
        <v>12</v>
      </c>
    </row>
    <row r="40" spans="1:4" ht="18" customHeight="1" x14ac:dyDescent="0.15">
      <c r="A40" s="8">
        <v>29</v>
      </c>
      <c r="B40" s="34">
        <v>4</v>
      </c>
      <c r="C40" s="13">
        <v>5</v>
      </c>
      <c r="D40" s="12">
        <v>9</v>
      </c>
    </row>
    <row r="41" spans="1:4" ht="18" customHeight="1" x14ac:dyDescent="0.15">
      <c r="A41" s="8" t="s">
        <v>73</v>
      </c>
      <c r="B41" s="34">
        <v>52</v>
      </c>
      <c r="C41" s="13">
        <v>26</v>
      </c>
      <c r="D41" s="12">
        <v>78</v>
      </c>
    </row>
    <row r="42" spans="1:4" ht="18" customHeight="1" x14ac:dyDescent="0.15">
      <c r="A42" s="8">
        <v>30</v>
      </c>
      <c r="B42" s="34">
        <v>4</v>
      </c>
      <c r="C42" s="13">
        <v>3</v>
      </c>
      <c r="D42" s="12">
        <v>7</v>
      </c>
    </row>
    <row r="43" spans="1:4" ht="18" customHeight="1" x14ac:dyDescent="0.15">
      <c r="A43" s="8">
        <v>31</v>
      </c>
      <c r="B43" s="34">
        <v>4</v>
      </c>
      <c r="C43" s="13">
        <v>6</v>
      </c>
      <c r="D43" s="12">
        <v>10</v>
      </c>
    </row>
    <row r="44" spans="1:4" ht="18" customHeight="1" x14ac:dyDescent="0.15">
      <c r="A44" s="8">
        <v>32</v>
      </c>
      <c r="B44" s="34">
        <v>4</v>
      </c>
      <c r="C44" s="13">
        <v>3</v>
      </c>
      <c r="D44" s="12">
        <v>7</v>
      </c>
    </row>
    <row r="45" spans="1:4" ht="18" customHeight="1" x14ac:dyDescent="0.15">
      <c r="A45" s="8">
        <v>33</v>
      </c>
      <c r="B45" s="34">
        <v>8</v>
      </c>
      <c r="C45" s="13">
        <v>6</v>
      </c>
      <c r="D45" s="12">
        <v>14</v>
      </c>
    </row>
    <row r="46" spans="1:4" ht="18" customHeight="1" x14ac:dyDescent="0.15">
      <c r="A46" s="8">
        <v>34</v>
      </c>
      <c r="B46" s="34">
        <v>3</v>
      </c>
      <c r="C46" s="13">
        <v>4</v>
      </c>
      <c r="D46" s="12">
        <v>7</v>
      </c>
    </row>
    <row r="47" spans="1:4" ht="18" customHeight="1" x14ac:dyDescent="0.15">
      <c r="A47" s="8" t="s">
        <v>61</v>
      </c>
      <c r="B47" s="34">
        <v>23</v>
      </c>
      <c r="C47" s="13">
        <v>22</v>
      </c>
      <c r="D47" s="12">
        <v>45</v>
      </c>
    </row>
    <row r="48" spans="1:4" ht="18" customHeight="1" x14ac:dyDescent="0.15">
      <c r="A48" s="8">
        <v>35</v>
      </c>
      <c r="B48" s="34">
        <v>1</v>
      </c>
      <c r="C48" s="13">
        <v>4</v>
      </c>
      <c r="D48" s="12">
        <v>5</v>
      </c>
    </row>
    <row r="49" spans="1:4" ht="18" customHeight="1" x14ac:dyDescent="0.15">
      <c r="A49" s="8">
        <v>36</v>
      </c>
      <c r="B49" s="34">
        <v>10</v>
      </c>
      <c r="C49" s="13">
        <v>5</v>
      </c>
      <c r="D49" s="12">
        <v>15</v>
      </c>
    </row>
    <row r="50" spans="1:4" ht="18" customHeight="1" x14ac:dyDescent="0.15">
      <c r="A50" s="8">
        <v>37</v>
      </c>
      <c r="B50" s="34">
        <v>5</v>
      </c>
      <c r="C50" s="13">
        <v>4</v>
      </c>
      <c r="D50" s="12">
        <v>9</v>
      </c>
    </row>
    <row r="51" spans="1:4" ht="18" customHeight="1" x14ac:dyDescent="0.15">
      <c r="A51" s="8">
        <v>38</v>
      </c>
      <c r="B51" s="34">
        <v>13</v>
      </c>
      <c r="C51" s="13">
        <v>12</v>
      </c>
      <c r="D51" s="12">
        <v>25</v>
      </c>
    </row>
    <row r="52" spans="1:4" ht="18" customHeight="1" x14ac:dyDescent="0.15">
      <c r="A52" s="8">
        <v>39</v>
      </c>
      <c r="B52" s="34">
        <v>6</v>
      </c>
      <c r="C52" s="13">
        <v>8</v>
      </c>
      <c r="D52" s="12">
        <v>14</v>
      </c>
    </row>
    <row r="53" spans="1:4" ht="18" customHeight="1" x14ac:dyDescent="0.15">
      <c r="A53" s="8" t="s">
        <v>72</v>
      </c>
      <c r="B53" s="34">
        <v>35</v>
      </c>
      <c r="C53" s="13">
        <v>33</v>
      </c>
      <c r="D53" s="12">
        <v>68</v>
      </c>
    </row>
    <row r="54" spans="1:4" ht="18" customHeight="1" x14ac:dyDescent="0.15">
      <c r="A54" s="8">
        <v>40</v>
      </c>
      <c r="B54" s="34">
        <v>9</v>
      </c>
      <c r="C54" s="13">
        <v>9</v>
      </c>
      <c r="D54" s="12">
        <v>18</v>
      </c>
    </row>
    <row r="55" spans="1:4" ht="18" customHeight="1" x14ac:dyDescent="0.15">
      <c r="A55" s="8">
        <v>41</v>
      </c>
      <c r="B55" s="34">
        <v>12</v>
      </c>
      <c r="C55" s="13">
        <v>5</v>
      </c>
      <c r="D55" s="12">
        <v>17</v>
      </c>
    </row>
    <row r="56" spans="1:4" ht="18" customHeight="1" x14ac:dyDescent="0.15">
      <c r="A56" s="8">
        <v>42</v>
      </c>
      <c r="B56" s="34">
        <v>12</v>
      </c>
      <c r="C56" s="13">
        <v>7</v>
      </c>
      <c r="D56" s="12">
        <v>19</v>
      </c>
    </row>
    <row r="57" spans="1:4" ht="18" customHeight="1" x14ac:dyDescent="0.15">
      <c r="A57" s="8">
        <v>43</v>
      </c>
      <c r="B57" s="34">
        <v>8</v>
      </c>
      <c r="C57" s="13">
        <v>8</v>
      </c>
      <c r="D57" s="12">
        <v>16</v>
      </c>
    </row>
    <row r="58" spans="1:4" ht="18" customHeight="1" x14ac:dyDescent="0.15">
      <c r="A58" s="8">
        <v>44</v>
      </c>
      <c r="B58" s="34">
        <v>9</v>
      </c>
      <c r="C58" s="13">
        <v>12</v>
      </c>
      <c r="D58" s="12">
        <v>21</v>
      </c>
    </row>
    <row r="59" spans="1:4" ht="18" customHeight="1" x14ac:dyDescent="0.15">
      <c r="A59" s="8" t="s">
        <v>46</v>
      </c>
      <c r="B59" s="34">
        <v>50</v>
      </c>
      <c r="C59" s="13">
        <v>41</v>
      </c>
      <c r="D59" s="12">
        <v>91</v>
      </c>
    </row>
    <row r="60" spans="1:4" ht="18" customHeight="1" x14ac:dyDescent="0.15">
      <c r="A60" s="8">
        <v>45</v>
      </c>
      <c r="B60" s="34">
        <v>9</v>
      </c>
      <c r="C60" s="13">
        <v>9</v>
      </c>
      <c r="D60" s="12">
        <v>18</v>
      </c>
    </row>
    <row r="61" spans="1:4" ht="18" customHeight="1" x14ac:dyDescent="0.15">
      <c r="A61" s="8">
        <v>46</v>
      </c>
      <c r="B61" s="34">
        <v>8</v>
      </c>
      <c r="C61" s="13">
        <v>17</v>
      </c>
      <c r="D61" s="12">
        <v>25</v>
      </c>
    </row>
    <row r="62" spans="1:4" ht="18" customHeight="1" x14ac:dyDescent="0.15">
      <c r="A62" s="8">
        <v>47</v>
      </c>
      <c r="B62" s="34">
        <v>8</v>
      </c>
      <c r="C62" s="13">
        <v>6</v>
      </c>
      <c r="D62" s="12">
        <v>14</v>
      </c>
    </row>
    <row r="63" spans="1:4" ht="18" customHeight="1" x14ac:dyDescent="0.15">
      <c r="A63" s="8">
        <v>48</v>
      </c>
      <c r="B63" s="34">
        <v>15</v>
      </c>
      <c r="C63" s="13">
        <v>11</v>
      </c>
      <c r="D63" s="12">
        <v>26</v>
      </c>
    </row>
    <row r="64" spans="1:4" ht="18" customHeight="1" x14ac:dyDescent="0.15">
      <c r="A64" s="8">
        <v>49</v>
      </c>
      <c r="B64" s="34">
        <v>18</v>
      </c>
      <c r="C64" s="13">
        <v>14</v>
      </c>
      <c r="D64" s="12">
        <v>32</v>
      </c>
    </row>
    <row r="65" spans="1:4" ht="18" customHeight="1" x14ac:dyDescent="0.15">
      <c r="A65" s="8" t="s">
        <v>287</v>
      </c>
      <c r="B65" s="34">
        <v>58</v>
      </c>
      <c r="C65" s="13">
        <v>57</v>
      </c>
      <c r="D65" s="12">
        <v>115</v>
      </c>
    </row>
    <row r="66" spans="1:4" ht="18" customHeight="1" x14ac:dyDescent="0.15">
      <c r="A66" s="8">
        <v>50</v>
      </c>
      <c r="B66" s="34">
        <v>13</v>
      </c>
      <c r="C66" s="13">
        <v>8</v>
      </c>
      <c r="D66" s="12">
        <v>21</v>
      </c>
    </row>
    <row r="67" spans="1:4" ht="18" customHeight="1" x14ac:dyDescent="0.15">
      <c r="A67" s="8">
        <v>51</v>
      </c>
      <c r="B67" s="34">
        <v>13</v>
      </c>
      <c r="C67" s="13">
        <v>16</v>
      </c>
      <c r="D67" s="12">
        <v>29</v>
      </c>
    </row>
    <row r="68" spans="1:4" ht="18" customHeight="1" x14ac:dyDescent="0.15">
      <c r="A68" s="8">
        <v>52</v>
      </c>
      <c r="B68" s="34">
        <v>20</v>
      </c>
      <c r="C68" s="13">
        <v>11</v>
      </c>
      <c r="D68" s="12">
        <v>31</v>
      </c>
    </row>
    <row r="69" spans="1:4" ht="18" customHeight="1" x14ac:dyDescent="0.15">
      <c r="A69" s="8">
        <v>53</v>
      </c>
      <c r="B69" s="34">
        <v>10</v>
      </c>
      <c r="C69" s="13">
        <v>7</v>
      </c>
      <c r="D69" s="12">
        <v>17</v>
      </c>
    </row>
    <row r="70" spans="1:4" ht="18" customHeight="1" x14ac:dyDescent="0.15">
      <c r="A70" s="8">
        <v>54</v>
      </c>
      <c r="B70" s="34">
        <v>13</v>
      </c>
      <c r="C70" s="13">
        <v>8</v>
      </c>
      <c r="D70" s="12">
        <v>21</v>
      </c>
    </row>
    <row r="71" spans="1:4" ht="18" customHeight="1" x14ac:dyDescent="0.15">
      <c r="A71" s="8" t="s">
        <v>58</v>
      </c>
      <c r="B71" s="34">
        <v>69</v>
      </c>
      <c r="C71" s="13">
        <v>50</v>
      </c>
      <c r="D71" s="12">
        <v>119</v>
      </c>
    </row>
    <row r="72" spans="1:4" ht="18" customHeight="1" x14ac:dyDescent="0.15">
      <c r="A72" s="8">
        <v>55</v>
      </c>
      <c r="B72" s="34">
        <v>6</v>
      </c>
      <c r="C72" s="13">
        <v>12</v>
      </c>
      <c r="D72" s="12">
        <v>18</v>
      </c>
    </row>
    <row r="73" spans="1:4" ht="18" customHeight="1" x14ac:dyDescent="0.15">
      <c r="A73" s="8">
        <v>56</v>
      </c>
      <c r="B73" s="34">
        <v>8</v>
      </c>
      <c r="C73" s="13">
        <v>8</v>
      </c>
      <c r="D73" s="12">
        <v>16</v>
      </c>
    </row>
    <row r="74" spans="1:4" ht="18" customHeight="1" x14ac:dyDescent="0.15">
      <c r="A74" s="8">
        <v>57</v>
      </c>
      <c r="B74" s="34">
        <v>12</v>
      </c>
      <c r="C74" s="13">
        <v>9</v>
      </c>
      <c r="D74" s="12">
        <v>21</v>
      </c>
    </row>
    <row r="75" spans="1:4" ht="18" customHeight="1" x14ac:dyDescent="0.15">
      <c r="A75" s="8">
        <v>58</v>
      </c>
      <c r="B75" s="34">
        <v>16</v>
      </c>
      <c r="C75" s="13">
        <v>10</v>
      </c>
      <c r="D75" s="12">
        <v>26</v>
      </c>
    </row>
    <row r="76" spans="1:4" ht="18" customHeight="1" x14ac:dyDescent="0.15">
      <c r="A76" s="8">
        <v>59</v>
      </c>
      <c r="B76" s="34">
        <v>12</v>
      </c>
      <c r="C76" s="13">
        <v>13</v>
      </c>
      <c r="D76" s="12">
        <v>25</v>
      </c>
    </row>
    <row r="77" spans="1:4" ht="18" customHeight="1" x14ac:dyDescent="0.15">
      <c r="A77" s="8" t="s">
        <v>71</v>
      </c>
      <c r="B77" s="34">
        <v>54</v>
      </c>
      <c r="C77" s="13">
        <v>52</v>
      </c>
      <c r="D77" s="12">
        <v>106</v>
      </c>
    </row>
    <row r="78" spans="1:4" ht="18" customHeight="1" x14ac:dyDescent="0.15">
      <c r="A78" s="8">
        <v>60</v>
      </c>
      <c r="B78" s="34">
        <v>4</v>
      </c>
      <c r="C78" s="13">
        <v>3</v>
      </c>
      <c r="D78" s="12">
        <v>7</v>
      </c>
    </row>
    <row r="79" spans="1:4" ht="18" customHeight="1" x14ac:dyDescent="0.15">
      <c r="A79" s="8">
        <v>61</v>
      </c>
      <c r="B79" s="34">
        <v>14</v>
      </c>
      <c r="C79" s="13">
        <v>4</v>
      </c>
      <c r="D79" s="12">
        <v>18</v>
      </c>
    </row>
    <row r="80" spans="1:4" ht="18" customHeight="1" x14ac:dyDescent="0.15">
      <c r="A80" s="8">
        <v>62</v>
      </c>
      <c r="B80" s="34">
        <v>9</v>
      </c>
      <c r="C80" s="13">
        <v>13</v>
      </c>
      <c r="D80" s="12">
        <v>22</v>
      </c>
    </row>
    <row r="81" spans="1:4" ht="18" customHeight="1" x14ac:dyDescent="0.15">
      <c r="A81" s="8">
        <v>63</v>
      </c>
      <c r="B81" s="34">
        <v>12</v>
      </c>
      <c r="C81" s="13">
        <v>11</v>
      </c>
      <c r="D81" s="12">
        <v>23</v>
      </c>
    </row>
    <row r="82" spans="1:4" ht="18" customHeight="1" x14ac:dyDescent="0.15">
      <c r="A82" s="8">
        <v>64</v>
      </c>
      <c r="B82" s="34">
        <v>12</v>
      </c>
      <c r="C82" s="13">
        <v>15</v>
      </c>
      <c r="D82" s="12">
        <v>27</v>
      </c>
    </row>
    <row r="83" spans="1:4" ht="18" customHeight="1" x14ac:dyDescent="0.15">
      <c r="A83" s="8" t="s">
        <v>286</v>
      </c>
      <c r="B83" s="34">
        <v>51</v>
      </c>
      <c r="C83" s="13">
        <v>46</v>
      </c>
      <c r="D83" s="12">
        <v>97</v>
      </c>
    </row>
    <row r="84" spans="1:4" ht="18" customHeight="1" x14ac:dyDescent="0.15">
      <c r="A84" s="8" t="s">
        <v>43</v>
      </c>
      <c r="B84" s="34">
        <v>482</v>
      </c>
      <c r="C84" s="13">
        <v>400</v>
      </c>
      <c r="D84" s="12">
        <v>882</v>
      </c>
    </row>
    <row r="85" spans="1:4" ht="18" customHeight="1" x14ac:dyDescent="0.15">
      <c r="A85" s="8">
        <v>65</v>
      </c>
      <c r="B85" s="34">
        <v>12</v>
      </c>
      <c r="C85" s="13">
        <v>17</v>
      </c>
      <c r="D85" s="12">
        <v>29</v>
      </c>
    </row>
    <row r="86" spans="1:4" ht="18" customHeight="1" x14ac:dyDescent="0.15">
      <c r="A86" s="8">
        <v>66</v>
      </c>
      <c r="B86" s="34">
        <v>16</v>
      </c>
      <c r="C86" s="13">
        <v>8</v>
      </c>
      <c r="D86" s="12">
        <v>24</v>
      </c>
    </row>
    <row r="87" spans="1:4" ht="18" customHeight="1" x14ac:dyDescent="0.15">
      <c r="A87" s="8">
        <v>67</v>
      </c>
      <c r="B87" s="34">
        <v>12</v>
      </c>
      <c r="C87" s="13">
        <v>18</v>
      </c>
      <c r="D87" s="12">
        <v>30</v>
      </c>
    </row>
    <row r="88" spans="1:4" ht="18" customHeight="1" x14ac:dyDescent="0.15">
      <c r="A88" s="8">
        <v>68</v>
      </c>
      <c r="B88" s="34">
        <v>17</v>
      </c>
      <c r="C88" s="13">
        <v>24</v>
      </c>
      <c r="D88" s="12">
        <v>41</v>
      </c>
    </row>
    <row r="89" spans="1:4" ht="18" customHeight="1" x14ac:dyDescent="0.15">
      <c r="A89" s="8">
        <v>69</v>
      </c>
      <c r="B89" s="34">
        <v>15</v>
      </c>
      <c r="C89" s="13">
        <v>13</v>
      </c>
      <c r="D89" s="12">
        <v>28</v>
      </c>
    </row>
    <row r="90" spans="1:4" ht="18" customHeight="1" x14ac:dyDescent="0.15">
      <c r="A90" s="8" t="s">
        <v>42</v>
      </c>
      <c r="B90" s="34">
        <v>72</v>
      </c>
      <c r="C90" s="13">
        <v>80</v>
      </c>
      <c r="D90" s="12">
        <v>152</v>
      </c>
    </row>
    <row r="91" spans="1:4" ht="18" customHeight="1" x14ac:dyDescent="0.15">
      <c r="A91" s="8">
        <v>70</v>
      </c>
      <c r="B91" s="34">
        <v>14</v>
      </c>
      <c r="C91" s="13">
        <v>15</v>
      </c>
      <c r="D91" s="12">
        <v>29</v>
      </c>
    </row>
    <row r="92" spans="1:4" ht="18" customHeight="1" x14ac:dyDescent="0.15">
      <c r="A92" s="8">
        <v>71</v>
      </c>
      <c r="B92" s="34">
        <v>27</v>
      </c>
      <c r="C92" s="13">
        <v>20</v>
      </c>
      <c r="D92" s="12">
        <v>47</v>
      </c>
    </row>
    <row r="93" spans="1:4" ht="18" customHeight="1" x14ac:dyDescent="0.15">
      <c r="A93" s="8">
        <v>72</v>
      </c>
      <c r="B93" s="34">
        <v>20</v>
      </c>
      <c r="C93" s="13">
        <v>14</v>
      </c>
      <c r="D93" s="12">
        <v>34</v>
      </c>
    </row>
    <row r="94" spans="1:4" ht="18" customHeight="1" x14ac:dyDescent="0.15">
      <c r="A94" s="8">
        <v>73</v>
      </c>
      <c r="B94" s="34">
        <v>18</v>
      </c>
      <c r="C94" s="13">
        <v>22</v>
      </c>
      <c r="D94" s="12">
        <v>40</v>
      </c>
    </row>
    <row r="95" spans="1:4" ht="18" customHeight="1" x14ac:dyDescent="0.15">
      <c r="A95" s="8">
        <v>74</v>
      </c>
      <c r="B95" s="34">
        <v>23</v>
      </c>
      <c r="C95" s="13">
        <v>26</v>
      </c>
      <c r="D95" s="12">
        <v>49</v>
      </c>
    </row>
    <row r="96" spans="1:4" ht="18" customHeight="1" x14ac:dyDescent="0.15">
      <c r="A96" s="8" t="s">
        <v>41</v>
      </c>
      <c r="B96" s="34">
        <v>102</v>
      </c>
      <c r="C96" s="13">
        <v>97</v>
      </c>
      <c r="D96" s="12">
        <v>199</v>
      </c>
    </row>
    <row r="97" spans="1:4" ht="18" customHeight="1" x14ac:dyDescent="0.15">
      <c r="A97" s="8">
        <v>75</v>
      </c>
      <c r="B97" s="34">
        <v>27</v>
      </c>
      <c r="C97" s="13">
        <v>36</v>
      </c>
      <c r="D97" s="12">
        <v>63</v>
      </c>
    </row>
    <row r="98" spans="1:4" ht="18" customHeight="1" x14ac:dyDescent="0.15">
      <c r="A98" s="8">
        <v>76</v>
      </c>
      <c r="B98" s="34">
        <v>20</v>
      </c>
      <c r="C98" s="13">
        <v>15</v>
      </c>
      <c r="D98" s="12">
        <v>35</v>
      </c>
    </row>
    <row r="99" spans="1:4" ht="18" customHeight="1" x14ac:dyDescent="0.15">
      <c r="A99" s="8">
        <v>77</v>
      </c>
      <c r="B99" s="34">
        <v>10</v>
      </c>
      <c r="C99" s="13">
        <v>11</v>
      </c>
      <c r="D99" s="12">
        <v>21</v>
      </c>
    </row>
    <row r="100" spans="1:4" ht="18" customHeight="1" x14ac:dyDescent="0.15">
      <c r="A100" s="8">
        <v>78</v>
      </c>
      <c r="B100" s="34">
        <v>8</v>
      </c>
      <c r="C100" s="13">
        <v>23</v>
      </c>
      <c r="D100" s="12">
        <v>31</v>
      </c>
    </row>
    <row r="101" spans="1:4" ht="18" customHeight="1" x14ac:dyDescent="0.15">
      <c r="A101" s="8">
        <v>79</v>
      </c>
      <c r="B101" s="34">
        <v>19</v>
      </c>
      <c r="C101" s="13">
        <v>26</v>
      </c>
      <c r="D101" s="12">
        <v>45</v>
      </c>
    </row>
    <row r="102" spans="1:4" ht="18" customHeight="1" x14ac:dyDescent="0.15">
      <c r="A102" s="8" t="s">
        <v>285</v>
      </c>
      <c r="B102" s="34">
        <v>84</v>
      </c>
      <c r="C102" s="13">
        <v>111</v>
      </c>
      <c r="D102" s="12">
        <v>195</v>
      </c>
    </row>
    <row r="103" spans="1:4" ht="18" customHeight="1" x14ac:dyDescent="0.15">
      <c r="A103" s="8">
        <v>80</v>
      </c>
      <c r="B103" s="34">
        <v>14</v>
      </c>
      <c r="C103" s="13">
        <v>20</v>
      </c>
      <c r="D103" s="12">
        <v>34</v>
      </c>
    </row>
    <row r="104" spans="1:4" ht="18" customHeight="1" x14ac:dyDescent="0.15">
      <c r="A104" s="8">
        <v>81</v>
      </c>
      <c r="B104" s="34">
        <v>17</v>
      </c>
      <c r="C104" s="13">
        <v>22</v>
      </c>
      <c r="D104" s="12">
        <v>39</v>
      </c>
    </row>
    <row r="105" spans="1:4" ht="18" customHeight="1" x14ac:dyDescent="0.15">
      <c r="A105" s="8">
        <v>82</v>
      </c>
      <c r="B105" s="34">
        <v>13</v>
      </c>
      <c r="C105" s="13">
        <v>16</v>
      </c>
      <c r="D105" s="12">
        <v>29</v>
      </c>
    </row>
    <row r="106" spans="1:4" ht="18" customHeight="1" x14ac:dyDescent="0.15">
      <c r="A106" s="8">
        <v>83</v>
      </c>
      <c r="B106" s="34">
        <v>10</v>
      </c>
      <c r="C106" s="13">
        <v>13</v>
      </c>
      <c r="D106" s="12">
        <v>23</v>
      </c>
    </row>
    <row r="107" spans="1:4" ht="18" customHeight="1" x14ac:dyDescent="0.15">
      <c r="A107" s="8">
        <v>84</v>
      </c>
      <c r="B107" s="34">
        <v>5</v>
      </c>
      <c r="C107" s="13">
        <v>18</v>
      </c>
      <c r="D107" s="12">
        <v>23</v>
      </c>
    </row>
    <row r="108" spans="1:4" ht="18" customHeight="1" x14ac:dyDescent="0.15">
      <c r="A108" s="8" t="s">
        <v>39</v>
      </c>
      <c r="B108" s="34">
        <v>59</v>
      </c>
      <c r="C108" s="13">
        <v>89</v>
      </c>
      <c r="D108" s="12">
        <v>148</v>
      </c>
    </row>
    <row r="109" spans="1:4" ht="18" customHeight="1" x14ac:dyDescent="0.15">
      <c r="A109" s="8">
        <v>85</v>
      </c>
      <c r="B109" s="34">
        <v>10</v>
      </c>
      <c r="C109" s="13">
        <v>12</v>
      </c>
      <c r="D109" s="12">
        <v>22</v>
      </c>
    </row>
    <row r="110" spans="1:4" ht="18" customHeight="1" x14ac:dyDescent="0.15">
      <c r="A110" s="8">
        <v>86</v>
      </c>
      <c r="B110" s="34">
        <v>5</v>
      </c>
      <c r="C110" s="13">
        <v>15</v>
      </c>
      <c r="D110" s="12">
        <v>20</v>
      </c>
    </row>
    <row r="111" spans="1:4" ht="18" customHeight="1" x14ac:dyDescent="0.15">
      <c r="A111" s="8">
        <v>87</v>
      </c>
      <c r="B111" s="34">
        <v>5</v>
      </c>
      <c r="C111" s="13">
        <v>13</v>
      </c>
      <c r="D111" s="12">
        <v>18</v>
      </c>
    </row>
    <row r="112" spans="1:4" ht="18" customHeight="1" x14ac:dyDescent="0.15">
      <c r="A112" s="8">
        <v>88</v>
      </c>
      <c r="B112" s="34">
        <v>4</v>
      </c>
      <c r="C112" s="13">
        <v>13</v>
      </c>
      <c r="D112" s="12">
        <v>17</v>
      </c>
    </row>
    <row r="113" spans="1:4" ht="18" customHeight="1" x14ac:dyDescent="0.15">
      <c r="A113" s="8">
        <v>89</v>
      </c>
      <c r="B113" s="34">
        <v>8</v>
      </c>
      <c r="C113" s="13">
        <v>19</v>
      </c>
      <c r="D113" s="12">
        <v>27</v>
      </c>
    </row>
    <row r="114" spans="1:4" ht="18" customHeight="1" x14ac:dyDescent="0.15">
      <c r="A114" s="8" t="s">
        <v>38</v>
      </c>
      <c r="B114" s="34">
        <v>32</v>
      </c>
      <c r="C114" s="13">
        <v>72</v>
      </c>
      <c r="D114" s="12">
        <v>104</v>
      </c>
    </row>
    <row r="115" spans="1:4" ht="18" customHeight="1" x14ac:dyDescent="0.15">
      <c r="A115" s="8">
        <v>90</v>
      </c>
      <c r="B115" s="34">
        <v>8</v>
      </c>
      <c r="C115" s="13">
        <v>13</v>
      </c>
      <c r="D115" s="12">
        <v>21</v>
      </c>
    </row>
    <row r="116" spans="1:4" ht="18" customHeight="1" x14ac:dyDescent="0.15">
      <c r="A116" s="8">
        <v>91</v>
      </c>
      <c r="B116" s="34">
        <v>4</v>
      </c>
      <c r="C116" s="13">
        <v>13</v>
      </c>
      <c r="D116" s="12">
        <v>17</v>
      </c>
    </row>
    <row r="117" spans="1:4" ht="18" customHeight="1" x14ac:dyDescent="0.15">
      <c r="A117" s="8">
        <v>92</v>
      </c>
      <c r="B117" s="34">
        <v>1</v>
      </c>
      <c r="C117" s="13">
        <v>8</v>
      </c>
      <c r="D117" s="12">
        <v>9</v>
      </c>
    </row>
    <row r="118" spans="1:4" ht="18" customHeight="1" x14ac:dyDescent="0.15">
      <c r="A118" s="8">
        <v>93</v>
      </c>
      <c r="B118" s="34">
        <v>8</v>
      </c>
      <c r="C118" s="13">
        <v>8</v>
      </c>
      <c r="D118" s="12">
        <v>16</v>
      </c>
    </row>
    <row r="119" spans="1:4" ht="18" customHeight="1" x14ac:dyDescent="0.15">
      <c r="A119" s="8">
        <v>94</v>
      </c>
      <c r="B119" s="34">
        <v>3</v>
      </c>
      <c r="C119" s="13">
        <v>7</v>
      </c>
      <c r="D119" s="12">
        <v>10</v>
      </c>
    </row>
    <row r="120" spans="1:4" ht="18" customHeight="1" x14ac:dyDescent="0.15">
      <c r="A120" s="8" t="s">
        <v>69</v>
      </c>
      <c r="B120" s="34">
        <v>24</v>
      </c>
      <c r="C120" s="13">
        <v>49</v>
      </c>
      <c r="D120" s="12">
        <v>73</v>
      </c>
    </row>
    <row r="121" spans="1:4" ht="18" customHeight="1" x14ac:dyDescent="0.15">
      <c r="A121" s="8">
        <v>95</v>
      </c>
      <c r="B121" s="34">
        <v>0</v>
      </c>
      <c r="C121" s="13">
        <v>6</v>
      </c>
      <c r="D121" s="12">
        <v>6</v>
      </c>
    </row>
    <row r="122" spans="1:4" ht="18" customHeight="1" x14ac:dyDescent="0.15">
      <c r="A122" s="8">
        <v>96</v>
      </c>
      <c r="B122" s="34">
        <v>2</v>
      </c>
      <c r="C122" s="13">
        <v>7</v>
      </c>
      <c r="D122" s="12">
        <v>9</v>
      </c>
    </row>
    <row r="123" spans="1:4" ht="18" customHeight="1" x14ac:dyDescent="0.15">
      <c r="A123" s="8">
        <v>97</v>
      </c>
      <c r="B123" s="34">
        <v>0</v>
      </c>
      <c r="C123" s="13">
        <v>4</v>
      </c>
      <c r="D123" s="12">
        <v>4</v>
      </c>
    </row>
    <row r="124" spans="1:4" ht="18" customHeight="1" x14ac:dyDescent="0.15">
      <c r="A124" s="8">
        <v>98</v>
      </c>
      <c r="B124" s="34">
        <v>0</v>
      </c>
      <c r="C124" s="13">
        <v>6</v>
      </c>
      <c r="D124" s="12">
        <v>6</v>
      </c>
    </row>
    <row r="125" spans="1:4" ht="18" customHeight="1" x14ac:dyDescent="0.15">
      <c r="A125" s="8">
        <v>99</v>
      </c>
      <c r="B125" s="34">
        <v>0</v>
      </c>
      <c r="C125" s="13">
        <v>3</v>
      </c>
      <c r="D125" s="12">
        <v>3</v>
      </c>
    </row>
    <row r="126" spans="1:4" ht="18" customHeight="1" x14ac:dyDescent="0.15">
      <c r="A126" s="8" t="s">
        <v>68</v>
      </c>
      <c r="B126" s="34">
        <v>2</v>
      </c>
      <c r="C126" s="13">
        <v>26</v>
      </c>
      <c r="D126" s="12">
        <v>28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284</v>
      </c>
      <c r="B128" s="34">
        <v>1</v>
      </c>
      <c r="C128" s="13">
        <v>2</v>
      </c>
      <c r="D128" s="12">
        <v>3</v>
      </c>
    </row>
    <row r="129" spans="1:4" ht="18" customHeight="1" x14ac:dyDescent="0.15">
      <c r="A129" s="8" t="s">
        <v>36</v>
      </c>
      <c r="B129" s="34">
        <v>1</v>
      </c>
      <c r="C129" s="13">
        <v>3</v>
      </c>
      <c r="D129" s="12">
        <v>4</v>
      </c>
    </row>
    <row r="130" spans="1:4" ht="18" customHeight="1" x14ac:dyDescent="0.15">
      <c r="A130" s="8" t="s">
        <v>35</v>
      </c>
      <c r="B130" s="28">
        <v>376</v>
      </c>
      <c r="C130" s="6">
        <v>527</v>
      </c>
      <c r="D130" s="5">
        <v>903</v>
      </c>
    </row>
    <row r="131" spans="1:4" ht="18" customHeight="1" x14ac:dyDescent="0.15">
      <c r="A131" s="4" t="s">
        <v>0</v>
      </c>
      <c r="B131" s="27">
        <v>931</v>
      </c>
      <c r="C131" s="2">
        <v>1000</v>
      </c>
      <c r="D131" s="1">
        <v>193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29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2</v>
      </c>
      <c r="C5" s="44">
        <v>12</v>
      </c>
      <c r="D5" s="43">
        <v>24</v>
      </c>
    </row>
    <row r="6" spans="1:4" ht="18" customHeight="1" x14ac:dyDescent="0.15">
      <c r="A6" s="8">
        <v>1</v>
      </c>
      <c r="B6" s="39">
        <v>15</v>
      </c>
      <c r="C6" s="13">
        <v>13</v>
      </c>
      <c r="D6" s="12">
        <v>28</v>
      </c>
    </row>
    <row r="7" spans="1:4" ht="18" customHeight="1" x14ac:dyDescent="0.15">
      <c r="A7" s="8">
        <v>2</v>
      </c>
      <c r="B7" s="39">
        <v>9</v>
      </c>
      <c r="C7" s="13">
        <v>18</v>
      </c>
      <c r="D7" s="12">
        <v>27</v>
      </c>
    </row>
    <row r="8" spans="1:4" ht="18" customHeight="1" x14ac:dyDescent="0.15">
      <c r="A8" s="8">
        <v>3</v>
      </c>
      <c r="B8" s="39">
        <v>19</v>
      </c>
      <c r="C8" s="13">
        <v>23</v>
      </c>
      <c r="D8" s="12">
        <v>42</v>
      </c>
    </row>
    <row r="9" spans="1:4" ht="18" customHeight="1" x14ac:dyDescent="0.15">
      <c r="A9" s="8">
        <v>4</v>
      </c>
      <c r="B9" s="42">
        <v>12</v>
      </c>
      <c r="C9" s="41">
        <v>23</v>
      </c>
      <c r="D9" s="40">
        <v>35</v>
      </c>
    </row>
    <row r="10" spans="1:4" ht="18" customHeight="1" x14ac:dyDescent="0.15">
      <c r="A10" s="8" t="s">
        <v>76</v>
      </c>
      <c r="B10" s="34">
        <v>67</v>
      </c>
      <c r="C10" s="13">
        <v>89</v>
      </c>
      <c r="D10" s="12">
        <v>156</v>
      </c>
    </row>
    <row r="11" spans="1:4" ht="18" customHeight="1" x14ac:dyDescent="0.15">
      <c r="A11" s="8">
        <v>5</v>
      </c>
      <c r="B11" s="39">
        <v>19</v>
      </c>
      <c r="C11" s="13">
        <v>25</v>
      </c>
      <c r="D11" s="12">
        <v>44</v>
      </c>
    </row>
    <row r="12" spans="1:4" ht="18" customHeight="1" x14ac:dyDescent="0.15">
      <c r="A12" s="8">
        <v>6</v>
      </c>
      <c r="B12" s="39">
        <v>19</v>
      </c>
      <c r="C12" s="13">
        <v>25</v>
      </c>
      <c r="D12" s="12">
        <v>44</v>
      </c>
    </row>
    <row r="13" spans="1:4" ht="18" customHeight="1" x14ac:dyDescent="0.15">
      <c r="A13" s="8">
        <v>7</v>
      </c>
      <c r="B13" s="39">
        <v>21</v>
      </c>
      <c r="C13" s="13">
        <v>30</v>
      </c>
      <c r="D13" s="12">
        <v>51</v>
      </c>
    </row>
    <row r="14" spans="1:4" ht="18" customHeight="1" x14ac:dyDescent="0.15">
      <c r="A14" s="8">
        <v>8</v>
      </c>
      <c r="B14" s="39">
        <v>23</v>
      </c>
      <c r="C14" s="13">
        <v>24</v>
      </c>
      <c r="D14" s="12">
        <v>47</v>
      </c>
    </row>
    <row r="15" spans="1:4" ht="18" customHeight="1" x14ac:dyDescent="0.15">
      <c r="A15" s="8">
        <v>9</v>
      </c>
      <c r="B15" s="39">
        <v>25</v>
      </c>
      <c r="C15" s="13">
        <v>22</v>
      </c>
      <c r="D15" s="12">
        <v>47</v>
      </c>
    </row>
    <row r="16" spans="1:4" ht="18" customHeight="1" x14ac:dyDescent="0.15">
      <c r="A16" s="8" t="s">
        <v>50</v>
      </c>
      <c r="B16" s="34">
        <v>107</v>
      </c>
      <c r="C16" s="13">
        <v>126</v>
      </c>
      <c r="D16" s="12">
        <v>233</v>
      </c>
    </row>
    <row r="17" spans="1:4" ht="18" customHeight="1" x14ac:dyDescent="0.15">
      <c r="A17" s="8">
        <v>10</v>
      </c>
      <c r="B17" s="34">
        <v>36</v>
      </c>
      <c r="C17" s="13">
        <v>31</v>
      </c>
      <c r="D17" s="12">
        <v>67</v>
      </c>
    </row>
    <row r="18" spans="1:4" ht="18" customHeight="1" x14ac:dyDescent="0.15">
      <c r="A18" s="8">
        <v>11</v>
      </c>
      <c r="B18" s="34">
        <v>22</v>
      </c>
      <c r="C18" s="13">
        <v>19</v>
      </c>
      <c r="D18" s="12">
        <v>41</v>
      </c>
    </row>
    <row r="19" spans="1:4" ht="18" customHeight="1" x14ac:dyDescent="0.15">
      <c r="A19" s="8">
        <v>12</v>
      </c>
      <c r="B19" s="34">
        <v>17</v>
      </c>
      <c r="C19" s="13">
        <v>20</v>
      </c>
      <c r="D19" s="12">
        <v>37</v>
      </c>
    </row>
    <row r="20" spans="1:4" ht="18" customHeight="1" x14ac:dyDescent="0.15">
      <c r="A20" s="8">
        <v>13</v>
      </c>
      <c r="B20" s="34">
        <v>26</v>
      </c>
      <c r="C20" s="13">
        <v>33</v>
      </c>
      <c r="D20" s="12">
        <v>59</v>
      </c>
    </row>
    <row r="21" spans="1:4" ht="18" customHeight="1" x14ac:dyDescent="0.15">
      <c r="A21" s="8">
        <v>14</v>
      </c>
      <c r="B21" s="34">
        <v>31</v>
      </c>
      <c r="C21" s="13">
        <v>21</v>
      </c>
      <c r="D21" s="12">
        <v>52</v>
      </c>
    </row>
    <row r="22" spans="1:4" ht="18" customHeight="1" x14ac:dyDescent="0.15">
      <c r="A22" s="8" t="s">
        <v>295</v>
      </c>
      <c r="B22" s="34">
        <v>132</v>
      </c>
      <c r="C22" s="13">
        <v>124</v>
      </c>
      <c r="D22" s="12">
        <v>256</v>
      </c>
    </row>
    <row r="23" spans="1:4" ht="18" customHeight="1" x14ac:dyDescent="0.15">
      <c r="A23" s="8" t="s">
        <v>294</v>
      </c>
      <c r="B23" s="34">
        <v>306</v>
      </c>
      <c r="C23" s="13">
        <v>339</v>
      </c>
      <c r="D23" s="12">
        <v>645</v>
      </c>
    </row>
    <row r="24" spans="1:4" ht="18" customHeight="1" x14ac:dyDescent="0.15">
      <c r="A24" s="8">
        <v>15</v>
      </c>
      <c r="B24" s="34">
        <v>23</v>
      </c>
      <c r="C24" s="13">
        <v>22</v>
      </c>
      <c r="D24" s="12">
        <v>45</v>
      </c>
    </row>
    <row r="25" spans="1:4" ht="18" customHeight="1" x14ac:dyDescent="0.15">
      <c r="A25" s="8">
        <v>16</v>
      </c>
      <c r="B25" s="34">
        <v>35</v>
      </c>
      <c r="C25" s="13">
        <v>26</v>
      </c>
      <c r="D25" s="12">
        <v>61</v>
      </c>
    </row>
    <row r="26" spans="1:4" ht="18" customHeight="1" x14ac:dyDescent="0.15">
      <c r="A26" s="8">
        <v>17</v>
      </c>
      <c r="B26" s="34">
        <v>36</v>
      </c>
      <c r="C26" s="13">
        <v>22</v>
      </c>
      <c r="D26" s="12">
        <v>58</v>
      </c>
    </row>
    <row r="27" spans="1:4" ht="18" customHeight="1" x14ac:dyDescent="0.15">
      <c r="A27" s="8">
        <v>18</v>
      </c>
      <c r="B27" s="34">
        <v>44</v>
      </c>
      <c r="C27" s="13">
        <v>36</v>
      </c>
      <c r="D27" s="12">
        <v>80</v>
      </c>
    </row>
    <row r="28" spans="1:4" ht="18" customHeight="1" x14ac:dyDescent="0.15">
      <c r="A28" s="8">
        <v>19</v>
      </c>
      <c r="B28" s="34">
        <v>25</v>
      </c>
      <c r="C28" s="13">
        <v>33</v>
      </c>
      <c r="D28" s="12">
        <v>58</v>
      </c>
    </row>
    <row r="29" spans="1:4" ht="18" customHeight="1" x14ac:dyDescent="0.15">
      <c r="A29" s="8" t="s">
        <v>48</v>
      </c>
      <c r="B29" s="34">
        <v>163</v>
      </c>
      <c r="C29" s="13">
        <v>139</v>
      </c>
      <c r="D29" s="12">
        <v>302</v>
      </c>
    </row>
    <row r="30" spans="1:4" ht="18" customHeight="1" x14ac:dyDescent="0.15">
      <c r="A30" s="8">
        <v>20</v>
      </c>
      <c r="B30" s="34">
        <v>36</v>
      </c>
      <c r="C30" s="13">
        <v>28</v>
      </c>
      <c r="D30" s="12">
        <v>64</v>
      </c>
    </row>
    <row r="31" spans="1:4" ht="18" customHeight="1" x14ac:dyDescent="0.15">
      <c r="A31" s="8">
        <v>21</v>
      </c>
      <c r="B31" s="34">
        <v>39</v>
      </c>
      <c r="C31" s="13">
        <v>26</v>
      </c>
      <c r="D31" s="12">
        <v>65</v>
      </c>
    </row>
    <row r="32" spans="1:4" ht="18" customHeight="1" x14ac:dyDescent="0.15">
      <c r="A32" s="8">
        <v>22</v>
      </c>
      <c r="B32" s="34">
        <v>33</v>
      </c>
      <c r="C32" s="13">
        <v>40</v>
      </c>
      <c r="D32" s="12">
        <v>73</v>
      </c>
    </row>
    <row r="33" spans="1:4" ht="18" customHeight="1" x14ac:dyDescent="0.15">
      <c r="A33" s="8">
        <v>23</v>
      </c>
      <c r="B33" s="34">
        <v>41</v>
      </c>
      <c r="C33" s="13">
        <v>39</v>
      </c>
      <c r="D33" s="12">
        <v>80</v>
      </c>
    </row>
    <row r="34" spans="1:4" ht="18" customHeight="1" x14ac:dyDescent="0.15">
      <c r="A34" s="8">
        <v>24</v>
      </c>
      <c r="B34" s="34">
        <v>41</v>
      </c>
      <c r="C34" s="13">
        <v>36</v>
      </c>
      <c r="D34" s="12">
        <v>77</v>
      </c>
    </row>
    <row r="35" spans="1:4" ht="18" customHeight="1" x14ac:dyDescent="0.15">
      <c r="A35" s="8" t="s">
        <v>74</v>
      </c>
      <c r="B35" s="34">
        <v>190</v>
      </c>
      <c r="C35" s="13">
        <v>169</v>
      </c>
      <c r="D35" s="12">
        <v>359</v>
      </c>
    </row>
    <row r="36" spans="1:4" ht="18" customHeight="1" x14ac:dyDescent="0.15">
      <c r="A36" s="8">
        <v>25</v>
      </c>
      <c r="B36" s="34">
        <v>41</v>
      </c>
      <c r="C36" s="13">
        <v>27</v>
      </c>
      <c r="D36" s="12">
        <v>68</v>
      </c>
    </row>
    <row r="37" spans="1:4" ht="18" customHeight="1" x14ac:dyDescent="0.15">
      <c r="A37" s="8">
        <v>26</v>
      </c>
      <c r="B37" s="34">
        <v>41</v>
      </c>
      <c r="C37" s="13">
        <v>28</v>
      </c>
      <c r="D37" s="12">
        <v>69</v>
      </c>
    </row>
    <row r="38" spans="1:4" ht="18" customHeight="1" x14ac:dyDescent="0.15">
      <c r="A38" s="8">
        <v>27</v>
      </c>
      <c r="B38" s="34">
        <v>39</v>
      </c>
      <c r="C38" s="13">
        <v>23</v>
      </c>
      <c r="D38" s="12">
        <v>62</v>
      </c>
    </row>
    <row r="39" spans="1:4" ht="18" customHeight="1" x14ac:dyDescent="0.15">
      <c r="A39" s="8">
        <v>28</v>
      </c>
      <c r="B39" s="34">
        <v>37</v>
      </c>
      <c r="C39" s="13">
        <v>25</v>
      </c>
      <c r="D39" s="12">
        <v>62</v>
      </c>
    </row>
    <row r="40" spans="1:4" ht="18" customHeight="1" x14ac:dyDescent="0.15">
      <c r="A40" s="8">
        <v>29</v>
      </c>
      <c r="B40" s="34">
        <v>33</v>
      </c>
      <c r="C40" s="13">
        <v>19</v>
      </c>
      <c r="D40" s="12">
        <v>52</v>
      </c>
    </row>
    <row r="41" spans="1:4" ht="18" customHeight="1" x14ac:dyDescent="0.15">
      <c r="A41" s="8" t="s">
        <v>293</v>
      </c>
      <c r="B41" s="34">
        <v>191</v>
      </c>
      <c r="C41" s="13">
        <v>122</v>
      </c>
      <c r="D41" s="12">
        <v>313</v>
      </c>
    </row>
    <row r="42" spans="1:4" ht="18" customHeight="1" x14ac:dyDescent="0.15">
      <c r="A42" s="8">
        <v>30</v>
      </c>
      <c r="B42" s="34">
        <v>43</v>
      </c>
      <c r="C42" s="13">
        <v>23</v>
      </c>
      <c r="D42" s="12">
        <v>66</v>
      </c>
    </row>
    <row r="43" spans="1:4" ht="18" customHeight="1" x14ac:dyDescent="0.15">
      <c r="A43" s="8">
        <v>31</v>
      </c>
      <c r="B43" s="34">
        <v>30</v>
      </c>
      <c r="C43" s="13">
        <v>21</v>
      </c>
      <c r="D43" s="12">
        <v>51</v>
      </c>
    </row>
    <row r="44" spans="1:4" ht="18" customHeight="1" x14ac:dyDescent="0.15">
      <c r="A44" s="8">
        <v>32</v>
      </c>
      <c r="B44" s="34">
        <v>34</v>
      </c>
      <c r="C44" s="13">
        <v>19</v>
      </c>
      <c r="D44" s="12">
        <v>53</v>
      </c>
    </row>
    <row r="45" spans="1:4" ht="18" customHeight="1" x14ac:dyDescent="0.15">
      <c r="A45" s="8">
        <v>33</v>
      </c>
      <c r="B45" s="34">
        <v>36</v>
      </c>
      <c r="C45" s="13">
        <v>25</v>
      </c>
      <c r="D45" s="12">
        <v>61</v>
      </c>
    </row>
    <row r="46" spans="1:4" ht="18" customHeight="1" x14ac:dyDescent="0.15">
      <c r="A46" s="8">
        <v>34</v>
      </c>
      <c r="B46" s="34">
        <v>38</v>
      </c>
      <c r="C46" s="13">
        <v>27</v>
      </c>
      <c r="D46" s="12">
        <v>65</v>
      </c>
    </row>
    <row r="47" spans="1:4" ht="18" customHeight="1" x14ac:dyDescent="0.15">
      <c r="A47" s="8" t="s">
        <v>61</v>
      </c>
      <c r="B47" s="34">
        <v>181</v>
      </c>
      <c r="C47" s="13">
        <v>115</v>
      </c>
      <c r="D47" s="12">
        <v>296</v>
      </c>
    </row>
    <row r="48" spans="1:4" ht="18" customHeight="1" x14ac:dyDescent="0.15">
      <c r="A48" s="8">
        <v>35</v>
      </c>
      <c r="B48" s="34">
        <v>33</v>
      </c>
      <c r="C48" s="13">
        <v>22</v>
      </c>
      <c r="D48" s="12">
        <v>55</v>
      </c>
    </row>
    <row r="49" spans="1:4" ht="18" customHeight="1" x14ac:dyDescent="0.15">
      <c r="A49" s="8">
        <v>36</v>
      </c>
      <c r="B49" s="34">
        <v>37</v>
      </c>
      <c r="C49" s="13">
        <v>34</v>
      </c>
      <c r="D49" s="12">
        <v>71</v>
      </c>
    </row>
    <row r="50" spans="1:4" ht="18" customHeight="1" x14ac:dyDescent="0.15">
      <c r="A50" s="8">
        <v>37</v>
      </c>
      <c r="B50" s="34">
        <v>27</v>
      </c>
      <c r="C50" s="13">
        <v>37</v>
      </c>
      <c r="D50" s="12">
        <v>64</v>
      </c>
    </row>
    <row r="51" spans="1:4" ht="18" customHeight="1" x14ac:dyDescent="0.15">
      <c r="A51" s="8">
        <v>38</v>
      </c>
      <c r="B51" s="34">
        <v>34</v>
      </c>
      <c r="C51" s="13">
        <v>37</v>
      </c>
      <c r="D51" s="12">
        <v>71</v>
      </c>
    </row>
    <row r="52" spans="1:4" ht="18" customHeight="1" x14ac:dyDescent="0.15">
      <c r="A52" s="8">
        <v>39</v>
      </c>
      <c r="B52" s="34">
        <v>34</v>
      </c>
      <c r="C52" s="13">
        <v>37</v>
      </c>
      <c r="D52" s="12">
        <v>71</v>
      </c>
    </row>
    <row r="53" spans="1:4" ht="18" customHeight="1" x14ac:dyDescent="0.15">
      <c r="A53" s="8" t="s">
        <v>72</v>
      </c>
      <c r="B53" s="34">
        <v>165</v>
      </c>
      <c r="C53" s="13">
        <v>167</v>
      </c>
      <c r="D53" s="12">
        <v>332</v>
      </c>
    </row>
    <row r="54" spans="1:4" ht="18" customHeight="1" x14ac:dyDescent="0.15">
      <c r="A54" s="8">
        <v>40</v>
      </c>
      <c r="B54" s="34">
        <v>34</v>
      </c>
      <c r="C54" s="13">
        <v>38</v>
      </c>
      <c r="D54" s="12">
        <v>72</v>
      </c>
    </row>
    <row r="55" spans="1:4" ht="18" customHeight="1" x14ac:dyDescent="0.15">
      <c r="A55" s="8">
        <v>41</v>
      </c>
      <c r="B55" s="34">
        <v>41</v>
      </c>
      <c r="C55" s="13">
        <v>35</v>
      </c>
      <c r="D55" s="12">
        <v>76</v>
      </c>
    </row>
    <row r="56" spans="1:4" ht="18" customHeight="1" x14ac:dyDescent="0.15">
      <c r="A56" s="8">
        <v>42</v>
      </c>
      <c r="B56" s="34">
        <v>46</v>
      </c>
      <c r="C56" s="13">
        <v>36</v>
      </c>
      <c r="D56" s="12">
        <v>82</v>
      </c>
    </row>
    <row r="57" spans="1:4" ht="18" customHeight="1" x14ac:dyDescent="0.15">
      <c r="A57" s="8">
        <v>43</v>
      </c>
      <c r="B57" s="34">
        <v>40</v>
      </c>
      <c r="C57" s="13">
        <v>45</v>
      </c>
      <c r="D57" s="12">
        <v>85</v>
      </c>
    </row>
    <row r="58" spans="1:4" ht="18" customHeight="1" x14ac:dyDescent="0.15">
      <c r="A58" s="8">
        <v>44</v>
      </c>
      <c r="B58" s="34">
        <v>39</v>
      </c>
      <c r="C58" s="13">
        <v>40</v>
      </c>
      <c r="D58" s="12">
        <v>79</v>
      </c>
    </row>
    <row r="59" spans="1:4" ht="18" customHeight="1" x14ac:dyDescent="0.15">
      <c r="A59" s="8" t="s">
        <v>46</v>
      </c>
      <c r="B59" s="34">
        <v>200</v>
      </c>
      <c r="C59" s="13">
        <v>194</v>
      </c>
      <c r="D59" s="12">
        <v>394</v>
      </c>
    </row>
    <row r="60" spans="1:4" ht="18" customHeight="1" x14ac:dyDescent="0.15">
      <c r="A60" s="8">
        <v>45</v>
      </c>
      <c r="B60" s="34">
        <v>43</v>
      </c>
      <c r="C60" s="13">
        <v>40</v>
      </c>
      <c r="D60" s="12">
        <v>83</v>
      </c>
    </row>
    <row r="61" spans="1:4" ht="18" customHeight="1" x14ac:dyDescent="0.15">
      <c r="A61" s="8">
        <v>46</v>
      </c>
      <c r="B61" s="34">
        <v>48</v>
      </c>
      <c r="C61" s="13">
        <v>46</v>
      </c>
      <c r="D61" s="12">
        <v>94</v>
      </c>
    </row>
    <row r="62" spans="1:4" ht="18" customHeight="1" x14ac:dyDescent="0.15">
      <c r="A62" s="8">
        <v>47</v>
      </c>
      <c r="B62" s="34">
        <v>44</v>
      </c>
      <c r="C62" s="13">
        <v>36</v>
      </c>
      <c r="D62" s="12">
        <v>80</v>
      </c>
    </row>
    <row r="63" spans="1:4" ht="18" customHeight="1" x14ac:dyDescent="0.15">
      <c r="A63" s="8">
        <v>48</v>
      </c>
      <c r="B63" s="34">
        <v>45</v>
      </c>
      <c r="C63" s="13">
        <v>51</v>
      </c>
      <c r="D63" s="12">
        <v>96</v>
      </c>
    </row>
    <row r="64" spans="1:4" ht="18" customHeight="1" x14ac:dyDescent="0.15">
      <c r="A64" s="8">
        <v>49</v>
      </c>
      <c r="B64" s="34">
        <v>43</v>
      </c>
      <c r="C64" s="13">
        <v>43</v>
      </c>
      <c r="D64" s="12">
        <v>86</v>
      </c>
    </row>
    <row r="65" spans="1:4" ht="18" customHeight="1" x14ac:dyDescent="0.15">
      <c r="A65" s="8" t="s">
        <v>45</v>
      </c>
      <c r="B65" s="34">
        <v>223</v>
      </c>
      <c r="C65" s="13">
        <v>216</v>
      </c>
      <c r="D65" s="12">
        <v>439</v>
      </c>
    </row>
    <row r="66" spans="1:4" ht="18" customHeight="1" x14ac:dyDescent="0.15">
      <c r="A66" s="8">
        <v>50</v>
      </c>
      <c r="B66" s="34">
        <v>57</v>
      </c>
      <c r="C66" s="13">
        <v>55</v>
      </c>
      <c r="D66" s="12">
        <v>112</v>
      </c>
    </row>
    <row r="67" spans="1:4" ht="18" customHeight="1" x14ac:dyDescent="0.15">
      <c r="A67" s="8">
        <v>51</v>
      </c>
      <c r="B67" s="34">
        <v>51</v>
      </c>
      <c r="C67" s="13">
        <v>48</v>
      </c>
      <c r="D67" s="12">
        <v>99</v>
      </c>
    </row>
    <row r="68" spans="1:4" ht="18" customHeight="1" x14ac:dyDescent="0.15">
      <c r="A68" s="8">
        <v>52</v>
      </c>
      <c r="B68" s="34">
        <v>56</v>
      </c>
      <c r="C68" s="13">
        <v>40</v>
      </c>
      <c r="D68" s="12">
        <v>96</v>
      </c>
    </row>
    <row r="69" spans="1:4" ht="18" customHeight="1" x14ac:dyDescent="0.15">
      <c r="A69" s="8">
        <v>53</v>
      </c>
      <c r="B69" s="34">
        <v>57</v>
      </c>
      <c r="C69" s="13">
        <v>60</v>
      </c>
      <c r="D69" s="12">
        <v>117</v>
      </c>
    </row>
    <row r="70" spans="1:4" ht="18" customHeight="1" x14ac:dyDescent="0.15">
      <c r="A70" s="8">
        <v>54</v>
      </c>
      <c r="B70" s="34">
        <v>49</v>
      </c>
      <c r="C70" s="13">
        <v>46</v>
      </c>
      <c r="D70" s="12">
        <v>95</v>
      </c>
    </row>
    <row r="71" spans="1:4" ht="18" customHeight="1" x14ac:dyDescent="0.15">
      <c r="A71" s="8" t="s">
        <v>58</v>
      </c>
      <c r="B71" s="34">
        <v>270</v>
      </c>
      <c r="C71" s="13">
        <v>249</v>
      </c>
      <c r="D71" s="12">
        <v>519</v>
      </c>
    </row>
    <row r="72" spans="1:4" ht="18" customHeight="1" x14ac:dyDescent="0.15">
      <c r="A72" s="8">
        <v>55</v>
      </c>
      <c r="B72" s="34">
        <v>51</v>
      </c>
      <c r="C72" s="13">
        <v>56</v>
      </c>
      <c r="D72" s="12">
        <v>107</v>
      </c>
    </row>
    <row r="73" spans="1:4" ht="18" customHeight="1" x14ac:dyDescent="0.15">
      <c r="A73" s="8">
        <v>56</v>
      </c>
      <c r="B73" s="34">
        <v>39</v>
      </c>
      <c r="C73" s="13">
        <v>41</v>
      </c>
      <c r="D73" s="12">
        <v>80</v>
      </c>
    </row>
    <row r="74" spans="1:4" ht="18" customHeight="1" x14ac:dyDescent="0.15">
      <c r="A74" s="8">
        <v>57</v>
      </c>
      <c r="B74" s="34">
        <v>39</v>
      </c>
      <c r="C74" s="13">
        <v>38</v>
      </c>
      <c r="D74" s="12">
        <v>77</v>
      </c>
    </row>
    <row r="75" spans="1:4" ht="18" customHeight="1" x14ac:dyDescent="0.15">
      <c r="A75" s="8">
        <v>58</v>
      </c>
      <c r="B75" s="34">
        <v>50</v>
      </c>
      <c r="C75" s="13">
        <v>48</v>
      </c>
      <c r="D75" s="12">
        <v>98</v>
      </c>
    </row>
    <row r="76" spans="1:4" ht="18" customHeight="1" x14ac:dyDescent="0.15">
      <c r="A76" s="8">
        <v>59</v>
      </c>
      <c r="B76" s="34">
        <v>48</v>
      </c>
      <c r="C76" s="13">
        <v>40</v>
      </c>
      <c r="D76" s="12">
        <v>88</v>
      </c>
    </row>
    <row r="77" spans="1:4" ht="18" customHeight="1" x14ac:dyDescent="0.15">
      <c r="A77" s="8" t="s">
        <v>71</v>
      </c>
      <c r="B77" s="34">
        <v>227</v>
      </c>
      <c r="C77" s="13">
        <v>223</v>
      </c>
      <c r="D77" s="12">
        <v>450</v>
      </c>
    </row>
    <row r="78" spans="1:4" ht="18" customHeight="1" x14ac:dyDescent="0.15">
      <c r="A78" s="8">
        <v>60</v>
      </c>
      <c r="B78" s="34">
        <v>38</v>
      </c>
      <c r="C78" s="13">
        <v>36</v>
      </c>
      <c r="D78" s="12">
        <v>74</v>
      </c>
    </row>
    <row r="79" spans="1:4" ht="18" customHeight="1" x14ac:dyDescent="0.15">
      <c r="A79" s="8">
        <v>61</v>
      </c>
      <c r="B79" s="34">
        <v>43</v>
      </c>
      <c r="C79" s="13">
        <v>49</v>
      </c>
      <c r="D79" s="12">
        <v>92</v>
      </c>
    </row>
    <row r="80" spans="1:4" ht="18" customHeight="1" x14ac:dyDescent="0.15">
      <c r="A80" s="8">
        <v>62</v>
      </c>
      <c r="B80" s="34">
        <v>55</v>
      </c>
      <c r="C80" s="13">
        <v>57</v>
      </c>
      <c r="D80" s="12">
        <v>112</v>
      </c>
    </row>
    <row r="81" spans="1:4" ht="18" customHeight="1" x14ac:dyDescent="0.15">
      <c r="A81" s="8">
        <v>63</v>
      </c>
      <c r="B81" s="34">
        <v>39</v>
      </c>
      <c r="C81" s="13">
        <v>41</v>
      </c>
      <c r="D81" s="12">
        <v>80</v>
      </c>
    </row>
    <row r="82" spans="1:4" ht="18" customHeight="1" x14ac:dyDescent="0.15">
      <c r="A82" s="8">
        <v>64</v>
      </c>
      <c r="B82" s="34">
        <v>45</v>
      </c>
      <c r="C82" s="13">
        <v>38</v>
      </c>
      <c r="D82" s="12">
        <v>83</v>
      </c>
    </row>
    <row r="83" spans="1:4" ht="18" customHeight="1" x14ac:dyDescent="0.15">
      <c r="A83" s="8" t="s">
        <v>292</v>
      </c>
      <c r="B83" s="34">
        <v>220</v>
      </c>
      <c r="C83" s="13">
        <v>221</v>
      </c>
      <c r="D83" s="12">
        <v>441</v>
      </c>
    </row>
    <row r="84" spans="1:4" ht="18" customHeight="1" x14ac:dyDescent="0.15">
      <c r="A84" s="8" t="s">
        <v>43</v>
      </c>
      <c r="B84" s="34">
        <v>2030</v>
      </c>
      <c r="C84" s="13">
        <v>1815</v>
      </c>
      <c r="D84" s="12">
        <v>3845</v>
      </c>
    </row>
    <row r="85" spans="1:4" ht="18" customHeight="1" x14ac:dyDescent="0.15">
      <c r="A85" s="8">
        <v>65</v>
      </c>
      <c r="B85" s="34">
        <v>46</v>
      </c>
      <c r="C85" s="13">
        <v>40</v>
      </c>
      <c r="D85" s="12">
        <v>86</v>
      </c>
    </row>
    <row r="86" spans="1:4" ht="18" customHeight="1" x14ac:dyDescent="0.15">
      <c r="A86" s="8">
        <v>66</v>
      </c>
      <c r="B86" s="34">
        <v>43</v>
      </c>
      <c r="C86" s="13">
        <v>43</v>
      </c>
      <c r="D86" s="12">
        <v>86</v>
      </c>
    </row>
    <row r="87" spans="1:4" ht="18" customHeight="1" x14ac:dyDescent="0.15">
      <c r="A87" s="8">
        <v>67</v>
      </c>
      <c r="B87" s="34">
        <v>46</v>
      </c>
      <c r="C87" s="13">
        <v>48</v>
      </c>
      <c r="D87" s="12">
        <v>94</v>
      </c>
    </row>
    <row r="88" spans="1:4" ht="18" customHeight="1" x14ac:dyDescent="0.15">
      <c r="A88" s="8">
        <v>68</v>
      </c>
      <c r="B88" s="34">
        <v>56</v>
      </c>
      <c r="C88" s="13">
        <v>52</v>
      </c>
      <c r="D88" s="12">
        <v>108</v>
      </c>
    </row>
    <row r="89" spans="1:4" ht="18" customHeight="1" x14ac:dyDescent="0.15">
      <c r="A89" s="8">
        <v>69</v>
      </c>
      <c r="B89" s="34">
        <v>49</v>
      </c>
      <c r="C89" s="13">
        <v>54</v>
      </c>
      <c r="D89" s="12">
        <v>103</v>
      </c>
    </row>
    <row r="90" spans="1:4" ht="18" customHeight="1" x14ac:dyDescent="0.15">
      <c r="A90" s="8" t="s">
        <v>42</v>
      </c>
      <c r="B90" s="34">
        <v>240</v>
      </c>
      <c r="C90" s="13">
        <v>237</v>
      </c>
      <c r="D90" s="12">
        <v>477</v>
      </c>
    </row>
    <row r="91" spans="1:4" ht="18" customHeight="1" x14ac:dyDescent="0.15">
      <c r="A91" s="8">
        <v>70</v>
      </c>
      <c r="B91" s="34">
        <v>62</v>
      </c>
      <c r="C91" s="13">
        <v>56</v>
      </c>
      <c r="D91" s="12">
        <v>118</v>
      </c>
    </row>
    <row r="92" spans="1:4" ht="18" customHeight="1" x14ac:dyDescent="0.15">
      <c r="A92" s="8">
        <v>71</v>
      </c>
      <c r="B92" s="34">
        <v>48</v>
      </c>
      <c r="C92" s="13">
        <v>55</v>
      </c>
      <c r="D92" s="12">
        <v>103</v>
      </c>
    </row>
    <row r="93" spans="1:4" ht="18" customHeight="1" x14ac:dyDescent="0.15">
      <c r="A93" s="8">
        <v>72</v>
      </c>
      <c r="B93" s="34">
        <v>62</v>
      </c>
      <c r="C93" s="13">
        <v>66</v>
      </c>
      <c r="D93" s="12">
        <v>128</v>
      </c>
    </row>
    <row r="94" spans="1:4" ht="18" customHeight="1" x14ac:dyDescent="0.15">
      <c r="A94" s="8">
        <v>73</v>
      </c>
      <c r="B94" s="34">
        <v>74</v>
      </c>
      <c r="C94" s="13">
        <v>49</v>
      </c>
      <c r="D94" s="12">
        <v>123</v>
      </c>
    </row>
    <row r="95" spans="1:4" ht="18" customHeight="1" x14ac:dyDescent="0.15">
      <c r="A95" s="8">
        <v>74</v>
      </c>
      <c r="B95" s="34">
        <v>62</v>
      </c>
      <c r="C95" s="13">
        <v>57</v>
      </c>
      <c r="D95" s="12">
        <v>119</v>
      </c>
    </row>
    <row r="96" spans="1:4" ht="18" customHeight="1" x14ac:dyDescent="0.15">
      <c r="A96" s="8" t="s">
        <v>41</v>
      </c>
      <c r="B96" s="34">
        <v>308</v>
      </c>
      <c r="C96" s="13">
        <v>283</v>
      </c>
      <c r="D96" s="12">
        <v>591</v>
      </c>
    </row>
    <row r="97" spans="1:4" ht="18" customHeight="1" x14ac:dyDescent="0.15">
      <c r="A97" s="8">
        <v>75</v>
      </c>
      <c r="B97" s="34">
        <v>70</v>
      </c>
      <c r="C97" s="13">
        <v>75</v>
      </c>
      <c r="D97" s="12">
        <v>145</v>
      </c>
    </row>
    <row r="98" spans="1:4" ht="18" customHeight="1" x14ac:dyDescent="0.15">
      <c r="A98" s="8">
        <v>76</v>
      </c>
      <c r="B98" s="34">
        <v>41</v>
      </c>
      <c r="C98" s="13">
        <v>47</v>
      </c>
      <c r="D98" s="12">
        <v>88</v>
      </c>
    </row>
    <row r="99" spans="1:4" ht="18" customHeight="1" x14ac:dyDescent="0.15">
      <c r="A99" s="8">
        <v>77</v>
      </c>
      <c r="B99" s="34">
        <v>32</v>
      </c>
      <c r="C99" s="13">
        <v>28</v>
      </c>
      <c r="D99" s="12">
        <v>60</v>
      </c>
    </row>
    <row r="100" spans="1:4" ht="18" customHeight="1" x14ac:dyDescent="0.15">
      <c r="A100" s="8">
        <v>78</v>
      </c>
      <c r="B100" s="34">
        <v>37</v>
      </c>
      <c r="C100" s="13">
        <v>45</v>
      </c>
      <c r="D100" s="12">
        <v>82</v>
      </c>
    </row>
    <row r="101" spans="1:4" ht="18" customHeight="1" x14ac:dyDescent="0.15">
      <c r="A101" s="8">
        <v>79</v>
      </c>
      <c r="B101" s="34">
        <v>39</v>
      </c>
      <c r="C101" s="13">
        <v>51</v>
      </c>
      <c r="D101" s="12">
        <v>90</v>
      </c>
    </row>
    <row r="102" spans="1:4" ht="18" customHeight="1" x14ac:dyDescent="0.15">
      <c r="A102" s="8" t="s">
        <v>70</v>
      </c>
      <c r="B102" s="34">
        <v>219</v>
      </c>
      <c r="C102" s="13">
        <v>246</v>
      </c>
      <c r="D102" s="12">
        <v>465</v>
      </c>
    </row>
    <row r="103" spans="1:4" ht="18" customHeight="1" x14ac:dyDescent="0.15">
      <c r="A103" s="8">
        <v>80</v>
      </c>
      <c r="B103" s="34">
        <v>31</v>
      </c>
      <c r="C103" s="13">
        <v>43</v>
      </c>
      <c r="D103" s="12">
        <v>74</v>
      </c>
    </row>
    <row r="104" spans="1:4" ht="18" customHeight="1" x14ac:dyDescent="0.15">
      <c r="A104" s="8">
        <v>81</v>
      </c>
      <c r="B104" s="34">
        <v>42</v>
      </c>
      <c r="C104" s="13">
        <v>42</v>
      </c>
      <c r="D104" s="12">
        <v>84</v>
      </c>
    </row>
    <row r="105" spans="1:4" ht="18" customHeight="1" x14ac:dyDescent="0.15">
      <c r="A105" s="8">
        <v>82</v>
      </c>
      <c r="B105" s="34">
        <v>25</v>
      </c>
      <c r="C105" s="13">
        <v>39</v>
      </c>
      <c r="D105" s="12">
        <v>64</v>
      </c>
    </row>
    <row r="106" spans="1:4" ht="18" customHeight="1" x14ac:dyDescent="0.15">
      <c r="A106" s="8">
        <v>83</v>
      </c>
      <c r="B106" s="34">
        <v>17</v>
      </c>
      <c r="C106" s="13">
        <v>27</v>
      </c>
      <c r="D106" s="12">
        <v>44</v>
      </c>
    </row>
    <row r="107" spans="1:4" ht="18" customHeight="1" x14ac:dyDescent="0.15">
      <c r="A107" s="8">
        <v>84</v>
      </c>
      <c r="B107" s="34">
        <v>23</v>
      </c>
      <c r="C107" s="13">
        <v>23</v>
      </c>
      <c r="D107" s="12">
        <v>46</v>
      </c>
    </row>
    <row r="108" spans="1:4" ht="18" customHeight="1" x14ac:dyDescent="0.15">
      <c r="A108" s="8" t="s">
        <v>39</v>
      </c>
      <c r="B108" s="34">
        <v>138</v>
      </c>
      <c r="C108" s="13">
        <v>174</v>
      </c>
      <c r="D108" s="12">
        <v>312</v>
      </c>
    </row>
    <row r="109" spans="1:4" ht="18" customHeight="1" x14ac:dyDescent="0.15">
      <c r="A109" s="8">
        <v>85</v>
      </c>
      <c r="B109" s="34">
        <v>16</v>
      </c>
      <c r="C109" s="13">
        <v>39</v>
      </c>
      <c r="D109" s="12">
        <v>55</v>
      </c>
    </row>
    <row r="110" spans="1:4" ht="18" customHeight="1" x14ac:dyDescent="0.15">
      <c r="A110" s="8">
        <v>86</v>
      </c>
      <c r="B110" s="34">
        <v>24</v>
      </c>
      <c r="C110" s="13">
        <v>37</v>
      </c>
      <c r="D110" s="12">
        <v>61</v>
      </c>
    </row>
    <row r="111" spans="1:4" ht="18" customHeight="1" x14ac:dyDescent="0.15">
      <c r="A111" s="8">
        <v>87</v>
      </c>
      <c r="B111" s="34">
        <v>24</v>
      </c>
      <c r="C111" s="13">
        <v>22</v>
      </c>
      <c r="D111" s="12">
        <v>46</v>
      </c>
    </row>
    <row r="112" spans="1:4" ht="18" customHeight="1" x14ac:dyDescent="0.15">
      <c r="A112" s="8">
        <v>88</v>
      </c>
      <c r="B112" s="34">
        <v>14</v>
      </c>
      <c r="C112" s="13">
        <v>29</v>
      </c>
      <c r="D112" s="12">
        <v>43</v>
      </c>
    </row>
    <row r="113" spans="1:4" ht="18" customHeight="1" x14ac:dyDescent="0.15">
      <c r="A113" s="8">
        <v>89</v>
      </c>
      <c r="B113" s="34">
        <v>13</v>
      </c>
      <c r="C113" s="13">
        <v>25</v>
      </c>
      <c r="D113" s="12">
        <v>38</v>
      </c>
    </row>
    <row r="114" spans="1:4" ht="18" customHeight="1" x14ac:dyDescent="0.15">
      <c r="A114" s="8" t="s">
        <v>38</v>
      </c>
      <c r="B114" s="34">
        <v>91</v>
      </c>
      <c r="C114" s="13">
        <v>152</v>
      </c>
      <c r="D114" s="12">
        <v>243</v>
      </c>
    </row>
    <row r="115" spans="1:4" ht="18" customHeight="1" x14ac:dyDescent="0.15">
      <c r="A115" s="8">
        <v>90</v>
      </c>
      <c r="B115" s="34">
        <v>11</v>
      </c>
      <c r="C115" s="13">
        <v>18</v>
      </c>
      <c r="D115" s="12">
        <v>29</v>
      </c>
    </row>
    <row r="116" spans="1:4" ht="18" customHeight="1" x14ac:dyDescent="0.15">
      <c r="A116" s="8">
        <v>91</v>
      </c>
      <c r="B116" s="34">
        <v>3</v>
      </c>
      <c r="C116" s="13">
        <v>20</v>
      </c>
      <c r="D116" s="12">
        <v>23</v>
      </c>
    </row>
    <row r="117" spans="1:4" ht="18" customHeight="1" x14ac:dyDescent="0.15">
      <c r="A117" s="8">
        <v>92</v>
      </c>
      <c r="B117" s="34">
        <v>8</v>
      </c>
      <c r="C117" s="13">
        <v>23</v>
      </c>
      <c r="D117" s="12">
        <v>31</v>
      </c>
    </row>
    <row r="118" spans="1:4" ht="18" customHeight="1" x14ac:dyDescent="0.15">
      <c r="A118" s="8">
        <v>93</v>
      </c>
      <c r="B118" s="34">
        <v>6</v>
      </c>
      <c r="C118" s="13">
        <v>12</v>
      </c>
      <c r="D118" s="12">
        <v>18</v>
      </c>
    </row>
    <row r="119" spans="1:4" ht="18" customHeight="1" x14ac:dyDescent="0.15">
      <c r="A119" s="8">
        <v>94</v>
      </c>
      <c r="B119" s="34">
        <v>7</v>
      </c>
      <c r="C119" s="13">
        <v>11</v>
      </c>
      <c r="D119" s="12">
        <v>18</v>
      </c>
    </row>
    <row r="120" spans="1:4" ht="18" customHeight="1" x14ac:dyDescent="0.15">
      <c r="A120" s="8" t="s">
        <v>69</v>
      </c>
      <c r="B120" s="34">
        <v>35</v>
      </c>
      <c r="C120" s="13">
        <v>84</v>
      </c>
      <c r="D120" s="12">
        <v>119</v>
      </c>
    </row>
    <row r="121" spans="1:4" ht="18" customHeight="1" x14ac:dyDescent="0.15">
      <c r="A121" s="8">
        <v>95</v>
      </c>
      <c r="B121" s="34">
        <v>4</v>
      </c>
      <c r="C121" s="13">
        <v>12</v>
      </c>
      <c r="D121" s="12">
        <v>16</v>
      </c>
    </row>
    <row r="122" spans="1:4" ht="18" customHeight="1" x14ac:dyDescent="0.15">
      <c r="A122" s="8">
        <v>96</v>
      </c>
      <c r="B122" s="34">
        <v>3</v>
      </c>
      <c r="C122" s="13">
        <v>10</v>
      </c>
      <c r="D122" s="12">
        <v>13</v>
      </c>
    </row>
    <row r="123" spans="1:4" ht="18" customHeight="1" x14ac:dyDescent="0.15">
      <c r="A123" s="8">
        <v>97</v>
      </c>
      <c r="B123" s="34">
        <v>2</v>
      </c>
      <c r="C123" s="13">
        <v>11</v>
      </c>
      <c r="D123" s="12">
        <v>13</v>
      </c>
    </row>
    <row r="124" spans="1:4" ht="18" customHeight="1" x14ac:dyDescent="0.15">
      <c r="A124" s="8">
        <v>98</v>
      </c>
      <c r="B124" s="34">
        <v>0</v>
      </c>
      <c r="C124" s="13">
        <v>1</v>
      </c>
      <c r="D124" s="12">
        <v>1</v>
      </c>
    </row>
    <row r="125" spans="1:4" ht="18" customHeight="1" x14ac:dyDescent="0.15">
      <c r="A125" s="8">
        <v>99</v>
      </c>
      <c r="B125" s="34">
        <v>1</v>
      </c>
      <c r="C125" s="13">
        <v>2</v>
      </c>
      <c r="D125" s="12">
        <v>3</v>
      </c>
    </row>
    <row r="126" spans="1:4" ht="18" customHeight="1" x14ac:dyDescent="0.15">
      <c r="A126" s="8" t="s">
        <v>68</v>
      </c>
      <c r="B126" s="34">
        <v>10</v>
      </c>
      <c r="C126" s="13">
        <v>36</v>
      </c>
      <c r="D126" s="12">
        <v>46</v>
      </c>
    </row>
    <row r="127" spans="1:4" ht="18" customHeight="1" x14ac:dyDescent="0.15">
      <c r="A127" s="8">
        <v>100</v>
      </c>
      <c r="B127" s="34">
        <v>0</v>
      </c>
      <c r="C127" s="13">
        <v>3</v>
      </c>
      <c r="D127" s="12">
        <v>3</v>
      </c>
    </row>
    <row r="128" spans="1:4" ht="18" customHeight="1" x14ac:dyDescent="0.15">
      <c r="A128" s="15" t="s">
        <v>291</v>
      </c>
      <c r="B128" s="34">
        <v>1</v>
      </c>
      <c r="C128" s="13">
        <v>0</v>
      </c>
      <c r="D128" s="12">
        <v>1</v>
      </c>
    </row>
    <row r="129" spans="1:4" ht="18" customHeight="1" x14ac:dyDescent="0.15">
      <c r="A129" s="8" t="s">
        <v>290</v>
      </c>
      <c r="B129" s="34">
        <v>1</v>
      </c>
      <c r="C129" s="13">
        <v>3</v>
      </c>
      <c r="D129" s="12">
        <v>4</v>
      </c>
    </row>
    <row r="130" spans="1:4" ht="18" customHeight="1" x14ac:dyDescent="0.15">
      <c r="A130" s="8" t="s">
        <v>289</v>
      </c>
      <c r="B130" s="28">
        <v>1042</v>
      </c>
      <c r="C130" s="6">
        <v>1215</v>
      </c>
      <c r="D130" s="5">
        <v>2257</v>
      </c>
    </row>
    <row r="131" spans="1:4" ht="18" customHeight="1" x14ac:dyDescent="0.15">
      <c r="A131" s="4" t="s">
        <v>0</v>
      </c>
      <c r="B131" s="27">
        <v>3378</v>
      </c>
      <c r="C131" s="2">
        <v>3369</v>
      </c>
      <c r="D131" s="1">
        <v>674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0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3</v>
      </c>
      <c r="C5" s="44">
        <v>10</v>
      </c>
      <c r="D5" s="43">
        <v>23</v>
      </c>
    </row>
    <row r="6" spans="1:4" ht="18" customHeight="1" x14ac:dyDescent="0.15">
      <c r="A6" s="8">
        <v>1</v>
      </c>
      <c r="B6" s="39">
        <v>14</v>
      </c>
      <c r="C6" s="13">
        <v>18</v>
      </c>
      <c r="D6" s="12">
        <v>32</v>
      </c>
    </row>
    <row r="7" spans="1:4" ht="18" customHeight="1" x14ac:dyDescent="0.15">
      <c r="A7" s="8">
        <v>2</v>
      </c>
      <c r="B7" s="39">
        <v>14</v>
      </c>
      <c r="C7" s="13">
        <v>22</v>
      </c>
      <c r="D7" s="12">
        <v>36</v>
      </c>
    </row>
    <row r="8" spans="1:4" ht="18" customHeight="1" x14ac:dyDescent="0.15">
      <c r="A8" s="8">
        <v>3</v>
      </c>
      <c r="B8" s="39">
        <v>21</v>
      </c>
      <c r="C8" s="13">
        <v>16</v>
      </c>
      <c r="D8" s="12">
        <v>37</v>
      </c>
    </row>
    <row r="9" spans="1:4" ht="18" customHeight="1" x14ac:dyDescent="0.15">
      <c r="A9" s="8">
        <v>4</v>
      </c>
      <c r="B9" s="42">
        <v>19</v>
      </c>
      <c r="C9" s="41">
        <v>14</v>
      </c>
      <c r="D9" s="40">
        <v>33</v>
      </c>
    </row>
    <row r="10" spans="1:4" ht="18" customHeight="1" x14ac:dyDescent="0.15">
      <c r="A10" s="8" t="s">
        <v>299</v>
      </c>
      <c r="B10" s="34">
        <v>81</v>
      </c>
      <c r="C10" s="13">
        <v>80</v>
      </c>
      <c r="D10" s="12">
        <v>161</v>
      </c>
    </row>
    <row r="11" spans="1:4" ht="18" customHeight="1" x14ac:dyDescent="0.15">
      <c r="A11" s="8">
        <v>5</v>
      </c>
      <c r="B11" s="39">
        <v>21</v>
      </c>
      <c r="C11" s="13">
        <v>30</v>
      </c>
      <c r="D11" s="12">
        <v>51</v>
      </c>
    </row>
    <row r="12" spans="1:4" ht="18" customHeight="1" x14ac:dyDescent="0.15">
      <c r="A12" s="8">
        <v>6</v>
      </c>
      <c r="B12" s="39">
        <v>22</v>
      </c>
      <c r="C12" s="13">
        <v>30</v>
      </c>
      <c r="D12" s="12">
        <v>52</v>
      </c>
    </row>
    <row r="13" spans="1:4" ht="18" customHeight="1" x14ac:dyDescent="0.15">
      <c r="A13" s="8">
        <v>7</v>
      </c>
      <c r="B13" s="39">
        <v>32</v>
      </c>
      <c r="C13" s="13">
        <v>17</v>
      </c>
      <c r="D13" s="12">
        <v>49</v>
      </c>
    </row>
    <row r="14" spans="1:4" ht="18" customHeight="1" x14ac:dyDescent="0.15">
      <c r="A14" s="8">
        <v>8</v>
      </c>
      <c r="B14" s="39">
        <v>24</v>
      </c>
      <c r="C14" s="13">
        <v>27</v>
      </c>
      <c r="D14" s="12">
        <v>51</v>
      </c>
    </row>
    <row r="15" spans="1:4" ht="18" customHeight="1" x14ac:dyDescent="0.15">
      <c r="A15" s="8">
        <v>9</v>
      </c>
      <c r="B15" s="39">
        <v>21</v>
      </c>
      <c r="C15" s="13">
        <v>15</v>
      </c>
      <c r="D15" s="12">
        <v>36</v>
      </c>
    </row>
    <row r="16" spans="1:4" ht="18" customHeight="1" x14ac:dyDescent="0.15">
      <c r="A16" s="8" t="s">
        <v>50</v>
      </c>
      <c r="B16" s="34">
        <v>120</v>
      </c>
      <c r="C16" s="13">
        <v>119</v>
      </c>
      <c r="D16" s="12">
        <v>239</v>
      </c>
    </row>
    <row r="17" spans="1:4" ht="18" customHeight="1" x14ac:dyDescent="0.15">
      <c r="A17" s="8">
        <v>10</v>
      </c>
      <c r="B17" s="34">
        <v>22</v>
      </c>
      <c r="C17" s="13">
        <v>26</v>
      </c>
      <c r="D17" s="12">
        <v>48</v>
      </c>
    </row>
    <row r="18" spans="1:4" ht="18" customHeight="1" x14ac:dyDescent="0.15">
      <c r="A18" s="8">
        <v>11</v>
      </c>
      <c r="B18" s="34">
        <v>27</v>
      </c>
      <c r="C18" s="13">
        <v>20</v>
      </c>
      <c r="D18" s="12">
        <v>47</v>
      </c>
    </row>
    <row r="19" spans="1:4" ht="18" customHeight="1" x14ac:dyDescent="0.15">
      <c r="A19" s="8">
        <v>12</v>
      </c>
      <c r="B19" s="34">
        <v>30</v>
      </c>
      <c r="C19" s="13">
        <v>34</v>
      </c>
      <c r="D19" s="12">
        <v>64</v>
      </c>
    </row>
    <row r="20" spans="1:4" ht="18" customHeight="1" x14ac:dyDescent="0.15">
      <c r="A20" s="8">
        <v>13</v>
      </c>
      <c r="B20" s="34">
        <v>30</v>
      </c>
      <c r="C20" s="13">
        <v>32</v>
      </c>
      <c r="D20" s="12">
        <v>62</v>
      </c>
    </row>
    <row r="21" spans="1:4" ht="18" customHeight="1" x14ac:dyDescent="0.15">
      <c r="A21" s="8">
        <v>14</v>
      </c>
      <c r="B21" s="34">
        <v>33</v>
      </c>
      <c r="C21" s="13">
        <v>43</v>
      </c>
      <c r="D21" s="12">
        <v>76</v>
      </c>
    </row>
    <row r="22" spans="1:4" ht="18" customHeight="1" x14ac:dyDescent="0.15">
      <c r="A22" s="8" t="s">
        <v>75</v>
      </c>
      <c r="B22" s="34">
        <v>142</v>
      </c>
      <c r="C22" s="13">
        <v>155</v>
      </c>
      <c r="D22" s="12">
        <v>297</v>
      </c>
    </row>
    <row r="23" spans="1:4" ht="18" customHeight="1" x14ac:dyDescent="0.15">
      <c r="A23" s="8" t="s">
        <v>65</v>
      </c>
      <c r="B23" s="34">
        <v>343</v>
      </c>
      <c r="C23" s="13">
        <v>354</v>
      </c>
      <c r="D23" s="12">
        <v>697</v>
      </c>
    </row>
    <row r="24" spans="1:4" ht="18" customHeight="1" x14ac:dyDescent="0.15">
      <c r="A24" s="8">
        <v>15</v>
      </c>
      <c r="B24" s="34">
        <v>32</v>
      </c>
      <c r="C24" s="13">
        <v>27</v>
      </c>
      <c r="D24" s="12">
        <v>59</v>
      </c>
    </row>
    <row r="25" spans="1:4" ht="18" customHeight="1" x14ac:dyDescent="0.15">
      <c r="A25" s="8">
        <v>16</v>
      </c>
      <c r="B25" s="34">
        <v>31</v>
      </c>
      <c r="C25" s="13">
        <v>32</v>
      </c>
      <c r="D25" s="12">
        <v>63</v>
      </c>
    </row>
    <row r="26" spans="1:4" ht="18" customHeight="1" x14ac:dyDescent="0.15">
      <c r="A26" s="8">
        <v>17</v>
      </c>
      <c r="B26" s="34">
        <v>39</v>
      </c>
      <c r="C26" s="13">
        <v>39</v>
      </c>
      <c r="D26" s="12">
        <v>78</v>
      </c>
    </row>
    <row r="27" spans="1:4" ht="18" customHeight="1" x14ac:dyDescent="0.15">
      <c r="A27" s="8">
        <v>18</v>
      </c>
      <c r="B27" s="34">
        <v>34</v>
      </c>
      <c r="C27" s="13">
        <v>36</v>
      </c>
      <c r="D27" s="12">
        <v>70</v>
      </c>
    </row>
    <row r="28" spans="1:4" ht="18" customHeight="1" x14ac:dyDescent="0.15">
      <c r="A28" s="8">
        <v>19</v>
      </c>
      <c r="B28" s="34">
        <v>31</v>
      </c>
      <c r="C28" s="13">
        <v>45</v>
      </c>
      <c r="D28" s="12">
        <v>76</v>
      </c>
    </row>
    <row r="29" spans="1:4" ht="18" customHeight="1" x14ac:dyDescent="0.15">
      <c r="A29" s="8" t="s">
        <v>48</v>
      </c>
      <c r="B29" s="34">
        <v>167</v>
      </c>
      <c r="C29" s="13">
        <v>179</v>
      </c>
      <c r="D29" s="12">
        <v>346</v>
      </c>
    </row>
    <row r="30" spans="1:4" ht="18" customHeight="1" x14ac:dyDescent="0.15">
      <c r="A30" s="8">
        <v>20</v>
      </c>
      <c r="B30" s="34">
        <v>39</v>
      </c>
      <c r="C30" s="13">
        <v>40</v>
      </c>
      <c r="D30" s="12">
        <v>79</v>
      </c>
    </row>
    <row r="31" spans="1:4" ht="18" customHeight="1" x14ac:dyDescent="0.15">
      <c r="A31" s="8">
        <v>21</v>
      </c>
      <c r="B31" s="34">
        <v>34</v>
      </c>
      <c r="C31" s="13">
        <v>28</v>
      </c>
      <c r="D31" s="12">
        <v>62</v>
      </c>
    </row>
    <row r="32" spans="1:4" ht="18" customHeight="1" x14ac:dyDescent="0.15">
      <c r="A32" s="8">
        <v>22</v>
      </c>
      <c r="B32" s="34">
        <v>34</v>
      </c>
      <c r="C32" s="13">
        <v>32</v>
      </c>
      <c r="D32" s="12">
        <v>66</v>
      </c>
    </row>
    <row r="33" spans="1:4" ht="18" customHeight="1" x14ac:dyDescent="0.15">
      <c r="A33" s="8">
        <v>23</v>
      </c>
      <c r="B33" s="34">
        <v>31</v>
      </c>
      <c r="C33" s="13">
        <v>46</v>
      </c>
      <c r="D33" s="12">
        <v>77</v>
      </c>
    </row>
    <row r="34" spans="1:4" ht="18" customHeight="1" x14ac:dyDescent="0.15">
      <c r="A34" s="8">
        <v>24</v>
      </c>
      <c r="B34" s="34">
        <v>37</v>
      </c>
      <c r="C34" s="13">
        <v>31</v>
      </c>
      <c r="D34" s="12">
        <v>68</v>
      </c>
    </row>
    <row r="35" spans="1:4" ht="18" customHeight="1" x14ac:dyDescent="0.15">
      <c r="A35" s="8" t="s">
        <v>74</v>
      </c>
      <c r="B35" s="34">
        <v>175</v>
      </c>
      <c r="C35" s="13">
        <v>177</v>
      </c>
      <c r="D35" s="12">
        <v>352</v>
      </c>
    </row>
    <row r="36" spans="1:4" ht="18" customHeight="1" x14ac:dyDescent="0.15">
      <c r="A36" s="8">
        <v>25</v>
      </c>
      <c r="B36" s="34">
        <v>33</v>
      </c>
      <c r="C36" s="13">
        <v>22</v>
      </c>
      <c r="D36" s="12">
        <v>55</v>
      </c>
    </row>
    <row r="37" spans="1:4" ht="18" customHeight="1" x14ac:dyDescent="0.15">
      <c r="A37" s="8">
        <v>26</v>
      </c>
      <c r="B37" s="34">
        <v>40</v>
      </c>
      <c r="C37" s="13">
        <v>30</v>
      </c>
      <c r="D37" s="12">
        <v>70</v>
      </c>
    </row>
    <row r="38" spans="1:4" ht="18" customHeight="1" x14ac:dyDescent="0.15">
      <c r="A38" s="8">
        <v>27</v>
      </c>
      <c r="B38" s="34">
        <v>23</v>
      </c>
      <c r="C38" s="13">
        <v>27</v>
      </c>
      <c r="D38" s="12">
        <v>50</v>
      </c>
    </row>
    <row r="39" spans="1:4" ht="18" customHeight="1" x14ac:dyDescent="0.15">
      <c r="A39" s="8">
        <v>28</v>
      </c>
      <c r="B39" s="34">
        <v>25</v>
      </c>
      <c r="C39" s="13">
        <v>21</v>
      </c>
      <c r="D39" s="12">
        <v>46</v>
      </c>
    </row>
    <row r="40" spans="1:4" ht="18" customHeight="1" x14ac:dyDescent="0.15">
      <c r="A40" s="8">
        <v>29</v>
      </c>
      <c r="B40" s="34">
        <v>23</v>
      </c>
      <c r="C40" s="13">
        <v>14</v>
      </c>
      <c r="D40" s="12">
        <v>37</v>
      </c>
    </row>
    <row r="41" spans="1:4" ht="18" customHeight="1" x14ac:dyDescent="0.15">
      <c r="A41" s="8" t="s">
        <v>73</v>
      </c>
      <c r="B41" s="34">
        <v>144</v>
      </c>
      <c r="C41" s="13">
        <v>114</v>
      </c>
      <c r="D41" s="12">
        <v>258</v>
      </c>
    </row>
    <row r="42" spans="1:4" ht="18" customHeight="1" x14ac:dyDescent="0.15">
      <c r="A42" s="8">
        <v>30</v>
      </c>
      <c r="B42" s="34">
        <v>23</v>
      </c>
      <c r="C42" s="13">
        <v>17</v>
      </c>
      <c r="D42" s="12">
        <v>40</v>
      </c>
    </row>
    <row r="43" spans="1:4" ht="18" customHeight="1" x14ac:dyDescent="0.15">
      <c r="A43" s="8">
        <v>31</v>
      </c>
      <c r="B43" s="34">
        <v>24</v>
      </c>
      <c r="C43" s="13">
        <v>21</v>
      </c>
      <c r="D43" s="12">
        <v>45</v>
      </c>
    </row>
    <row r="44" spans="1:4" ht="18" customHeight="1" x14ac:dyDescent="0.15">
      <c r="A44" s="8">
        <v>32</v>
      </c>
      <c r="B44" s="34">
        <v>16</v>
      </c>
      <c r="C44" s="13">
        <v>18</v>
      </c>
      <c r="D44" s="12">
        <v>34</v>
      </c>
    </row>
    <row r="45" spans="1:4" ht="18" customHeight="1" x14ac:dyDescent="0.15">
      <c r="A45" s="8">
        <v>33</v>
      </c>
      <c r="B45" s="34">
        <v>27</v>
      </c>
      <c r="C45" s="13">
        <v>29</v>
      </c>
      <c r="D45" s="12">
        <v>56</v>
      </c>
    </row>
    <row r="46" spans="1:4" ht="18" customHeight="1" x14ac:dyDescent="0.15">
      <c r="A46" s="8">
        <v>34</v>
      </c>
      <c r="B46" s="34">
        <v>32</v>
      </c>
      <c r="C46" s="13">
        <v>31</v>
      </c>
      <c r="D46" s="12">
        <v>63</v>
      </c>
    </row>
    <row r="47" spans="1:4" ht="18" customHeight="1" x14ac:dyDescent="0.15">
      <c r="A47" s="8" t="s">
        <v>61</v>
      </c>
      <c r="B47" s="34">
        <v>122</v>
      </c>
      <c r="C47" s="13">
        <v>116</v>
      </c>
      <c r="D47" s="12">
        <v>238</v>
      </c>
    </row>
    <row r="48" spans="1:4" ht="18" customHeight="1" x14ac:dyDescent="0.15">
      <c r="A48" s="8">
        <v>35</v>
      </c>
      <c r="B48" s="34">
        <v>23</v>
      </c>
      <c r="C48" s="13">
        <v>27</v>
      </c>
      <c r="D48" s="12">
        <v>50</v>
      </c>
    </row>
    <row r="49" spans="1:4" ht="18" customHeight="1" x14ac:dyDescent="0.15">
      <c r="A49" s="8">
        <v>36</v>
      </c>
      <c r="B49" s="34">
        <v>25</v>
      </c>
      <c r="C49" s="13">
        <v>21</v>
      </c>
      <c r="D49" s="12">
        <v>46</v>
      </c>
    </row>
    <row r="50" spans="1:4" ht="18" customHeight="1" x14ac:dyDescent="0.15">
      <c r="A50" s="8">
        <v>37</v>
      </c>
      <c r="B50" s="34">
        <v>36</v>
      </c>
      <c r="C50" s="13">
        <v>26</v>
      </c>
      <c r="D50" s="12">
        <v>62</v>
      </c>
    </row>
    <row r="51" spans="1:4" ht="18" customHeight="1" x14ac:dyDescent="0.15">
      <c r="A51" s="8">
        <v>38</v>
      </c>
      <c r="B51" s="34">
        <v>27</v>
      </c>
      <c r="C51" s="13">
        <v>31</v>
      </c>
      <c r="D51" s="12">
        <v>58</v>
      </c>
    </row>
    <row r="52" spans="1:4" ht="18" customHeight="1" x14ac:dyDescent="0.15">
      <c r="A52" s="8">
        <v>39</v>
      </c>
      <c r="B52" s="34">
        <v>29</v>
      </c>
      <c r="C52" s="13">
        <v>35</v>
      </c>
      <c r="D52" s="12">
        <v>64</v>
      </c>
    </row>
    <row r="53" spans="1:4" ht="18" customHeight="1" x14ac:dyDescent="0.15">
      <c r="A53" s="8" t="s">
        <v>298</v>
      </c>
      <c r="B53" s="34">
        <v>140</v>
      </c>
      <c r="C53" s="13">
        <v>140</v>
      </c>
      <c r="D53" s="12">
        <v>280</v>
      </c>
    </row>
    <row r="54" spans="1:4" ht="18" customHeight="1" x14ac:dyDescent="0.15">
      <c r="A54" s="8">
        <v>40</v>
      </c>
      <c r="B54" s="34">
        <v>36</v>
      </c>
      <c r="C54" s="13">
        <v>39</v>
      </c>
      <c r="D54" s="12">
        <v>75</v>
      </c>
    </row>
    <row r="55" spans="1:4" ht="18" customHeight="1" x14ac:dyDescent="0.15">
      <c r="A55" s="8">
        <v>41</v>
      </c>
      <c r="B55" s="34">
        <v>56</v>
      </c>
      <c r="C55" s="13">
        <v>43</v>
      </c>
      <c r="D55" s="12">
        <v>99</v>
      </c>
    </row>
    <row r="56" spans="1:4" ht="18" customHeight="1" x14ac:dyDescent="0.15">
      <c r="A56" s="8">
        <v>42</v>
      </c>
      <c r="B56" s="34">
        <v>40</v>
      </c>
      <c r="C56" s="13">
        <v>28</v>
      </c>
      <c r="D56" s="12">
        <v>68</v>
      </c>
    </row>
    <row r="57" spans="1:4" ht="18" customHeight="1" x14ac:dyDescent="0.15">
      <c r="A57" s="8">
        <v>43</v>
      </c>
      <c r="B57" s="34">
        <v>41</v>
      </c>
      <c r="C57" s="13">
        <v>47</v>
      </c>
      <c r="D57" s="12">
        <v>88</v>
      </c>
    </row>
    <row r="58" spans="1:4" ht="18" customHeight="1" x14ac:dyDescent="0.15">
      <c r="A58" s="8">
        <v>44</v>
      </c>
      <c r="B58" s="34">
        <v>50</v>
      </c>
      <c r="C58" s="13">
        <v>49</v>
      </c>
      <c r="D58" s="12">
        <v>99</v>
      </c>
    </row>
    <row r="59" spans="1:4" ht="18" customHeight="1" x14ac:dyDescent="0.15">
      <c r="A59" s="8" t="s">
        <v>46</v>
      </c>
      <c r="B59" s="34">
        <v>223</v>
      </c>
      <c r="C59" s="13">
        <v>206</v>
      </c>
      <c r="D59" s="12">
        <v>429</v>
      </c>
    </row>
    <row r="60" spans="1:4" ht="18" customHeight="1" x14ac:dyDescent="0.15">
      <c r="A60" s="8">
        <v>45</v>
      </c>
      <c r="B60" s="34">
        <v>54</v>
      </c>
      <c r="C60" s="13">
        <v>31</v>
      </c>
      <c r="D60" s="12">
        <v>85</v>
      </c>
    </row>
    <row r="61" spans="1:4" ht="18" customHeight="1" x14ac:dyDescent="0.15">
      <c r="A61" s="8">
        <v>46</v>
      </c>
      <c r="B61" s="34">
        <v>47</v>
      </c>
      <c r="C61" s="13">
        <v>51</v>
      </c>
      <c r="D61" s="12">
        <v>98</v>
      </c>
    </row>
    <row r="62" spans="1:4" ht="18" customHeight="1" x14ac:dyDescent="0.15">
      <c r="A62" s="8">
        <v>47</v>
      </c>
      <c r="B62" s="34">
        <v>52</v>
      </c>
      <c r="C62" s="13">
        <v>61</v>
      </c>
      <c r="D62" s="12">
        <v>113</v>
      </c>
    </row>
    <row r="63" spans="1:4" ht="18" customHeight="1" x14ac:dyDescent="0.15">
      <c r="A63" s="8">
        <v>48</v>
      </c>
      <c r="B63" s="34">
        <v>55</v>
      </c>
      <c r="C63" s="13">
        <v>55</v>
      </c>
      <c r="D63" s="12">
        <v>110</v>
      </c>
    </row>
    <row r="64" spans="1:4" ht="18" customHeight="1" x14ac:dyDescent="0.15">
      <c r="A64" s="8">
        <v>49</v>
      </c>
      <c r="B64" s="34">
        <v>62</v>
      </c>
      <c r="C64" s="13">
        <v>58</v>
      </c>
      <c r="D64" s="12">
        <v>120</v>
      </c>
    </row>
    <row r="65" spans="1:4" ht="18" customHeight="1" x14ac:dyDescent="0.15">
      <c r="A65" s="8" t="s">
        <v>45</v>
      </c>
      <c r="B65" s="34">
        <v>270</v>
      </c>
      <c r="C65" s="13">
        <v>256</v>
      </c>
      <c r="D65" s="12">
        <v>526</v>
      </c>
    </row>
    <row r="66" spans="1:4" ht="18" customHeight="1" x14ac:dyDescent="0.15">
      <c r="A66" s="8">
        <v>50</v>
      </c>
      <c r="B66" s="34">
        <v>56</v>
      </c>
      <c r="C66" s="13">
        <v>50</v>
      </c>
      <c r="D66" s="12">
        <v>106</v>
      </c>
    </row>
    <row r="67" spans="1:4" ht="18" customHeight="1" x14ac:dyDescent="0.15">
      <c r="A67" s="8">
        <v>51</v>
      </c>
      <c r="B67" s="34">
        <v>56</v>
      </c>
      <c r="C67" s="13">
        <v>48</v>
      </c>
      <c r="D67" s="12">
        <v>104</v>
      </c>
    </row>
    <row r="68" spans="1:4" ht="18" customHeight="1" x14ac:dyDescent="0.15">
      <c r="A68" s="8">
        <v>52</v>
      </c>
      <c r="B68" s="34">
        <v>55</v>
      </c>
      <c r="C68" s="13">
        <v>59</v>
      </c>
      <c r="D68" s="12">
        <v>114</v>
      </c>
    </row>
    <row r="69" spans="1:4" ht="18" customHeight="1" x14ac:dyDescent="0.15">
      <c r="A69" s="8">
        <v>53</v>
      </c>
      <c r="B69" s="34">
        <v>50</v>
      </c>
      <c r="C69" s="13">
        <v>45</v>
      </c>
      <c r="D69" s="12">
        <v>95</v>
      </c>
    </row>
    <row r="70" spans="1:4" ht="18" customHeight="1" x14ac:dyDescent="0.15">
      <c r="A70" s="8">
        <v>54</v>
      </c>
      <c r="B70" s="34">
        <v>30</v>
      </c>
      <c r="C70" s="13">
        <v>44</v>
      </c>
      <c r="D70" s="12">
        <v>74</v>
      </c>
    </row>
    <row r="71" spans="1:4" ht="18" customHeight="1" x14ac:dyDescent="0.15">
      <c r="A71" s="8" t="s">
        <v>58</v>
      </c>
      <c r="B71" s="34">
        <v>247</v>
      </c>
      <c r="C71" s="13">
        <v>246</v>
      </c>
      <c r="D71" s="12">
        <v>493</v>
      </c>
    </row>
    <row r="72" spans="1:4" ht="18" customHeight="1" x14ac:dyDescent="0.15">
      <c r="A72" s="8">
        <v>55</v>
      </c>
      <c r="B72" s="34">
        <v>35</v>
      </c>
      <c r="C72" s="13">
        <v>35</v>
      </c>
      <c r="D72" s="12">
        <v>70</v>
      </c>
    </row>
    <row r="73" spans="1:4" ht="18" customHeight="1" x14ac:dyDescent="0.15">
      <c r="A73" s="8">
        <v>56</v>
      </c>
      <c r="B73" s="34">
        <v>41</v>
      </c>
      <c r="C73" s="13">
        <v>38</v>
      </c>
      <c r="D73" s="12">
        <v>79</v>
      </c>
    </row>
    <row r="74" spans="1:4" ht="18" customHeight="1" x14ac:dyDescent="0.15">
      <c r="A74" s="8">
        <v>57</v>
      </c>
      <c r="B74" s="34">
        <v>38</v>
      </c>
      <c r="C74" s="13">
        <v>30</v>
      </c>
      <c r="D74" s="12">
        <v>68</v>
      </c>
    </row>
    <row r="75" spans="1:4" ht="18" customHeight="1" x14ac:dyDescent="0.15">
      <c r="A75" s="8">
        <v>58</v>
      </c>
      <c r="B75" s="34">
        <v>52</v>
      </c>
      <c r="C75" s="13">
        <v>42</v>
      </c>
      <c r="D75" s="12">
        <v>94</v>
      </c>
    </row>
    <row r="76" spans="1:4" ht="18" customHeight="1" x14ac:dyDescent="0.15">
      <c r="A76" s="8">
        <v>59</v>
      </c>
      <c r="B76" s="34">
        <v>38</v>
      </c>
      <c r="C76" s="13">
        <v>44</v>
      </c>
      <c r="D76" s="12">
        <v>82</v>
      </c>
    </row>
    <row r="77" spans="1:4" ht="18" customHeight="1" x14ac:dyDescent="0.15">
      <c r="A77" s="8" t="s">
        <v>71</v>
      </c>
      <c r="B77" s="34">
        <v>204</v>
      </c>
      <c r="C77" s="13">
        <v>189</v>
      </c>
      <c r="D77" s="12">
        <v>393</v>
      </c>
    </row>
    <row r="78" spans="1:4" ht="18" customHeight="1" x14ac:dyDescent="0.15">
      <c r="A78" s="8">
        <v>60</v>
      </c>
      <c r="B78" s="34">
        <v>44</v>
      </c>
      <c r="C78" s="13">
        <v>44</v>
      </c>
      <c r="D78" s="12">
        <v>88</v>
      </c>
    </row>
    <row r="79" spans="1:4" ht="18" customHeight="1" x14ac:dyDescent="0.15">
      <c r="A79" s="8">
        <v>61</v>
      </c>
      <c r="B79" s="34">
        <v>43</v>
      </c>
      <c r="C79" s="13">
        <v>31</v>
      </c>
      <c r="D79" s="12">
        <v>74</v>
      </c>
    </row>
    <row r="80" spans="1:4" ht="18" customHeight="1" x14ac:dyDescent="0.15">
      <c r="A80" s="8">
        <v>62</v>
      </c>
      <c r="B80" s="34">
        <v>46</v>
      </c>
      <c r="C80" s="13">
        <v>31</v>
      </c>
      <c r="D80" s="12">
        <v>77</v>
      </c>
    </row>
    <row r="81" spans="1:4" ht="18" customHeight="1" x14ac:dyDescent="0.15">
      <c r="A81" s="8">
        <v>63</v>
      </c>
      <c r="B81" s="34">
        <v>36</v>
      </c>
      <c r="C81" s="13">
        <v>37</v>
      </c>
      <c r="D81" s="12">
        <v>73</v>
      </c>
    </row>
    <row r="82" spans="1:4" ht="18" customHeight="1" x14ac:dyDescent="0.15">
      <c r="A82" s="8">
        <v>64</v>
      </c>
      <c r="B82" s="34">
        <v>37</v>
      </c>
      <c r="C82" s="13">
        <v>42</v>
      </c>
      <c r="D82" s="12">
        <v>79</v>
      </c>
    </row>
    <row r="83" spans="1:4" ht="18" customHeight="1" x14ac:dyDescent="0.15">
      <c r="A83" s="8" t="s">
        <v>44</v>
      </c>
      <c r="B83" s="34">
        <v>206</v>
      </c>
      <c r="C83" s="13">
        <v>185</v>
      </c>
      <c r="D83" s="12">
        <v>391</v>
      </c>
    </row>
    <row r="84" spans="1:4" ht="18" customHeight="1" x14ac:dyDescent="0.15">
      <c r="A84" s="8" t="s">
        <v>43</v>
      </c>
      <c r="B84" s="34">
        <v>1898</v>
      </c>
      <c r="C84" s="13">
        <v>1808</v>
      </c>
      <c r="D84" s="12">
        <v>3706</v>
      </c>
    </row>
    <row r="85" spans="1:4" ht="18" customHeight="1" x14ac:dyDescent="0.15">
      <c r="A85" s="8">
        <v>65</v>
      </c>
      <c r="B85" s="34">
        <v>46</v>
      </c>
      <c r="C85" s="13">
        <v>47</v>
      </c>
      <c r="D85" s="12">
        <v>93</v>
      </c>
    </row>
    <row r="86" spans="1:4" ht="18" customHeight="1" x14ac:dyDescent="0.15">
      <c r="A86" s="8">
        <v>66</v>
      </c>
      <c r="B86" s="34">
        <v>32</v>
      </c>
      <c r="C86" s="13">
        <v>38</v>
      </c>
      <c r="D86" s="12">
        <v>70</v>
      </c>
    </row>
    <row r="87" spans="1:4" ht="18" customHeight="1" x14ac:dyDescent="0.15">
      <c r="A87" s="8">
        <v>67</v>
      </c>
      <c r="B87" s="34">
        <v>42</v>
      </c>
      <c r="C87" s="13">
        <v>47</v>
      </c>
      <c r="D87" s="12">
        <v>89</v>
      </c>
    </row>
    <row r="88" spans="1:4" ht="18" customHeight="1" x14ac:dyDescent="0.15">
      <c r="A88" s="8">
        <v>68</v>
      </c>
      <c r="B88" s="34">
        <v>55</v>
      </c>
      <c r="C88" s="13">
        <v>48</v>
      </c>
      <c r="D88" s="12">
        <v>103</v>
      </c>
    </row>
    <row r="89" spans="1:4" ht="18" customHeight="1" x14ac:dyDescent="0.15">
      <c r="A89" s="8">
        <v>69</v>
      </c>
      <c r="B89" s="34">
        <v>51</v>
      </c>
      <c r="C89" s="13">
        <v>50</v>
      </c>
      <c r="D89" s="12">
        <v>101</v>
      </c>
    </row>
    <row r="90" spans="1:4" ht="18" customHeight="1" x14ac:dyDescent="0.15">
      <c r="A90" s="8" t="s">
        <v>42</v>
      </c>
      <c r="B90" s="34">
        <v>226</v>
      </c>
      <c r="C90" s="13">
        <v>230</v>
      </c>
      <c r="D90" s="12">
        <v>456</v>
      </c>
    </row>
    <row r="91" spans="1:4" ht="18" customHeight="1" x14ac:dyDescent="0.15">
      <c r="A91" s="8">
        <v>70</v>
      </c>
      <c r="B91" s="34">
        <v>50</v>
      </c>
      <c r="C91" s="13">
        <v>50</v>
      </c>
      <c r="D91" s="12">
        <v>100</v>
      </c>
    </row>
    <row r="92" spans="1:4" ht="18" customHeight="1" x14ac:dyDescent="0.15">
      <c r="A92" s="8">
        <v>71</v>
      </c>
      <c r="B92" s="34">
        <v>50</v>
      </c>
      <c r="C92" s="13">
        <v>65</v>
      </c>
      <c r="D92" s="12">
        <v>115</v>
      </c>
    </row>
    <row r="93" spans="1:4" ht="18" customHeight="1" x14ac:dyDescent="0.15">
      <c r="A93" s="8">
        <v>72</v>
      </c>
      <c r="B93" s="34">
        <v>54</v>
      </c>
      <c r="C93" s="13">
        <v>75</v>
      </c>
      <c r="D93" s="12">
        <v>129</v>
      </c>
    </row>
    <row r="94" spans="1:4" ht="18" customHeight="1" x14ac:dyDescent="0.15">
      <c r="A94" s="8">
        <v>73</v>
      </c>
      <c r="B94" s="34">
        <v>82</v>
      </c>
      <c r="C94" s="13">
        <v>83</v>
      </c>
      <c r="D94" s="12">
        <v>165</v>
      </c>
    </row>
    <row r="95" spans="1:4" ht="18" customHeight="1" x14ac:dyDescent="0.15">
      <c r="A95" s="8">
        <v>74</v>
      </c>
      <c r="B95" s="34">
        <v>68</v>
      </c>
      <c r="C95" s="13">
        <v>58</v>
      </c>
      <c r="D95" s="12">
        <v>126</v>
      </c>
    </row>
    <row r="96" spans="1:4" ht="18" customHeight="1" x14ac:dyDescent="0.15">
      <c r="A96" s="8" t="s">
        <v>41</v>
      </c>
      <c r="B96" s="34">
        <v>304</v>
      </c>
      <c r="C96" s="13">
        <v>331</v>
      </c>
      <c r="D96" s="12">
        <v>635</v>
      </c>
    </row>
    <row r="97" spans="1:4" ht="18" customHeight="1" x14ac:dyDescent="0.15">
      <c r="A97" s="8">
        <v>75</v>
      </c>
      <c r="B97" s="34">
        <v>71</v>
      </c>
      <c r="C97" s="13">
        <v>69</v>
      </c>
      <c r="D97" s="12">
        <v>140</v>
      </c>
    </row>
    <row r="98" spans="1:4" ht="18" customHeight="1" x14ac:dyDescent="0.15">
      <c r="A98" s="8">
        <v>76</v>
      </c>
      <c r="B98" s="34">
        <v>37</v>
      </c>
      <c r="C98" s="13">
        <v>56</v>
      </c>
      <c r="D98" s="12">
        <v>93</v>
      </c>
    </row>
    <row r="99" spans="1:4" ht="18" customHeight="1" x14ac:dyDescent="0.15">
      <c r="A99" s="8">
        <v>77</v>
      </c>
      <c r="B99" s="34">
        <v>25</v>
      </c>
      <c r="C99" s="13">
        <v>22</v>
      </c>
      <c r="D99" s="12">
        <v>47</v>
      </c>
    </row>
    <row r="100" spans="1:4" ht="18" customHeight="1" x14ac:dyDescent="0.15">
      <c r="A100" s="8">
        <v>78</v>
      </c>
      <c r="B100" s="34">
        <v>33</v>
      </c>
      <c r="C100" s="13">
        <v>39</v>
      </c>
      <c r="D100" s="12">
        <v>72</v>
      </c>
    </row>
    <row r="101" spans="1:4" ht="18" customHeight="1" x14ac:dyDescent="0.15">
      <c r="A101" s="8">
        <v>79</v>
      </c>
      <c r="B101" s="34">
        <v>46</v>
      </c>
      <c r="C101" s="13">
        <v>27</v>
      </c>
      <c r="D101" s="12">
        <v>73</v>
      </c>
    </row>
    <row r="102" spans="1:4" ht="18" customHeight="1" x14ac:dyDescent="0.15">
      <c r="A102" s="8" t="s">
        <v>70</v>
      </c>
      <c r="B102" s="34">
        <v>212</v>
      </c>
      <c r="C102" s="13">
        <v>213</v>
      </c>
      <c r="D102" s="12">
        <v>425</v>
      </c>
    </row>
    <row r="103" spans="1:4" ht="18" customHeight="1" x14ac:dyDescent="0.15">
      <c r="A103" s="8">
        <v>80</v>
      </c>
      <c r="B103" s="34">
        <v>29</v>
      </c>
      <c r="C103" s="13">
        <v>30</v>
      </c>
      <c r="D103" s="12">
        <v>59</v>
      </c>
    </row>
    <row r="104" spans="1:4" ht="18" customHeight="1" x14ac:dyDescent="0.15">
      <c r="A104" s="8">
        <v>81</v>
      </c>
      <c r="B104" s="34">
        <v>40</v>
      </c>
      <c r="C104" s="13">
        <v>36</v>
      </c>
      <c r="D104" s="12">
        <v>76</v>
      </c>
    </row>
    <row r="105" spans="1:4" ht="18" customHeight="1" x14ac:dyDescent="0.15">
      <c r="A105" s="8">
        <v>82</v>
      </c>
      <c r="B105" s="34">
        <v>25</v>
      </c>
      <c r="C105" s="13">
        <v>30</v>
      </c>
      <c r="D105" s="12">
        <v>55</v>
      </c>
    </row>
    <row r="106" spans="1:4" ht="18" customHeight="1" x14ac:dyDescent="0.15">
      <c r="A106" s="8">
        <v>83</v>
      </c>
      <c r="B106" s="34">
        <v>21</v>
      </c>
      <c r="C106" s="13">
        <v>31</v>
      </c>
      <c r="D106" s="12">
        <v>52</v>
      </c>
    </row>
    <row r="107" spans="1:4" ht="18" customHeight="1" x14ac:dyDescent="0.15">
      <c r="A107" s="8">
        <v>84</v>
      </c>
      <c r="B107" s="34">
        <v>15</v>
      </c>
      <c r="C107" s="13">
        <v>30</v>
      </c>
      <c r="D107" s="12">
        <v>45</v>
      </c>
    </row>
    <row r="108" spans="1:4" ht="18" customHeight="1" x14ac:dyDescent="0.15">
      <c r="A108" s="8" t="s">
        <v>39</v>
      </c>
      <c r="B108" s="34">
        <v>130</v>
      </c>
      <c r="C108" s="13">
        <v>157</v>
      </c>
      <c r="D108" s="12">
        <v>287</v>
      </c>
    </row>
    <row r="109" spans="1:4" ht="18" customHeight="1" x14ac:dyDescent="0.15">
      <c r="A109" s="8">
        <v>85</v>
      </c>
      <c r="B109" s="34">
        <v>21</v>
      </c>
      <c r="C109" s="13">
        <v>30</v>
      </c>
      <c r="D109" s="12">
        <v>51</v>
      </c>
    </row>
    <row r="110" spans="1:4" ht="18" customHeight="1" x14ac:dyDescent="0.15">
      <c r="A110" s="8">
        <v>86</v>
      </c>
      <c r="B110" s="34">
        <v>16</v>
      </c>
      <c r="C110" s="13">
        <v>30</v>
      </c>
      <c r="D110" s="12">
        <v>46</v>
      </c>
    </row>
    <row r="111" spans="1:4" ht="18" customHeight="1" x14ac:dyDescent="0.15">
      <c r="A111" s="8">
        <v>87</v>
      </c>
      <c r="B111" s="34">
        <v>21</v>
      </c>
      <c r="C111" s="13">
        <v>33</v>
      </c>
      <c r="D111" s="12">
        <v>54</v>
      </c>
    </row>
    <row r="112" spans="1:4" ht="18" customHeight="1" x14ac:dyDescent="0.15">
      <c r="A112" s="8">
        <v>88</v>
      </c>
      <c r="B112" s="34">
        <v>10</v>
      </c>
      <c r="C112" s="13">
        <v>30</v>
      </c>
      <c r="D112" s="12">
        <v>40</v>
      </c>
    </row>
    <row r="113" spans="1:4" ht="18" customHeight="1" x14ac:dyDescent="0.15">
      <c r="A113" s="8">
        <v>89</v>
      </c>
      <c r="B113" s="34">
        <v>12</v>
      </c>
      <c r="C113" s="13">
        <v>34</v>
      </c>
      <c r="D113" s="12">
        <v>46</v>
      </c>
    </row>
    <row r="114" spans="1:4" ht="18" customHeight="1" x14ac:dyDescent="0.15">
      <c r="A114" s="8" t="s">
        <v>38</v>
      </c>
      <c r="B114" s="34">
        <v>80</v>
      </c>
      <c r="C114" s="13">
        <v>157</v>
      </c>
      <c r="D114" s="12">
        <v>237</v>
      </c>
    </row>
    <row r="115" spans="1:4" ht="18" customHeight="1" x14ac:dyDescent="0.15">
      <c r="A115" s="8">
        <v>90</v>
      </c>
      <c r="B115" s="34">
        <v>10</v>
      </c>
      <c r="C115" s="13">
        <v>33</v>
      </c>
      <c r="D115" s="12">
        <v>43</v>
      </c>
    </row>
    <row r="116" spans="1:4" ht="18" customHeight="1" x14ac:dyDescent="0.15">
      <c r="A116" s="8">
        <v>91</v>
      </c>
      <c r="B116" s="34">
        <v>8</v>
      </c>
      <c r="C116" s="13">
        <v>18</v>
      </c>
      <c r="D116" s="12">
        <v>26</v>
      </c>
    </row>
    <row r="117" spans="1:4" ht="18" customHeight="1" x14ac:dyDescent="0.15">
      <c r="A117" s="8">
        <v>92</v>
      </c>
      <c r="B117" s="34">
        <v>10</v>
      </c>
      <c r="C117" s="13">
        <v>20</v>
      </c>
      <c r="D117" s="12">
        <v>30</v>
      </c>
    </row>
    <row r="118" spans="1:4" ht="18" customHeight="1" x14ac:dyDescent="0.15">
      <c r="A118" s="8">
        <v>93</v>
      </c>
      <c r="B118" s="34">
        <v>6</v>
      </c>
      <c r="C118" s="13">
        <v>22</v>
      </c>
      <c r="D118" s="12">
        <v>28</v>
      </c>
    </row>
    <row r="119" spans="1:4" ht="18" customHeight="1" x14ac:dyDescent="0.15">
      <c r="A119" s="8">
        <v>94</v>
      </c>
      <c r="B119" s="34">
        <v>8</v>
      </c>
      <c r="C119" s="13">
        <v>12</v>
      </c>
      <c r="D119" s="12">
        <v>20</v>
      </c>
    </row>
    <row r="120" spans="1:4" ht="18" customHeight="1" x14ac:dyDescent="0.15">
      <c r="A120" s="8" t="s">
        <v>297</v>
      </c>
      <c r="B120" s="34">
        <v>42</v>
      </c>
      <c r="C120" s="13">
        <v>105</v>
      </c>
      <c r="D120" s="12">
        <v>147</v>
      </c>
    </row>
    <row r="121" spans="1:4" ht="18" customHeight="1" x14ac:dyDescent="0.15">
      <c r="A121" s="8">
        <v>95</v>
      </c>
      <c r="B121" s="34">
        <v>3</v>
      </c>
      <c r="C121" s="13">
        <v>9</v>
      </c>
      <c r="D121" s="12">
        <v>12</v>
      </c>
    </row>
    <row r="122" spans="1:4" ht="18" customHeight="1" x14ac:dyDescent="0.15">
      <c r="A122" s="8">
        <v>96</v>
      </c>
      <c r="B122" s="34">
        <v>1</v>
      </c>
      <c r="C122" s="13">
        <v>4</v>
      </c>
      <c r="D122" s="12">
        <v>5</v>
      </c>
    </row>
    <row r="123" spans="1:4" ht="18" customHeight="1" x14ac:dyDescent="0.15">
      <c r="A123" s="8">
        <v>97</v>
      </c>
      <c r="B123" s="34">
        <v>2</v>
      </c>
      <c r="C123" s="13">
        <v>5</v>
      </c>
      <c r="D123" s="12">
        <v>7</v>
      </c>
    </row>
    <row r="124" spans="1:4" ht="18" customHeight="1" x14ac:dyDescent="0.15">
      <c r="A124" s="8">
        <v>98</v>
      </c>
      <c r="B124" s="34">
        <v>1</v>
      </c>
      <c r="C124" s="13">
        <v>2</v>
      </c>
      <c r="D124" s="12">
        <v>3</v>
      </c>
    </row>
    <row r="125" spans="1:4" ht="18" customHeight="1" x14ac:dyDescent="0.15">
      <c r="A125" s="8">
        <v>99</v>
      </c>
      <c r="B125" s="34">
        <v>0</v>
      </c>
      <c r="C125" s="13">
        <v>3</v>
      </c>
      <c r="D125" s="12">
        <v>3</v>
      </c>
    </row>
    <row r="126" spans="1:4" ht="18" customHeight="1" x14ac:dyDescent="0.15">
      <c r="A126" s="8" t="s">
        <v>68</v>
      </c>
      <c r="B126" s="34">
        <v>7</v>
      </c>
      <c r="C126" s="13">
        <v>23</v>
      </c>
      <c r="D126" s="12">
        <v>30</v>
      </c>
    </row>
    <row r="127" spans="1:4" ht="18" customHeight="1" x14ac:dyDescent="0.15">
      <c r="A127" s="8">
        <v>100</v>
      </c>
      <c r="B127" s="34">
        <v>0</v>
      </c>
      <c r="C127" s="13">
        <v>2</v>
      </c>
      <c r="D127" s="12">
        <v>2</v>
      </c>
    </row>
    <row r="128" spans="1:4" ht="18" customHeight="1" x14ac:dyDescent="0.15">
      <c r="A128" s="15" t="s">
        <v>37</v>
      </c>
      <c r="B128" s="34">
        <v>0</v>
      </c>
      <c r="C128" s="13">
        <v>2</v>
      </c>
      <c r="D128" s="12">
        <v>2</v>
      </c>
    </row>
    <row r="129" spans="1:4" ht="18" customHeight="1" x14ac:dyDescent="0.15">
      <c r="A129" s="8" t="s">
        <v>36</v>
      </c>
      <c r="B129" s="34">
        <v>0</v>
      </c>
      <c r="C129" s="13">
        <v>4</v>
      </c>
      <c r="D129" s="12">
        <v>4</v>
      </c>
    </row>
    <row r="130" spans="1:4" ht="18" customHeight="1" x14ac:dyDescent="0.15">
      <c r="A130" s="8" t="s">
        <v>35</v>
      </c>
      <c r="B130" s="28">
        <v>1001</v>
      </c>
      <c r="C130" s="6">
        <v>1220</v>
      </c>
      <c r="D130" s="5">
        <v>2221</v>
      </c>
    </row>
    <row r="131" spans="1:4" ht="18" customHeight="1" x14ac:dyDescent="0.15">
      <c r="A131" s="4" t="s">
        <v>0</v>
      </c>
      <c r="B131" s="27">
        <v>3242</v>
      </c>
      <c r="C131" s="2">
        <v>3382</v>
      </c>
      <c r="D131" s="1">
        <v>662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1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</v>
      </c>
      <c r="C5" s="44">
        <v>0</v>
      </c>
      <c r="D5" s="43">
        <v>1</v>
      </c>
    </row>
    <row r="6" spans="1:4" ht="18" customHeight="1" x14ac:dyDescent="0.15">
      <c r="A6" s="8">
        <v>1</v>
      </c>
      <c r="B6" s="39">
        <v>0</v>
      </c>
      <c r="C6" s="13">
        <v>1</v>
      </c>
      <c r="D6" s="12">
        <v>1</v>
      </c>
    </row>
    <row r="7" spans="1:4" ht="18" customHeight="1" x14ac:dyDescent="0.15">
      <c r="A7" s="8">
        <v>2</v>
      </c>
      <c r="B7" s="39">
        <v>3</v>
      </c>
      <c r="C7" s="13">
        <v>1</v>
      </c>
      <c r="D7" s="12">
        <v>4</v>
      </c>
    </row>
    <row r="8" spans="1:4" ht="18" customHeight="1" x14ac:dyDescent="0.15">
      <c r="A8" s="8">
        <v>3</v>
      </c>
      <c r="B8" s="39">
        <v>1</v>
      </c>
      <c r="C8" s="13">
        <v>0</v>
      </c>
      <c r="D8" s="12">
        <v>1</v>
      </c>
    </row>
    <row r="9" spans="1:4" ht="18" customHeight="1" x14ac:dyDescent="0.15">
      <c r="A9" s="8">
        <v>4</v>
      </c>
      <c r="B9" s="42">
        <v>0</v>
      </c>
      <c r="C9" s="41">
        <v>4</v>
      </c>
      <c r="D9" s="40">
        <v>4</v>
      </c>
    </row>
    <row r="10" spans="1:4" ht="18" customHeight="1" x14ac:dyDescent="0.15">
      <c r="A10" s="8" t="s">
        <v>317</v>
      </c>
      <c r="B10" s="34">
        <v>5</v>
      </c>
      <c r="C10" s="13">
        <v>6</v>
      </c>
      <c r="D10" s="12">
        <v>11</v>
      </c>
    </row>
    <row r="11" spans="1:4" ht="18" customHeight="1" x14ac:dyDescent="0.15">
      <c r="A11" s="8">
        <v>5</v>
      </c>
      <c r="B11" s="39">
        <v>2</v>
      </c>
      <c r="C11" s="13">
        <v>1</v>
      </c>
      <c r="D11" s="12">
        <v>3</v>
      </c>
    </row>
    <row r="12" spans="1:4" ht="18" customHeight="1" x14ac:dyDescent="0.15">
      <c r="A12" s="8">
        <v>6</v>
      </c>
      <c r="B12" s="39">
        <v>1</v>
      </c>
      <c r="C12" s="13">
        <v>2</v>
      </c>
      <c r="D12" s="12">
        <v>3</v>
      </c>
    </row>
    <row r="13" spans="1:4" ht="18" customHeight="1" x14ac:dyDescent="0.15">
      <c r="A13" s="8">
        <v>7</v>
      </c>
      <c r="B13" s="39">
        <v>2</v>
      </c>
      <c r="C13" s="13">
        <v>3</v>
      </c>
      <c r="D13" s="12">
        <v>5</v>
      </c>
    </row>
    <row r="14" spans="1:4" ht="18" customHeight="1" x14ac:dyDescent="0.15">
      <c r="A14" s="8">
        <v>8</v>
      </c>
      <c r="B14" s="39">
        <v>2</v>
      </c>
      <c r="C14" s="13">
        <v>4</v>
      </c>
      <c r="D14" s="12">
        <v>6</v>
      </c>
    </row>
    <row r="15" spans="1:4" ht="18" customHeight="1" x14ac:dyDescent="0.15">
      <c r="A15" s="8">
        <v>9</v>
      </c>
      <c r="B15" s="39">
        <v>2</v>
      </c>
      <c r="C15" s="13">
        <v>5</v>
      </c>
      <c r="D15" s="12">
        <v>7</v>
      </c>
    </row>
    <row r="16" spans="1:4" ht="18" customHeight="1" x14ac:dyDescent="0.15">
      <c r="A16" s="8" t="s">
        <v>316</v>
      </c>
      <c r="B16" s="34">
        <v>9</v>
      </c>
      <c r="C16" s="13">
        <v>15</v>
      </c>
      <c r="D16" s="12">
        <v>24</v>
      </c>
    </row>
    <row r="17" spans="1:4" ht="18" customHeight="1" x14ac:dyDescent="0.15">
      <c r="A17" s="8">
        <v>10</v>
      </c>
      <c r="B17" s="34">
        <v>2</v>
      </c>
      <c r="C17" s="13">
        <v>1</v>
      </c>
      <c r="D17" s="12">
        <v>3</v>
      </c>
    </row>
    <row r="18" spans="1:4" ht="18" customHeight="1" x14ac:dyDescent="0.15">
      <c r="A18" s="8">
        <v>11</v>
      </c>
      <c r="B18" s="34">
        <v>1</v>
      </c>
      <c r="C18" s="13">
        <v>2</v>
      </c>
      <c r="D18" s="12">
        <v>3</v>
      </c>
    </row>
    <row r="19" spans="1:4" ht="18" customHeight="1" x14ac:dyDescent="0.15">
      <c r="A19" s="8">
        <v>12</v>
      </c>
      <c r="B19" s="34">
        <v>0</v>
      </c>
      <c r="C19" s="13">
        <v>7</v>
      </c>
      <c r="D19" s="12">
        <v>7</v>
      </c>
    </row>
    <row r="20" spans="1:4" ht="18" customHeight="1" x14ac:dyDescent="0.15">
      <c r="A20" s="8">
        <v>13</v>
      </c>
      <c r="B20" s="34">
        <v>2</v>
      </c>
      <c r="C20" s="13">
        <v>0</v>
      </c>
      <c r="D20" s="12">
        <v>2</v>
      </c>
    </row>
    <row r="21" spans="1:4" ht="18" customHeight="1" x14ac:dyDescent="0.15">
      <c r="A21" s="8">
        <v>14</v>
      </c>
      <c r="B21" s="34">
        <v>5</v>
      </c>
      <c r="C21" s="13">
        <v>2</v>
      </c>
      <c r="D21" s="12">
        <v>7</v>
      </c>
    </row>
    <row r="22" spans="1:4" ht="18" customHeight="1" x14ac:dyDescent="0.15">
      <c r="A22" s="8" t="s">
        <v>315</v>
      </c>
      <c r="B22" s="34">
        <v>10</v>
      </c>
      <c r="C22" s="13">
        <v>12</v>
      </c>
      <c r="D22" s="12">
        <v>22</v>
      </c>
    </row>
    <row r="23" spans="1:4" ht="18" customHeight="1" x14ac:dyDescent="0.15">
      <c r="A23" s="8" t="s">
        <v>314</v>
      </c>
      <c r="B23" s="34">
        <v>24</v>
      </c>
      <c r="C23" s="13">
        <v>33</v>
      </c>
      <c r="D23" s="12">
        <v>57</v>
      </c>
    </row>
    <row r="24" spans="1:4" ht="18" customHeight="1" x14ac:dyDescent="0.15">
      <c r="A24" s="8">
        <v>15</v>
      </c>
      <c r="B24" s="34">
        <v>3</v>
      </c>
      <c r="C24" s="13">
        <v>5</v>
      </c>
      <c r="D24" s="12">
        <v>8</v>
      </c>
    </row>
    <row r="25" spans="1:4" ht="18" customHeight="1" x14ac:dyDescent="0.15">
      <c r="A25" s="8">
        <v>16</v>
      </c>
      <c r="B25" s="34">
        <v>1</v>
      </c>
      <c r="C25" s="13">
        <v>0</v>
      </c>
      <c r="D25" s="12">
        <v>1</v>
      </c>
    </row>
    <row r="26" spans="1:4" ht="18" customHeight="1" x14ac:dyDescent="0.15">
      <c r="A26" s="8">
        <v>17</v>
      </c>
      <c r="B26" s="34">
        <v>5</v>
      </c>
      <c r="C26" s="13">
        <v>3</v>
      </c>
      <c r="D26" s="12">
        <v>8</v>
      </c>
    </row>
    <row r="27" spans="1:4" ht="18" customHeight="1" x14ac:dyDescent="0.15">
      <c r="A27" s="8">
        <v>18</v>
      </c>
      <c r="B27" s="34">
        <v>4</v>
      </c>
      <c r="C27" s="13">
        <v>3</v>
      </c>
      <c r="D27" s="12">
        <v>7</v>
      </c>
    </row>
    <row r="28" spans="1:4" ht="18" customHeight="1" x14ac:dyDescent="0.15">
      <c r="A28" s="8">
        <v>19</v>
      </c>
      <c r="B28" s="34">
        <v>5</v>
      </c>
      <c r="C28" s="13">
        <v>2</v>
      </c>
      <c r="D28" s="12">
        <v>7</v>
      </c>
    </row>
    <row r="29" spans="1:4" ht="18" customHeight="1" x14ac:dyDescent="0.15">
      <c r="A29" s="8" t="s">
        <v>254</v>
      </c>
      <c r="B29" s="34">
        <v>18</v>
      </c>
      <c r="C29" s="13">
        <v>13</v>
      </c>
      <c r="D29" s="12">
        <v>31</v>
      </c>
    </row>
    <row r="30" spans="1:4" ht="18" customHeight="1" x14ac:dyDescent="0.15">
      <c r="A30" s="8">
        <v>20</v>
      </c>
      <c r="B30" s="34">
        <v>2</v>
      </c>
      <c r="C30" s="13">
        <v>6</v>
      </c>
      <c r="D30" s="12">
        <v>8</v>
      </c>
    </row>
    <row r="31" spans="1:4" ht="18" customHeight="1" x14ac:dyDescent="0.15">
      <c r="A31" s="8">
        <v>21</v>
      </c>
      <c r="B31" s="34">
        <v>6</v>
      </c>
      <c r="C31" s="13">
        <v>2</v>
      </c>
      <c r="D31" s="12">
        <v>8</v>
      </c>
    </row>
    <row r="32" spans="1:4" ht="18" customHeight="1" x14ac:dyDescent="0.15">
      <c r="A32" s="8">
        <v>22</v>
      </c>
      <c r="B32" s="34">
        <v>5</v>
      </c>
      <c r="C32" s="13">
        <v>2</v>
      </c>
      <c r="D32" s="12">
        <v>7</v>
      </c>
    </row>
    <row r="33" spans="1:4" ht="18" customHeight="1" x14ac:dyDescent="0.15">
      <c r="A33" s="8">
        <v>23</v>
      </c>
      <c r="B33" s="34">
        <v>3</v>
      </c>
      <c r="C33" s="13">
        <v>1</v>
      </c>
      <c r="D33" s="12">
        <v>4</v>
      </c>
    </row>
    <row r="34" spans="1:4" ht="18" customHeight="1" x14ac:dyDescent="0.15">
      <c r="A34" s="8">
        <v>24</v>
      </c>
      <c r="B34" s="34">
        <v>0</v>
      </c>
      <c r="C34" s="13">
        <v>2</v>
      </c>
      <c r="D34" s="12">
        <v>2</v>
      </c>
    </row>
    <row r="35" spans="1:4" ht="18" customHeight="1" x14ac:dyDescent="0.15">
      <c r="A35" s="8" t="s">
        <v>313</v>
      </c>
      <c r="B35" s="34">
        <v>16</v>
      </c>
      <c r="C35" s="13">
        <v>13</v>
      </c>
      <c r="D35" s="12">
        <v>29</v>
      </c>
    </row>
    <row r="36" spans="1:4" ht="18" customHeight="1" x14ac:dyDescent="0.15">
      <c r="A36" s="8">
        <v>25</v>
      </c>
      <c r="B36" s="34">
        <v>1</v>
      </c>
      <c r="C36" s="13">
        <v>1</v>
      </c>
      <c r="D36" s="12">
        <v>2</v>
      </c>
    </row>
    <row r="37" spans="1:4" ht="18" customHeight="1" x14ac:dyDescent="0.15">
      <c r="A37" s="8">
        <v>26</v>
      </c>
      <c r="B37" s="34">
        <v>0</v>
      </c>
      <c r="C37" s="13">
        <v>0</v>
      </c>
      <c r="D37" s="12">
        <v>0</v>
      </c>
    </row>
    <row r="38" spans="1:4" ht="18" customHeight="1" x14ac:dyDescent="0.15">
      <c r="A38" s="8">
        <v>27</v>
      </c>
      <c r="B38" s="34">
        <v>3</v>
      </c>
      <c r="C38" s="13">
        <v>2</v>
      </c>
      <c r="D38" s="12">
        <v>5</v>
      </c>
    </row>
    <row r="39" spans="1:4" ht="18" customHeight="1" x14ac:dyDescent="0.15">
      <c r="A39" s="8">
        <v>28</v>
      </c>
      <c r="B39" s="34">
        <v>1</v>
      </c>
      <c r="C39" s="13">
        <v>1</v>
      </c>
      <c r="D39" s="12">
        <v>2</v>
      </c>
    </row>
    <row r="40" spans="1:4" ht="18" customHeight="1" x14ac:dyDescent="0.15">
      <c r="A40" s="8">
        <v>29</v>
      </c>
      <c r="B40" s="34">
        <v>1</v>
      </c>
      <c r="C40" s="13">
        <v>3</v>
      </c>
      <c r="D40" s="12">
        <v>4</v>
      </c>
    </row>
    <row r="41" spans="1:4" ht="18" customHeight="1" x14ac:dyDescent="0.15">
      <c r="A41" s="8" t="s">
        <v>253</v>
      </c>
      <c r="B41" s="34">
        <v>6</v>
      </c>
      <c r="C41" s="13">
        <v>7</v>
      </c>
      <c r="D41" s="12">
        <v>13</v>
      </c>
    </row>
    <row r="42" spans="1:4" ht="18" customHeight="1" x14ac:dyDescent="0.15">
      <c r="A42" s="8">
        <v>30</v>
      </c>
      <c r="B42" s="34">
        <v>4</v>
      </c>
      <c r="C42" s="13">
        <v>1</v>
      </c>
      <c r="D42" s="12">
        <v>5</v>
      </c>
    </row>
    <row r="43" spans="1:4" ht="18" customHeight="1" x14ac:dyDescent="0.15">
      <c r="A43" s="8">
        <v>31</v>
      </c>
      <c r="B43" s="34">
        <v>2</v>
      </c>
      <c r="C43" s="13">
        <v>2</v>
      </c>
      <c r="D43" s="12">
        <v>4</v>
      </c>
    </row>
    <row r="44" spans="1:4" ht="18" customHeight="1" x14ac:dyDescent="0.15">
      <c r="A44" s="8">
        <v>32</v>
      </c>
      <c r="B44" s="34">
        <v>3</v>
      </c>
      <c r="C44" s="13">
        <v>0</v>
      </c>
      <c r="D44" s="12">
        <v>3</v>
      </c>
    </row>
    <row r="45" spans="1:4" ht="18" customHeight="1" x14ac:dyDescent="0.15">
      <c r="A45" s="8">
        <v>33</v>
      </c>
      <c r="B45" s="34">
        <v>1</v>
      </c>
      <c r="C45" s="13">
        <v>2</v>
      </c>
      <c r="D45" s="12">
        <v>3</v>
      </c>
    </row>
    <row r="46" spans="1:4" ht="18" customHeight="1" x14ac:dyDescent="0.15">
      <c r="A46" s="8">
        <v>34</v>
      </c>
      <c r="B46" s="34">
        <v>4</v>
      </c>
      <c r="C46" s="13">
        <v>3</v>
      </c>
      <c r="D46" s="12">
        <v>7</v>
      </c>
    </row>
    <row r="47" spans="1:4" ht="18" customHeight="1" x14ac:dyDescent="0.15">
      <c r="A47" s="8" t="s">
        <v>312</v>
      </c>
      <c r="B47" s="34">
        <v>14</v>
      </c>
      <c r="C47" s="13">
        <v>8</v>
      </c>
      <c r="D47" s="12">
        <v>22</v>
      </c>
    </row>
    <row r="48" spans="1:4" ht="18" customHeight="1" x14ac:dyDescent="0.15">
      <c r="A48" s="8">
        <v>35</v>
      </c>
      <c r="B48" s="34">
        <v>0</v>
      </c>
      <c r="C48" s="13">
        <v>3</v>
      </c>
      <c r="D48" s="12">
        <v>3</v>
      </c>
    </row>
    <row r="49" spans="1:4" ht="18" customHeight="1" x14ac:dyDescent="0.15">
      <c r="A49" s="8">
        <v>36</v>
      </c>
      <c r="B49" s="34">
        <v>3</v>
      </c>
      <c r="C49" s="13">
        <v>2</v>
      </c>
      <c r="D49" s="12">
        <v>5</v>
      </c>
    </row>
    <row r="50" spans="1:4" ht="18" customHeight="1" x14ac:dyDescent="0.15">
      <c r="A50" s="8">
        <v>37</v>
      </c>
      <c r="B50" s="34">
        <v>5</v>
      </c>
      <c r="C50" s="13">
        <v>4</v>
      </c>
      <c r="D50" s="12">
        <v>9</v>
      </c>
    </row>
    <row r="51" spans="1:4" ht="18" customHeight="1" x14ac:dyDescent="0.15">
      <c r="A51" s="8">
        <v>38</v>
      </c>
      <c r="B51" s="34">
        <v>2</v>
      </c>
      <c r="C51" s="13">
        <v>0</v>
      </c>
      <c r="D51" s="12">
        <v>2</v>
      </c>
    </row>
    <row r="52" spans="1:4" ht="18" customHeight="1" x14ac:dyDescent="0.15">
      <c r="A52" s="8">
        <v>39</v>
      </c>
      <c r="B52" s="34">
        <v>2</v>
      </c>
      <c r="C52" s="13">
        <v>2</v>
      </c>
      <c r="D52" s="12">
        <v>4</v>
      </c>
    </row>
    <row r="53" spans="1:4" ht="18" customHeight="1" x14ac:dyDescent="0.15">
      <c r="A53" s="8" t="s">
        <v>311</v>
      </c>
      <c r="B53" s="34">
        <v>12</v>
      </c>
      <c r="C53" s="13">
        <v>11</v>
      </c>
      <c r="D53" s="12">
        <v>23</v>
      </c>
    </row>
    <row r="54" spans="1:4" ht="18" customHeight="1" x14ac:dyDescent="0.15">
      <c r="A54" s="8">
        <v>40</v>
      </c>
      <c r="B54" s="34">
        <v>2</v>
      </c>
      <c r="C54" s="13">
        <v>2</v>
      </c>
      <c r="D54" s="12">
        <v>4</v>
      </c>
    </row>
    <row r="55" spans="1:4" ht="18" customHeight="1" x14ac:dyDescent="0.15">
      <c r="A55" s="8">
        <v>41</v>
      </c>
      <c r="B55" s="34">
        <v>4</v>
      </c>
      <c r="C55" s="13">
        <v>2</v>
      </c>
      <c r="D55" s="12">
        <v>6</v>
      </c>
    </row>
    <row r="56" spans="1:4" ht="18" customHeight="1" x14ac:dyDescent="0.15">
      <c r="A56" s="8">
        <v>42</v>
      </c>
      <c r="B56" s="34">
        <v>2</v>
      </c>
      <c r="C56" s="13">
        <v>3</v>
      </c>
      <c r="D56" s="12">
        <v>5</v>
      </c>
    </row>
    <row r="57" spans="1:4" ht="18" customHeight="1" x14ac:dyDescent="0.15">
      <c r="A57" s="8">
        <v>43</v>
      </c>
      <c r="B57" s="34">
        <v>5</v>
      </c>
      <c r="C57" s="13">
        <v>5</v>
      </c>
      <c r="D57" s="12">
        <v>10</v>
      </c>
    </row>
    <row r="58" spans="1:4" ht="18" customHeight="1" x14ac:dyDescent="0.15">
      <c r="A58" s="8">
        <v>44</v>
      </c>
      <c r="B58" s="34">
        <v>6</v>
      </c>
      <c r="C58" s="13">
        <v>3</v>
      </c>
      <c r="D58" s="12">
        <v>9</v>
      </c>
    </row>
    <row r="59" spans="1:4" ht="18" customHeight="1" x14ac:dyDescent="0.15">
      <c r="A59" s="8" t="s">
        <v>310</v>
      </c>
      <c r="B59" s="34">
        <v>19</v>
      </c>
      <c r="C59" s="13">
        <v>15</v>
      </c>
      <c r="D59" s="12">
        <v>34</v>
      </c>
    </row>
    <row r="60" spans="1:4" ht="18" customHeight="1" x14ac:dyDescent="0.15">
      <c r="A60" s="8">
        <v>45</v>
      </c>
      <c r="B60" s="34">
        <v>3</v>
      </c>
      <c r="C60" s="13">
        <v>2</v>
      </c>
      <c r="D60" s="12">
        <v>5</v>
      </c>
    </row>
    <row r="61" spans="1:4" ht="18" customHeight="1" x14ac:dyDescent="0.15">
      <c r="A61" s="8">
        <v>46</v>
      </c>
      <c r="B61" s="34">
        <v>4</v>
      </c>
      <c r="C61" s="13">
        <v>2</v>
      </c>
      <c r="D61" s="12">
        <v>6</v>
      </c>
    </row>
    <row r="62" spans="1:4" ht="18" customHeight="1" x14ac:dyDescent="0.15">
      <c r="A62" s="8">
        <v>47</v>
      </c>
      <c r="B62" s="34">
        <v>4</v>
      </c>
      <c r="C62" s="13">
        <v>4</v>
      </c>
      <c r="D62" s="12">
        <v>8</v>
      </c>
    </row>
    <row r="63" spans="1:4" ht="18" customHeight="1" x14ac:dyDescent="0.15">
      <c r="A63" s="8">
        <v>48</v>
      </c>
      <c r="B63" s="34">
        <v>3</v>
      </c>
      <c r="C63" s="13">
        <v>2</v>
      </c>
      <c r="D63" s="12">
        <v>5</v>
      </c>
    </row>
    <row r="64" spans="1:4" ht="18" customHeight="1" x14ac:dyDescent="0.15">
      <c r="A64" s="8">
        <v>49</v>
      </c>
      <c r="B64" s="34">
        <v>4</v>
      </c>
      <c r="C64" s="13">
        <v>3</v>
      </c>
      <c r="D64" s="12">
        <v>7</v>
      </c>
    </row>
    <row r="65" spans="1:4" ht="18" customHeight="1" x14ac:dyDescent="0.15">
      <c r="A65" s="8" t="s">
        <v>309</v>
      </c>
      <c r="B65" s="34">
        <v>18</v>
      </c>
      <c r="C65" s="13">
        <v>13</v>
      </c>
      <c r="D65" s="12">
        <v>31</v>
      </c>
    </row>
    <row r="66" spans="1:4" ht="18" customHeight="1" x14ac:dyDescent="0.15">
      <c r="A66" s="8">
        <v>50</v>
      </c>
      <c r="B66" s="34">
        <v>9</v>
      </c>
      <c r="C66" s="13">
        <v>7</v>
      </c>
      <c r="D66" s="12">
        <v>16</v>
      </c>
    </row>
    <row r="67" spans="1:4" ht="18" customHeight="1" x14ac:dyDescent="0.15">
      <c r="A67" s="8">
        <v>51</v>
      </c>
      <c r="B67" s="34">
        <v>5</v>
      </c>
      <c r="C67" s="13">
        <v>8</v>
      </c>
      <c r="D67" s="12">
        <v>13</v>
      </c>
    </row>
    <row r="68" spans="1:4" ht="18" customHeight="1" x14ac:dyDescent="0.15">
      <c r="A68" s="8">
        <v>52</v>
      </c>
      <c r="B68" s="34">
        <v>8</v>
      </c>
      <c r="C68" s="13">
        <v>5</v>
      </c>
      <c r="D68" s="12">
        <v>13</v>
      </c>
    </row>
    <row r="69" spans="1:4" ht="18" customHeight="1" x14ac:dyDescent="0.15">
      <c r="A69" s="8">
        <v>53</v>
      </c>
      <c r="B69" s="34">
        <v>3</v>
      </c>
      <c r="C69" s="13">
        <v>2</v>
      </c>
      <c r="D69" s="12">
        <v>5</v>
      </c>
    </row>
    <row r="70" spans="1:4" ht="18" customHeight="1" x14ac:dyDescent="0.15">
      <c r="A70" s="8">
        <v>54</v>
      </c>
      <c r="B70" s="34">
        <v>6</v>
      </c>
      <c r="C70" s="13">
        <v>8</v>
      </c>
      <c r="D70" s="12">
        <v>14</v>
      </c>
    </row>
    <row r="71" spans="1:4" ht="18" customHeight="1" x14ac:dyDescent="0.15">
      <c r="A71" s="8" t="s">
        <v>248</v>
      </c>
      <c r="B71" s="34">
        <v>31</v>
      </c>
      <c r="C71" s="13">
        <v>30</v>
      </c>
      <c r="D71" s="12">
        <v>61</v>
      </c>
    </row>
    <row r="72" spans="1:4" ht="18" customHeight="1" x14ac:dyDescent="0.15">
      <c r="A72" s="8">
        <v>55</v>
      </c>
      <c r="B72" s="34">
        <v>0</v>
      </c>
      <c r="C72" s="13">
        <v>7</v>
      </c>
      <c r="D72" s="12">
        <v>7</v>
      </c>
    </row>
    <row r="73" spans="1:4" ht="18" customHeight="1" x14ac:dyDescent="0.15">
      <c r="A73" s="8">
        <v>56</v>
      </c>
      <c r="B73" s="34">
        <v>7</v>
      </c>
      <c r="C73" s="13">
        <v>2</v>
      </c>
      <c r="D73" s="12">
        <v>9</v>
      </c>
    </row>
    <row r="74" spans="1:4" ht="18" customHeight="1" x14ac:dyDescent="0.15">
      <c r="A74" s="8">
        <v>57</v>
      </c>
      <c r="B74" s="34">
        <v>3</v>
      </c>
      <c r="C74" s="13">
        <v>6</v>
      </c>
      <c r="D74" s="12">
        <v>9</v>
      </c>
    </row>
    <row r="75" spans="1:4" ht="18" customHeight="1" x14ac:dyDescent="0.15">
      <c r="A75" s="8">
        <v>58</v>
      </c>
      <c r="B75" s="34">
        <v>1</v>
      </c>
      <c r="C75" s="13">
        <v>5</v>
      </c>
      <c r="D75" s="12">
        <v>6</v>
      </c>
    </row>
    <row r="76" spans="1:4" ht="18" customHeight="1" x14ac:dyDescent="0.15">
      <c r="A76" s="8">
        <v>59</v>
      </c>
      <c r="B76" s="34">
        <v>2</v>
      </c>
      <c r="C76" s="13">
        <v>8</v>
      </c>
      <c r="D76" s="12">
        <v>10</v>
      </c>
    </row>
    <row r="77" spans="1:4" ht="18" customHeight="1" x14ac:dyDescent="0.15">
      <c r="A77" s="8" t="s">
        <v>308</v>
      </c>
      <c r="B77" s="34">
        <v>13</v>
      </c>
      <c r="C77" s="13">
        <v>28</v>
      </c>
      <c r="D77" s="12">
        <v>41</v>
      </c>
    </row>
    <row r="78" spans="1:4" ht="18" customHeight="1" x14ac:dyDescent="0.15">
      <c r="A78" s="8">
        <v>60</v>
      </c>
      <c r="B78" s="34">
        <v>6</v>
      </c>
      <c r="C78" s="13">
        <v>3</v>
      </c>
      <c r="D78" s="12">
        <v>9</v>
      </c>
    </row>
    <row r="79" spans="1:4" ht="18" customHeight="1" x14ac:dyDescent="0.15">
      <c r="A79" s="8">
        <v>61</v>
      </c>
      <c r="B79" s="34">
        <v>7</v>
      </c>
      <c r="C79" s="13">
        <v>6</v>
      </c>
      <c r="D79" s="12">
        <v>13</v>
      </c>
    </row>
    <row r="80" spans="1:4" ht="18" customHeight="1" x14ac:dyDescent="0.15">
      <c r="A80" s="8">
        <v>62</v>
      </c>
      <c r="B80" s="34">
        <v>4</v>
      </c>
      <c r="C80" s="13">
        <v>4</v>
      </c>
      <c r="D80" s="12">
        <v>8</v>
      </c>
    </row>
    <row r="81" spans="1:4" ht="18" customHeight="1" x14ac:dyDescent="0.15">
      <c r="A81" s="8">
        <v>63</v>
      </c>
      <c r="B81" s="34">
        <v>5</v>
      </c>
      <c r="C81" s="13">
        <v>7</v>
      </c>
      <c r="D81" s="12">
        <v>12</v>
      </c>
    </row>
    <row r="82" spans="1:4" ht="18" customHeight="1" x14ac:dyDescent="0.15">
      <c r="A82" s="8">
        <v>64</v>
      </c>
      <c r="B82" s="34">
        <v>5</v>
      </c>
      <c r="C82" s="13">
        <v>8</v>
      </c>
      <c r="D82" s="12">
        <v>13</v>
      </c>
    </row>
    <row r="83" spans="1:4" ht="18" customHeight="1" x14ac:dyDescent="0.15">
      <c r="A83" s="8" t="s">
        <v>307</v>
      </c>
      <c r="B83" s="34">
        <v>27</v>
      </c>
      <c r="C83" s="13">
        <v>28</v>
      </c>
      <c r="D83" s="12">
        <v>55</v>
      </c>
    </row>
    <row r="84" spans="1:4" ht="18" customHeight="1" x14ac:dyDescent="0.15">
      <c r="A84" s="8" t="s">
        <v>306</v>
      </c>
      <c r="B84" s="34">
        <v>174</v>
      </c>
      <c r="C84" s="13">
        <v>166</v>
      </c>
      <c r="D84" s="12">
        <v>340</v>
      </c>
    </row>
    <row r="85" spans="1:4" ht="18" customHeight="1" x14ac:dyDescent="0.15">
      <c r="A85" s="8">
        <v>65</v>
      </c>
      <c r="B85" s="34">
        <v>7</v>
      </c>
      <c r="C85" s="13">
        <v>3</v>
      </c>
      <c r="D85" s="12">
        <v>10</v>
      </c>
    </row>
    <row r="86" spans="1:4" ht="18" customHeight="1" x14ac:dyDescent="0.15">
      <c r="A86" s="8">
        <v>66</v>
      </c>
      <c r="B86" s="34">
        <v>9</v>
      </c>
      <c r="C86" s="13">
        <v>8</v>
      </c>
      <c r="D86" s="12">
        <v>17</v>
      </c>
    </row>
    <row r="87" spans="1:4" ht="18" customHeight="1" x14ac:dyDescent="0.15">
      <c r="A87" s="8">
        <v>67</v>
      </c>
      <c r="B87" s="34">
        <v>9</v>
      </c>
      <c r="C87" s="13">
        <v>10</v>
      </c>
      <c r="D87" s="12">
        <v>19</v>
      </c>
    </row>
    <row r="88" spans="1:4" ht="18" customHeight="1" x14ac:dyDescent="0.15">
      <c r="A88" s="8">
        <v>68</v>
      </c>
      <c r="B88" s="34">
        <v>7</v>
      </c>
      <c r="C88" s="13">
        <v>7</v>
      </c>
      <c r="D88" s="12">
        <v>14</v>
      </c>
    </row>
    <row r="89" spans="1:4" ht="18" customHeight="1" x14ac:dyDescent="0.15">
      <c r="A89" s="8">
        <v>69</v>
      </c>
      <c r="B89" s="34">
        <v>11</v>
      </c>
      <c r="C89" s="13">
        <v>11</v>
      </c>
      <c r="D89" s="12">
        <v>22</v>
      </c>
    </row>
    <row r="90" spans="1:4" ht="18" customHeight="1" x14ac:dyDescent="0.15">
      <c r="A90" s="8" t="s">
        <v>305</v>
      </c>
      <c r="B90" s="34">
        <v>43</v>
      </c>
      <c r="C90" s="13">
        <v>39</v>
      </c>
      <c r="D90" s="12">
        <v>82</v>
      </c>
    </row>
    <row r="91" spans="1:4" ht="18" customHeight="1" x14ac:dyDescent="0.15">
      <c r="A91" s="8">
        <v>70</v>
      </c>
      <c r="B91" s="34">
        <v>11</v>
      </c>
      <c r="C91" s="13">
        <v>6</v>
      </c>
      <c r="D91" s="12">
        <v>17</v>
      </c>
    </row>
    <row r="92" spans="1:4" ht="18" customHeight="1" x14ac:dyDescent="0.15">
      <c r="A92" s="8">
        <v>71</v>
      </c>
      <c r="B92" s="34">
        <v>4</v>
      </c>
      <c r="C92" s="13">
        <v>4</v>
      </c>
      <c r="D92" s="12">
        <v>8</v>
      </c>
    </row>
    <row r="93" spans="1:4" ht="18" customHeight="1" x14ac:dyDescent="0.15">
      <c r="A93" s="8">
        <v>72</v>
      </c>
      <c r="B93" s="34">
        <v>6</v>
      </c>
      <c r="C93" s="13">
        <v>10</v>
      </c>
      <c r="D93" s="12">
        <v>16</v>
      </c>
    </row>
    <row r="94" spans="1:4" ht="18" customHeight="1" x14ac:dyDescent="0.15">
      <c r="A94" s="8">
        <v>73</v>
      </c>
      <c r="B94" s="34">
        <v>10</v>
      </c>
      <c r="C94" s="13">
        <v>8</v>
      </c>
      <c r="D94" s="12">
        <v>18</v>
      </c>
    </row>
    <row r="95" spans="1:4" ht="18" customHeight="1" x14ac:dyDescent="0.15">
      <c r="A95" s="8">
        <v>74</v>
      </c>
      <c r="B95" s="34">
        <v>7</v>
      </c>
      <c r="C95" s="13">
        <v>9</v>
      </c>
      <c r="D95" s="12">
        <v>16</v>
      </c>
    </row>
    <row r="96" spans="1:4" ht="18" customHeight="1" x14ac:dyDescent="0.15">
      <c r="A96" s="8" t="s">
        <v>304</v>
      </c>
      <c r="B96" s="34">
        <v>38</v>
      </c>
      <c r="C96" s="13">
        <v>37</v>
      </c>
      <c r="D96" s="12">
        <v>75</v>
      </c>
    </row>
    <row r="97" spans="1:4" ht="18" customHeight="1" x14ac:dyDescent="0.15">
      <c r="A97" s="8">
        <v>75</v>
      </c>
      <c r="B97" s="34">
        <v>7</v>
      </c>
      <c r="C97" s="13">
        <v>12</v>
      </c>
      <c r="D97" s="12">
        <v>19</v>
      </c>
    </row>
    <row r="98" spans="1:4" ht="18" customHeight="1" x14ac:dyDescent="0.15">
      <c r="A98" s="8">
        <v>76</v>
      </c>
      <c r="B98" s="34">
        <v>11</v>
      </c>
      <c r="C98" s="13">
        <v>5</v>
      </c>
      <c r="D98" s="12">
        <v>16</v>
      </c>
    </row>
    <row r="99" spans="1:4" ht="18" customHeight="1" x14ac:dyDescent="0.15">
      <c r="A99" s="8">
        <v>77</v>
      </c>
      <c r="B99" s="34">
        <v>5</v>
      </c>
      <c r="C99" s="13">
        <v>7</v>
      </c>
      <c r="D99" s="12">
        <v>12</v>
      </c>
    </row>
    <row r="100" spans="1:4" ht="18" customHeight="1" x14ac:dyDescent="0.15">
      <c r="A100" s="8">
        <v>78</v>
      </c>
      <c r="B100" s="34">
        <v>7</v>
      </c>
      <c r="C100" s="13">
        <v>6</v>
      </c>
      <c r="D100" s="12">
        <v>13</v>
      </c>
    </row>
    <row r="101" spans="1:4" ht="18" customHeight="1" x14ac:dyDescent="0.15">
      <c r="A101" s="8">
        <v>79</v>
      </c>
      <c r="B101" s="34">
        <v>7</v>
      </c>
      <c r="C101" s="13">
        <v>3</v>
      </c>
      <c r="D101" s="12">
        <v>10</v>
      </c>
    </row>
    <row r="102" spans="1:4" ht="18" customHeight="1" x14ac:dyDescent="0.15">
      <c r="A102" s="8" t="s">
        <v>243</v>
      </c>
      <c r="B102" s="34">
        <v>37</v>
      </c>
      <c r="C102" s="13">
        <v>33</v>
      </c>
      <c r="D102" s="12">
        <v>70</v>
      </c>
    </row>
    <row r="103" spans="1:4" ht="18" customHeight="1" x14ac:dyDescent="0.15">
      <c r="A103" s="8">
        <v>80</v>
      </c>
      <c r="B103" s="34">
        <v>6</v>
      </c>
      <c r="C103" s="13">
        <v>5</v>
      </c>
      <c r="D103" s="12">
        <v>11</v>
      </c>
    </row>
    <row r="104" spans="1:4" ht="18" customHeight="1" x14ac:dyDescent="0.15">
      <c r="A104" s="8">
        <v>81</v>
      </c>
      <c r="B104" s="34">
        <v>3</v>
      </c>
      <c r="C104" s="13">
        <v>5</v>
      </c>
      <c r="D104" s="12">
        <v>8</v>
      </c>
    </row>
    <row r="105" spans="1:4" ht="18" customHeight="1" x14ac:dyDescent="0.15">
      <c r="A105" s="8">
        <v>82</v>
      </c>
      <c r="B105" s="34">
        <v>4</v>
      </c>
      <c r="C105" s="13">
        <v>2</v>
      </c>
      <c r="D105" s="12">
        <v>6</v>
      </c>
    </row>
    <row r="106" spans="1:4" ht="18" customHeight="1" x14ac:dyDescent="0.15">
      <c r="A106" s="8">
        <v>83</v>
      </c>
      <c r="B106" s="34">
        <v>0</v>
      </c>
      <c r="C106" s="13">
        <v>5</v>
      </c>
      <c r="D106" s="12">
        <v>5</v>
      </c>
    </row>
    <row r="107" spans="1:4" ht="18" customHeight="1" x14ac:dyDescent="0.15">
      <c r="A107" s="8">
        <v>84</v>
      </c>
      <c r="B107" s="34">
        <v>3</v>
      </c>
      <c r="C107" s="13">
        <v>6</v>
      </c>
      <c r="D107" s="12">
        <v>9</v>
      </c>
    </row>
    <row r="108" spans="1:4" ht="18" customHeight="1" x14ac:dyDescent="0.15">
      <c r="A108" s="8" t="s">
        <v>275</v>
      </c>
      <c r="B108" s="34">
        <v>16</v>
      </c>
      <c r="C108" s="13">
        <v>23</v>
      </c>
      <c r="D108" s="12">
        <v>39</v>
      </c>
    </row>
    <row r="109" spans="1:4" ht="18" customHeight="1" x14ac:dyDescent="0.15">
      <c r="A109" s="8">
        <v>85</v>
      </c>
      <c r="B109" s="34">
        <v>0</v>
      </c>
      <c r="C109" s="13">
        <v>6</v>
      </c>
      <c r="D109" s="12">
        <v>6</v>
      </c>
    </row>
    <row r="110" spans="1:4" ht="18" customHeight="1" x14ac:dyDescent="0.15">
      <c r="A110" s="8">
        <v>86</v>
      </c>
      <c r="B110" s="34">
        <v>3</v>
      </c>
      <c r="C110" s="13">
        <v>9</v>
      </c>
      <c r="D110" s="12">
        <v>12</v>
      </c>
    </row>
    <row r="111" spans="1:4" ht="18" customHeight="1" x14ac:dyDescent="0.15">
      <c r="A111" s="8">
        <v>87</v>
      </c>
      <c r="B111" s="34">
        <v>3</v>
      </c>
      <c r="C111" s="13">
        <v>2</v>
      </c>
      <c r="D111" s="12">
        <v>5</v>
      </c>
    </row>
    <row r="112" spans="1:4" ht="18" customHeight="1" x14ac:dyDescent="0.15">
      <c r="A112" s="8">
        <v>88</v>
      </c>
      <c r="B112" s="34">
        <v>7</v>
      </c>
      <c r="C112" s="13">
        <v>6</v>
      </c>
      <c r="D112" s="12">
        <v>13</v>
      </c>
    </row>
    <row r="113" spans="1:4" ht="18" customHeight="1" x14ac:dyDescent="0.15">
      <c r="A113" s="8">
        <v>89</v>
      </c>
      <c r="B113" s="34">
        <v>1</v>
      </c>
      <c r="C113" s="13">
        <v>3</v>
      </c>
      <c r="D113" s="12">
        <v>4</v>
      </c>
    </row>
    <row r="114" spans="1:4" ht="18" customHeight="1" x14ac:dyDescent="0.15">
      <c r="A114" s="8" t="s">
        <v>303</v>
      </c>
      <c r="B114" s="34">
        <v>14</v>
      </c>
      <c r="C114" s="13">
        <v>26</v>
      </c>
      <c r="D114" s="12">
        <v>40</v>
      </c>
    </row>
    <row r="115" spans="1:4" ht="18" customHeight="1" x14ac:dyDescent="0.15">
      <c r="A115" s="8">
        <v>90</v>
      </c>
      <c r="B115" s="34">
        <v>2</v>
      </c>
      <c r="C115" s="13">
        <v>5</v>
      </c>
      <c r="D115" s="12">
        <v>7</v>
      </c>
    </row>
    <row r="116" spans="1:4" ht="18" customHeight="1" x14ac:dyDescent="0.15">
      <c r="A116" s="8">
        <v>91</v>
      </c>
      <c r="B116" s="34">
        <v>4</v>
      </c>
      <c r="C116" s="13">
        <v>8</v>
      </c>
      <c r="D116" s="12">
        <v>12</v>
      </c>
    </row>
    <row r="117" spans="1:4" ht="18" customHeight="1" x14ac:dyDescent="0.15">
      <c r="A117" s="8">
        <v>92</v>
      </c>
      <c r="B117" s="34">
        <v>2</v>
      </c>
      <c r="C117" s="13">
        <v>3</v>
      </c>
      <c r="D117" s="12">
        <v>5</v>
      </c>
    </row>
    <row r="118" spans="1:4" ht="18" customHeight="1" x14ac:dyDescent="0.15">
      <c r="A118" s="8">
        <v>93</v>
      </c>
      <c r="B118" s="34">
        <v>0</v>
      </c>
      <c r="C118" s="13">
        <v>4</v>
      </c>
      <c r="D118" s="12">
        <v>4</v>
      </c>
    </row>
    <row r="119" spans="1:4" ht="18" customHeight="1" x14ac:dyDescent="0.15">
      <c r="A119" s="8">
        <v>94</v>
      </c>
      <c r="B119" s="34">
        <v>1</v>
      </c>
      <c r="C119" s="13">
        <v>4</v>
      </c>
      <c r="D119" s="12">
        <v>5</v>
      </c>
    </row>
    <row r="120" spans="1:4" ht="18" customHeight="1" x14ac:dyDescent="0.15">
      <c r="A120" s="8" t="s">
        <v>302</v>
      </c>
      <c r="B120" s="34">
        <v>9</v>
      </c>
      <c r="C120" s="13">
        <v>24</v>
      </c>
      <c r="D120" s="12">
        <v>33</v>
      </c>
    </row>
    <row r="121" spans="1:4" ht="18" customHeight="1" x14ac:dyDescent="0.15">
      <c r="A121" s="8">
        <v>95</v>
      </c>
      <c r="B121" s="34">
        <v>0</v>
      </c>
      <c r="C121" s="13">
        <v>6</v>
      </c>
      <c r="D121" s="12">
        <v>6</v>
      </c>
    </row>
    <row r="122" spans="1:4" ht="18" customHeight="1" x14ac:dyDescent="0.15">
      <c r="A122" s="8">
        <v>96</v>
      </c>
      <c r="B122" s="34">
        <v>1</v>
      </c>
      <c r="C122" s="13">
        <v>1</v>
      </c>
      <c r="D122" s="12">
        <v>2</v>
      </c>
    </row>
    <row r="123" spans="1:4" ht="18" customHeight="1" x14ac:dyDescent="0.15">
      <c r="A123" s="8">
        <v>97</v>
      </c>
      <c r="B123" s="34">
        <v>0</v>
      </c>
      <c r="C123" s="13">
        <v>3</v>
      </c>
      <c r="D123" s="12">
        <v>3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239</v>
      </c>
      <c r="B126" s="34">
        <v>1</v>
      </c>
      <c r="C126" s="13">
        <v>10</v>
      </c>
      <c r="D126" s="12">
        <v>11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238</v>
      </c>
      <c r="B128" s="34">
        <v>0</v>
      </c>
      <c r="C128" s="13">
        <v>4</v>
      </c>
      <c r="D128" s="12">
        <v>4</v>
      </c>
    </row>
    <row r="129" spans="1:4" ht="18" customHeight="1" x14ac:dyDescent="0.15">
      <c r="A129" s="8" t="s">
        <v>175</v>
      </c>
      <c r="B129" s="34">
        <v>0</v>
      </c>
      <c r="C129" s="13">
        <v>5</v>
      </c>
      <c r="D129" s="12">
        <v>5</v>
      </c>
    </row>
    <row r="130" spans="1:4" ht="18" customHeight="1" x14ac:dyDescent="0.15">
      <c r="A130" s="8" t="s">
        <v>301</v>
      </c>
      <c r="B130" s="28">
        <v>158</v>
      </c>
      <c r="C130" s="6">
        <v>197</v>
      </c>
      <c r="D130" s="5">
        <v>355</v>
      </c>
    </row>
    <row r="131" spans="1:4" ht="18" customHeight="1" x14ac:dyDescent="0.15">
      <c r="A131" s="4" t="s">
        <v>0</v>
      </c>
      <c r="B131" s="27">
        <v>356</v>
      </c>
      <c r="C131" s="2">
        <v>396</v>
      </c>
      <c r="D131" s="1">
        <v>75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1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0</v>
      </c>
      <c r="D5" s="43">
        <v>0</v>
      </c>
    </row>
    <row r="6" spans="1:4" ht="18" customHeight="1" x14ac:dyDescent="0.15">
      <c r="A6" s="8">
        <v>1</v>
      </c>
      <c r="B6" s="39">
        <v>1</v>
      </c>
      <c r="C6" s="13">
        <v>1</v>
      </c>
      <c r="D6" s="12">
        <v>2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2</v>
      </c>
      <c r="D8" s="12">
        <v>2</v>
      </c>
    </row>
    <row r="9" spans="1:4" ht="18" customHeight="1" x14ac:dyDescent="0.15">
      <c r="A9" s="8">
        <v>4</v>
      </c>
      <c r="B9" s="42">
        <v>0</v>
      </c>
      <c r="C9" s="41">
        <v>0</v>
      </c>
      <c r="D9" s="40">
        <v>0</v>
      </c>
    </row>
    <row r="10" spans="1:4" ht="18" customHeight="1" x14ac:dyDescent="0.15">
      <c r="A10" s="8" t="s">
        <v>76</v>
      </c>
      <c r="B10" s="34">
        <v>1</v>
      </c>
      <c r="C10" s="13">
        <v>3</v>
      </c>
      <c r="D10" s="12">
        <v>4</v>
      </c>
    </row>
    <row r="11" spans="1:4" ht="18" customHeight="1" x14ac:dyDescent="0.15">
      <c r="A11" s="8">
        <v>5</v>
      </c>
      <c r="B11" s="39">
        <v>0</v>
      </c>
      <c r="C11" s="13">
        <v>2</v>
      </c>
      <c r="D11" s="12">
        <v>2</v>
      </c>
    </row>
    <row r="12" spans="1:4" ht="18" customHeight="1" x14ac:dyDescent="0.15">
      <c r="A12" s="8">
        <v>6</v>
      </c>
      <c r="B12" s="39">
        <v>0</v>
      </c>
      <c r="C12" s="13">
        <v>0</v>
      </c>
      <c r="D12" s="12">
        <v>0</v>
      </c>
    </row>
    <row r="13" spans="1:4" ht="18" customHeight="1" x14ac:dyDescent="0.15">
      <c r="A13" s="8">
        <v>7</v>
      </c>
      <c r="B13" s="39">
        <v>1</v>
      </c>
      <c r="C13" s="13">
        <v>0</v>
      </c>
      <c r="D13" s="12">
        <v>1</v>
      </c>
    </row>
    <row r="14" spans="1:4" ht="18" customHeight="1" x14ac:dyDescent="0.15">
      <c r="A14" s="8">
        <v>8</v>
      </c>
      <c r="B14" s="39">
        <v>0</v>
      </c>
      <c r="C14" s="13">
        <v>0</v>
      </c>
      <c r="D14" s="12">
        <v>0</v>
      </c>
    </row>
    <row r="15" spans="1:4" ht="18" customHeight="1" x14ac:dyDescent="0.15">
      <c r="A15" s="8">
        <v>9</v>
      </c>
      <c r="B15" s="39">
        <v>1</v>
      </c>
      <c r="C15" s="13">
        <v>0</v>
      </c>
      <c r="D15" s="12">
        <v>1</v>
      </c>
    </row>
    <row r="16" spans="1:4" ht="18" customHeight="1" x14ac:dyDescent="0.15">
      <c r="A16" s="8" t="s">
        <v>50</v>
      </c>
      <c r="B16" s="34">
        <v>2</v>
      </c>
      <c r="C16" s="13">
        <v>2</v>
      </c>
      <c r="D16" s="12">
        <v>4</v>
      </c>
    </row>
    <row r="17" spans="1:4" ht="18" customHeight="1" x14ac:dyDescent="0.15">
      <c r="A17" s="8">
        <v>10</v>
      </c>
      <c r="B17" s="34">
        <v>0</v>
      </c>
      <c r="C17" s="13">
        <v>0</v>
      </c>
      <c r="D17" s="12">
        <v>0</v>
      </c>
    </row>
    <row r="18" spans="1:4" ht="18" customHeight="1" x14ac:dyDescent="0.15">
      <c r="A18" s="8">
        <v>11</v>
      </c>
      <c r="B18" s="34">
        <v>0</v>
      </c>
      <c r="C18" s="13">
        <v>0</v>
      </c>
      <c r="D18" s="12">
        <v>0</v>
      </c>
    </row>
    <row r="19" spans="1:4" ht="18" customHeight="1" x14ac:dyDescent="0.15">
      <c r="A19" s="8">
        <v>12</v>
      </c>
      <c r="B19" s="34">
        <v>0</v>
      </c>
      <c r="C19" s="13">
        <v>0</v>
      </c>
      <c r="D19" s="12">
        <v>0</v>
      </c>
    </row>
    <row r="20" spans="1:4" ht="18" customHeight="1" x14ac:dyDescent="0.15">
      <c r="A20" s="8">
        <v>13</v>
      </c>
      <c r="B20" s="34">
        <v>2</v>
      </c>
      <c r="C20" s="13">
        <v>1</v>
      </c>
      <c r="D20" s="12">
        <v>3</v>
      </c>
    </row>
    <row r="21" spans="1:4" ht="18" customHeight="1" x14ac:dyDescent="0.15">
      <c r="A21" s="8">
        <v>14</v>
      </c>
      <c r="B21" s="34">
        <v>1</v>
      </c>
      <c r="C21" s="13">
        <v>0</v>
      </c>
      <c r="D21" s="12">
        <v>1</v>
      </c>
    </row>
    <row r="22" spans="1:4" ht="18" customHeight="1" x14ac:dyDescent="0.15">
      <c r="A22" s="8" t="s">
        <v>75</v>
      </c>
      <c r="B22" s="34">
        <v>3</v>
      </c>
      <c r="C22" s="13">
        <v>1</v>
      </c>
      <c r="D22" s="12">
        <v>4</v>
      </c>
    </row>
    <row r="23" spans="1:4" ht="18" customHeight="1" x14ac:dyDescent="0.15">
      <c r="A23" s="8" t="s">
        <v>65</v>
      </c>
      <c r="B23" s="34">
        <v>6</v>
      </c>
      <c r="C23" s="13">
        <v>6</v>
      </c>
      <c r="D23" s="12">
        <v>12</v>
      </c>
    </row>
    <row r="24" spans="1:4" ht="18" customHeight="1" x14ac:dyDescent="0.15">
      <c r="A24" s="8">
        <v>15</v>
      </c>
      <c r="B24" s="34">
        <v>1</v>
      </c>
      <c r="C24" s="13">
        <v>2</v>
      </c>
      <c r="D24" s="12">
        <v>3</v>
      </c>
    </row>
    <row r="25" spans="1:4" ht="18" customHeight="1" x14ac:dyDescent="0.15">
      <c r="A25" s="8">
        <v>16</v>
      </c>
      <c r="B25" s="34">
        <v>0</v>
      </c>
      <c r="C25" s="13">
        <v>1</v>
      </c>
      <c r="D25" s="12">
        <v>1</v>
      </c>
    </row>
    <row r="26" spans="1:4" ht="18" customHeight="1" x14ac:dyDescent="0.15">
      <c r="A26" s="8">
        <v>17</v>
      </c>
      <c r="B26" s="34">
        <v>1</v>
      </c>
      <c r="C26" s="13">
        <v>1</v>
      </c>
      <c r="D26" s="12">
        <v>2</v>
      </c>
    </row>
    <row r="27" spans="1:4" ht="18" customHeight="1" x14ac:dyDescent="0.15">
      <c r="A27" s="8">
        <v>18</v>
      </c>
      <c r="B27" s="34">
        <v>1</v>
      </c>
      <c r="C27" s="13">
        <v>1</v>
      </c>
      <c r="D27" s="12">
        <v>2</v>
      </c>
    </row>
    <row r="28" spans="1:4" ht="18" customHeight="1" x14ac:dyDescent="0.15">
      <c r="A28" s="8">
        <v>19</v>
      </c>
      <c r="B28" s="34">
        <v>2</v>
      </c>
      <c r="C28" s="13">
        <v>2</v>
      </c>
      <c r="D28" s="12">
        <v>4</v>
      </c>
    </row>
    <row r="29" spans="1:4" ht="18" customHeight="1" x14ac:dyDescent="0.15">
      <c r="A29" s="8" t="s">
        <v>48</v>
      </c>
      <c r="B29" s="34">
        <v>5</v>
      </c>
      <c r="C29" s="13">
        <v>7</v>
      </c>
      <c r="D29" s="12">
        <v>12</v>
      </c>
    </row>
    <row r="30" spans="1:4" ht="18" customHeight="1" x14ac:dyDescent="0.15">
      <c r="A30" s="8">
        <v>20</v>
      </c>
      <c r="B30" s="34">
        <v>1</v>
      </c>
      <c r="C30" s="13">
        <v>1</v>
      </c>
      <c r="D30" s="12">
        <v>2</v>
      </c>
    </row>
    <row r="31" spans="1:4" ht="18" customHeight="1" x14ac:dyDescent="0.15">
      <c r="A31" s="8">
        <v>21</v>
      </c>
      <c r="B31" s="34">
        <v>2</v>
      </c>
      <c r="C31" s="13">
        <v>2</v>
      </c>
      <c r="D31" s="12">
        <v>4</v>
      </c>
    </row>
    <row r="32" spans="1:4" ht="18" customHeight="1" x14ac:dyDescent="0.15">
      <c r="A32" s="8">
        <v>22</v>
      </c>
      <c r="B32" s="34">
        <v>2</v>
      </c>
      <c r="C32" s="13">
        <v>1</v>
      </c>
      <c r="D32" s="12">
        <v>3</v>
      </c>
    </row>
    <row r="33" spans="1:4" ht="18" customHeight="1" x14ac:dyDescent="0.15">
      <c r="A33" s="8">
        <v>23</v>
      </c>
      <c r="B33" s="34">
        <v>0</v>
      </c>
      <c r="C33" s="13">
        <v>2</v>
      </c>
      <c r="D33" s="12">
        <v>2</v>
      </c>
    </row>
    <row r="34" spans="1:4" ht="18" customHeight="1" x14ac:dyDescent="0.15">
      <c r="A34" s="8">
        <v>24</v>
      </c>
      <c r="B34" s="34">
        <v>4</v>
      </c>
      <c r="C34" s="13">
        <v>2</v>
      </c>
      <c r="D34" s="12">
        <v>6</v>
      </c>
    </row>
    <row r="35" spans="1:4" ht="18" customHeight="1" x14ac:dyDescent="0.15">
      <c r="A35" s="8" t="s">
        <v>74</v>
      </c>
      <c r="B35" s="34">
        <v>9</v>
      </c>
      <c r="C35" s="13">
        <v>8</v>
      </c>
      <c r="D35" s="12">
        <v>17</v>
      </c>
    </row>
    <row r="36" spans="1:4" ht="18" customHeight="1" x14ac:dyDescent="0.15">
      <c r="A36" s="8">
        <v>25</v>
      </c>
      <c r="B36" s="34">
        <v>3</v>
      </c>
      <c r="C36" s="13">
        <v>0</v>
      </c>
      <c r="D36" s="12">
        <v>3</v>
      </c>
    </row>
    <row r="37" spans="1:4" ht="18" customHeight="1" x14ac:dyDescent="0.15">
      <c r="A37" s="8">
        <v>26</v>
      </c>
      <c r="B37" s="34">
        <v>1</v>
      </c>
      <c r="C37" s="13">
        <v>2</v>
      </c>
      <c r="D37" s="12">
        <v>3</v>
      </c>
    </row>
    <row r="38" spans="1:4" ht="18" customHeight="1" x14ac:dyDescent="0.15">
      <c r="A38" s="8">
        <v>27</v>
      </c>
      <c r="B38" s="34">
        <v>2</v>
      </c>
      <c r="C38" s="13">
        <v>1</v>
      </c>
      <c r="D38" s="12">
        <v>3</v>
      </c>
    </row>
    <row r="39" spans="1:4" ht="18" customHeight="1" x14ac:dyDescent="0.15">
      <c r="A39" s="8">
        <v>28</v>
      </c>
      <c r="B39" s="34">
        <v>2</v>
      </c>
      <c r="C39" s="13">
        <v>1</v>
      </c>
      <c r="D39" s="12">
        <v>3</v>
      </c>
    </row>
    <row r="40" spans="1:4" ht="18" customHeight="1" x14ac:dyDescent="0.15">
      <c r="A40" s="8">
        <v>29</v>
      </c>
      <c r="B40" s="34">
        <v>2</v>
      </c>
      <c r="C40" s="13">
        <v>2</v>
      </c>
      <c r="D40" s="12">
        <v>4</v>
      </c>
    </row>
    <row r="41" spans="1:4" ht="18" customHeight="1" x14ac:dyDescent="0.15">
      <c r="A41" s="8" t="s">
        <v>73</v>
      </c>
      <c r="B41" s="34">
        <v>10</v>
      </c>
      <c r="C41" s="13">
        <v>6</v>
      </c>
      <c r="D41" s="12">
        <v>16</v>
      </c>
    </row>
    <row r="42" spans="1:4" ht="18" customHeight="1" x14ac:dyDescent="0.15">
      <c r="A42" s="8">
        <v>30</v>
      </c>
      <c r="B42" s="34">
        <v>1</v>
      </c>
      <c r="C42" s="13">
        <v>0</v>
      </c>
      <c r="D42" s="12">
        <v>1</v>
      </c>
    </row>
    <row r="43" spans="1:4" ht="18" customHeight="1" x14ac:dyDescent="0.15">
      <c r="A43" s="8">
        <v>31</v>
      </c>
      <c r="B43" s="34">
        <v>3</v>
      </c>
      <c r="C43" s="13">
        <v>1</v>
      </c>
      <c r="D43" s="12">
        <v>4</v>
      </c>
    </row>
    <row r="44" spans="1:4" ht="18" customHeight="1" x14ac:dyDescent="0.15">
      <c r="A44" s="8">
        <v>32</v>
      </c>
      <c r="B44" s="34">
        <v>1</v>
      </c>
      <c r="C44" s="13">
        <v>2</v>
      </c>
      <c r="D44" s="12">
        <v>3</v>
      </c>
    </row>
    <row r="45" spans="1:4" ht="18" customHeight="1" x14ac:dyDescent="0.15">
      <c r="A45" s="8">
        <v>33</v>
      </c>
      <c r="B45" s="34">
        <v>3</v>
      </c>
      <c r="C45" s="13">
        <v>1</v>
      </c>
      <c r="D45" s="12">
        <v>4</v>
      </c>
    </row>
    <row r="46" spans="1:4" ht="18" customHeight="1" x14ac:dyDescent="0.15">
      <c r="A46" s="8">
        <v>34</v>
      </c>
      <c r="B46" s="34">
        <v>1</v>
      </c>
      <c r="C46" s="13">
        <v>4</v>
      </c>
      <c r="D46" s="12">
        <v>5</v>
      </c>
    </row>
    <row r="47" spans="1:4" ht="18" customHeight="1" x14ac:dyDescent="0.15">
      <c r="A47" s="8" t="s">
        <v>61</v>
      </c>
      <c r="B47" s="34">
        <v>9</v>
      </c>
      <c r="C47" s="13">
        <v>8</v>
      </c>
      <c r="D47" s="12">
        <v>17</v>
      </c>
    </row>
    <row r="48" spans="1:4" ht="18" customHeight="1" x14ac:dyDescent="0.15">
      <c r="A48" s="8">
        <v>35</v>
      </c>
      <c r="B48" s="34">
        <v>2</v>
      </c>
      <c r="C48" s="13">
        <v>0</v>
      </c>
      <c r="D48" s="12">
        <v>2</v>
      </c>
    </row>
    <row r="49" spans="1:4" ht="18" customHeight="1" x14ac:dyDescent="0.15">
      <c r="A49" s="8">
        <v>36</v>
      </c>
      <c r="B49" s="34">
        <v>3</v>
      </c>
      <c r="C49" s="13">
        <v>2</v>
      </c>
      <c r="D49" s="12">
        <v>5</v>
      </c>
    </row>
    <row r="50" spans="1:4" ht="18" customHeight="1" x14ac:dyDescent="0.15">
      <c r="A50" s="8">
        <v>37</v>
      </c>
      <c r="B50" s="34">
        <v>2</v>
      </c>
      <c r="C50" s="13">
        <v>0</v>
      </c>
      <c r="D50" s="12">
        <v>2</v>
      </c>
    </row>
    <row r="51" spans="1:4" ht="18" customHeight="1" x14ac:dyDescent="0.15">
      <c r="A51" s="8">
        <v>38</v>
      </c>
      <c r="B51" s="34">
        <v>1</v>
      </c>
      <c r="C51" s="13">
        <v>2</v>
      </c>
      <c r="D51" s="12">
        <v>3</v>
      </c>
    </row>
    <row r="52" spans="1:4" ht="18" customHeight="1" x14ac:dyDescent="0.15">
      <c r="A52" s="8">
        <v>39</v>
      </c>
      <c r="B52" s="34">
        <v>1</v>
      </c>
      <c r="C52" s="13">
        <v>0</v>
      </c>
      <c r="D52" s="12">
        <v>1</v>
      </c>
    </row>
    <row r="53" spans="1:4" ht="18" customHeight="1" x14ac:dyDescent="0.15">
      <c r="A53" s="8" t="s">
        <v>72</v>
      </c>
      <c r="B53" s="34">
        <v>9</v>
      </c>
      <c r="C53" s="13">
        <v>4</v>
      </c>
      <c r="D53" s="12">
        <v>13</v>
      </c>
    </row>
    <row r="54" spans="1:4" ht="18" customHeight="1" x14ac:dyDescent="0.15">
      <c r="A54" s="8">
        <v>40</v>
      </c>
      <c r="B54" s="34">
        <v>1</v>
      </c>
      <c r="C54" s="13">
        <v>2</v>
      </c>
      <c r="D54" s="12">
        <v>3</v>
      </c>
    </row>
    <row r="55" spans="1:4" ht="18" customHeight="1" x14ac:dyDescent="0.15">
      <c r="A55" s="8">
        <v>41</v>
      </c>
      <c r="B55" s="34">
        <v>0</v>
      </c>
      <c r="C55" s="13">
        <v>0</v>
      </c>
      <c r="D55" s="12">
        <v>0</v>
      </c>
    </row>
    <row r="56" spans="1:4" ht="18" customHeight="1" x14ac:dyDescent="0.15">
      <c r="A56" s="8">
        <v>42</v>
      </c>
      <c r="B56" s="34">
        <v>2</v>
      </c>
      <c r="C56" s="13">
        <v>1</v>
      </c>
      <c r="D56" s="12">
        <v>3</v>
      </c>
    </row>
    <row r="57" spans="1:4" ht="18" customHeight="1" x14ac:dyDescent="0.15">
      <c r="A57" s="8">
        <v>43</v>
      </c>
      <c r="B57" s="34">
        <v>1</v>
      </c>
      <c r="C57" s="13">
        <v>3</v>
      </c>
      <c r="D57" s="12">
        <v>4</v>
      </c>
    </row>
    <row r="58" spans="1:4" ht="18" customHeight="1" x14ac:dyDescent="0.15">
      <c r="A58" s="8">
        <v>44</v>
      </c>
      <c r="B58" s="34">
        <v>0</v>
      </c>
      <c r="C58" s="13">
        <v>2</v>
      </c>
      <c r="D58" s="12">
        <v>2</v>
      </c>
    </row>
    <row r="59" spans="1:4" ht="18" customHeight="1" x14ac:dyDescent="0.15">
      <c r="A59" s="8" t="s">
        <v>46</v>
      </c>
      <c r="B59" s="34">
        <v>4</v>
      </c>
      <c r="C59" s="13">
        <v>8</v>
      </c>
      <c r="D59" s="12">
        <v>12</v>
      </c>
    </row>
    <row r="60" spans="1:4" ht="18" customHeight="1" x14ac:dyDescent="0.15">
      <c r="A60" s="8">
        <v>45</v>
      </c>
      <c r="B60" s="34">
        <v>1</v>
      </c>
      <c r="C60" s="13">
        <v>1</v>
      </c>
      <c r="D60" s="12">
        <v>2</v>
      </c>
    </row>
    <row r="61" spans="1:4" ht="18" customHeight="1" x14ac:dyDescent="0.15">
      <c r="A61" s="8">
        <v>46</v>
      </c>
      <c r="B61" s="34">
        <v>1</v>
      </c>
      <c r="C61" s="13">
        <v>1</v>
      </c>
      <c r="D61" s="12">
        <v>2</v>
      </c>
    </row>
    <row r="62" spans="1:4" ht="18" customHeight="1" x14ac:dyDescent="0.15">
      <c r="A62" s="8">
        <v>47</v>
      </c>
      <c r="B62" s="34">
        <v>1</v>
      </c>
      <c r="C62" s="13">
        <v>2</v>
      </c>
      <c r="D62" s="12">
        <v>3</v>
      </c>
    </row>
    <row r="63" spans="1:4" ht="18" customHeight="1" x14ac:dyDescent="0.15">
      <c r="A63" s="8">
        <v>48</v>
      </c>
      <c r="B63" s="34">
        <v>5</v>
      </c>
      <c r="C63" s="13">
        <v>3</v>
      </c>
      <c r="D63" s="12">
        <v>8</v>
      </c>
    </row>
    <row r="64" spans="1:4" ht="18" customHeight="1" x14ac:dyDescent="0.15">
      <c r="A64" s="8">
        <v>49</v>
      </c>
      <c r="B64" s="34">
        <v>1</v>
      </c>
      <c r="C64" s="13">
        <v>0</v>
      </c>
      <c r="D64" s="12">
        <v>1</v>
      </c>
    </row>
    <row r="65" spans="1:4" ht="18" customHeight="1" x14ac:dyDescent="0.15">
      <c r="A65" s="8" t="s">
        <v>45</v>
      </c>
      <c r="B65" s="34">
        <v>9</v>
      </c>
      <c r="C65" s="13">
        <v>7</v>
      </c>
      <c r="D65" s="12">
        <v>16</v>
      </c>
    </row>
    <row r="66" spans="1:4" ht="18" customHeight="1" x14ac:dyDescent="0.15">
      <c r="A66" s="8">
        <v>50</v>
      </c>
      <c r="B66" s="34">
        <v>2</v>
      </c>
      <c r="C66" s="13">
        <v>2</v>
      </c>
      <c r="D66" s="12">
        <v>4</v>
      </c>
    </row>
    <row r="67" spans="1:4" ht="18" customHeight="1" x14ac:dyDescent="0.15">
      <c r="A67" s="8">
        <v>51</v>
      </c>
      <c r="B67" s="34">
        <v>1</v>
      </c>
      <c r="C67" s="13">
        <v>3</v>
      </c>
      <c r="D67" s="12">
        <v>4</v>
      </c>
    </row>
    <row r="68" spans="1:4" ht="18" customHeight="1" x14ac:dyDescent="0.15">
      <c r="A68" s="8">
        <v>52</v>
      </c>
      <c r="B68" s="34">
        <v>1</v>
      </c>
      <c r="C68" s="13">
        <v>0</v>
      </c>
      <c r="D68" s="12">
        <v>1</v>
      </c>
    </row>
    <row r="69" spans="1:4" ht="18" customHeight="1" x14ac:dyDescent="0.15">
      <c r="A69" s="8">
        <v>53</v>
      </c>
      <c r="B69" s="34">
        <v>3</v>
      </c>
      <c r="C69" s="13">
        <v>0</v>
      </c>
      <c r="D69" s="12">
        <v>3</v>
      </c>
    </row>
    <row r="70" spans="1:4" ht="18" customHeight="1" x14ac:dyDescent="0.15">
      <c r="A70" s="8">
        <v>54</v>
      </c>
      <c r="B70" s="34">
        <v>3</v>
      </c>
      <c r="C70" s="13">
        <v>3</v>
      </c>
      <c r="D70" s="12">
        <v>6</v>
      </c>
    </row>
    <row r="71" spans="1:4" ht="18" customHeight="1" x14ac:dyDescent="0.15">
      <c r="A71" s="8" t="s">
        <v>58</v>
      </c>
      <c r="B71" s="34">
        <v>10</v>
      </c>
      <c r="C71" s="13">
        <v>8</v>
      </c>
      <c r="D71" s="12">
        <v>18</v>
      </c>
    </row>
    <row r="72" spans="1:4" ht="18" customHeight="1" x14ac:dyDescent="0.15">
      <c r="A72" s="8">
        <v>55</v>
      </c>
      <c r="B72" s="34">
        <v>4</v>
      </c>
      <c r="C72" s="13">
        <v>4</v>
      </c>
      <c r="D72" s="12">
        <v>8</v>
      </c>
    </row>
    <row r="73" spans="1:4" ht="18" customHeight="1" x14ac:dyDescent="0.15">
      <c r="A73" s="8">
        <v>56</v>
      </c>
      <c r="B73" s="34">
        <v>3</v>
      </c>
      <c r="C73" s="13">
        <v>5</v>
      </c>
      <c r="D73" s="12">
        <v>8</v>
      </c>
    </row>
    <row r="74" spans="1:4" ht="18" customHeight="1" x14ac:dyDescent="0.15">
      <c r="A74" s="8">
        <v>57</v>
      </c>
      <c r="B74" s="34">
        <v>1</v>
      </c>
      <c r="C74" s="13">
        <v>3</v>
      </c>
      <c r="D74" s="12">
        <v>4</v>
      </c>
    </row>
    <row r="75" spans="1:4" ht="18" customHeight="1" x14ac:dyDescent="0.15">
      <c r="A75" s="8">
        <v>58</v>
      </c>
      <c r="B75" s="34">
        <v>6</v>
      </c>
      <c r="C75" s="13">
        <v>5</v>
      </c>
      <c r="D75" s="12">
        <v>11</v>
      </c>
    </row>
    <row r="76" spans="1:4" ht="18" customHeight="1" x14ac:dyDescent="0.15">
      <c r="A76" s="8">
        <v>59</v>
      </c>
      <c r="B76" s="34">
        <v>3</v>
      </c>
      <c r="C76" s="13">
        <v>0</v>
      </c>
      <c r="D76" s="12">
        <v>3</v>
      </c>
    </row>
    <row r="77" spans="1:4" ht="18" customHeight="1" x14ac:dyDescent="0.15">
      <c r="A77" s="8" t="s">
        <v>71</v>
      </c>
      <c r="B77" s="34">
        <v>17</v>
      </c>
      <c r="C77" s="13">
        <v>17</v>
      </c>
      <c r="D77" s="12">
        <v>34</v>
      </c>
    </row>
    <row r="78" spans="1:4" ht="18" customHeight="1" x14ac:dyDescent="0.15">
      <c r="A78" s="8">
        <v>60</v>
      </c>
      <c r="B78" s="34">
        <v>0</v>
      </c>
      <c r="C78" s="13">
        <v>5</v>
      </c>
      <c r="D78" s="12">
        <v>5</v>
      </c>
    </row>
    <row r="79" spans="1:4" ht="18" customHeight="1" x14ac:dyDescent="0.15">
      <c r="A79" s="8">
        <v>61</v>
      </c>
      <c r="B79" s="34">
        <v>0</v>
      </c>
      <c r="C79" s="13">
        <v>3</v>
      </c>
      <c r="D79" s="12">
        <v>3</v>
      </c>
    </row>
    <row r="80" spans="1:4" ht="18" customHeight="1" x14ac:dyDescent="0.15">
      <c r="A80" s="8">
        <v>62</v>
      </c>
      <c r="B80" s="34">
        <v>2</v>
      </c>
      <c r="C80" s="13">
        <v>5</v>
      </c>
      <c r="D80" s="12">
        <v>7</v>
      </c>
    </row>
    <row r="81" spans="1:4" ht="18" customHeight="1" x14ac:dyDescent="0.15">
      <c r="A81" s="8">
        <v>63</v>
      </c>
      <c r="B81" s="34">
        <v>4</v>
      </c>
      <c r="C81" s="13">
        <v>2</v>
      </c>
      <c r="D81" s="12">
        <v>6</v>
      </c>
    </row>
    <row r="82" spans="1:4" ht="18" customHeight="1" x14ac:dyDescent="0.15">
      <c r="A82" s="8">
        <v>64</v>
      </c>
      <c r="B82" s="34">
        <v>3</v>
      </c>
      <c r="C82" s="13">
        <v>1</v>
      </c>
      <c r="D82" s="12">
        <v>4</v>
      </c>
    </row>
    <row r="83" spans="1:4" ht="18" customHeight="1" x14ac:dyDescent="0.15">
      <c r="A83" s="8" t="s">
        <v>44</v>
      </c>
      <c r="B83" s="34">
        <v>9</v>
      </c>
      <c r="C83" s="13">
        <v>16</v>
      </c>
      <c r="D83" s="12">
        <v>25</v>
      </c>
    </row>
    <row r="84" spans="1:4" ht="18" customHeight="1" x14ac:dyDescent="0.15">
      <c r="A84" s="8" t="s">
        <v>43</v>
      </c>
      <c r="B84" s="34">
        <v>91</v>
      </c>
      <c r="C84" s="13">
        <v>89</v>
      </c>
      <c r="D84" s="12">
        <v>180</v>
      </c>
    </row>
    <row r="85" spans="1:4" ht="18" customHeight="1" x14ac:dyDescent="0.15">
      <c r="A85" s="8">
        <v>65</v>
      </c>
      <c r="B85" s="34">
        <v>5</v>
      </c>
      <c r="C85" s="13">
        <v>1</v>
      </c>
      <c r="D85" s="12">
        <v>6</v>
      </c>
    </row>
    <row r="86" spans="1:4" ht="18" customHeight="1" x14ac:dyDescent="0.15">
      <c r="A86" s="8">
        <v>66</v>
      </c>
      <c r="B86" s="34">
        <v>2</v>
      </c>
      <c r="C86" s="13">
        <v>3</v>
      </c>
      <c r="D86" s="12">
        <v>5</v>
      </c>
    </row>
    <row r="87" spans="1:4" ht="18" customHeight="1" x14ac:dyDescent="0.15">
      <c r="A87" s="8">
        <v>67</v>
      </c>
      <c r="B87" s="34">
        <v>3</v>
      </c>
      <c r="C87" s="13">
        <v>4</v>
      </c>
      <c r="D87" s="12">
        <v>7</v>
      </c>
    </row>
    <row r="88" spans="1:4" ht="18" customHeight="1" x14ac:dyDescent="0.15">
      <c r="A88" s="8">
        <v>68</v>
      </c>
      <c r="B88" s="34">
        <v>4</v>
      </c>
      <c r="C88" s="13">
        <v>2</v>
      </c>
      <c r="D88" s="12">
        <v>6</v>
      </c>
    </row>
    <row r="89" spans="1:4" ht="18" customHeight="1" x14ac:dyDescent="0.15">
      <c r="A89" s="8">
        <v>69</v>
      </c>
      <c r="B89" s="34">
        <v>4</v>
      </c>
      <c r="C89" s="13">
        <v>6</v>
      </c>
      <c r="D89" s="12">
        <v>10</v>
      </c>
    </row>
    <row r="90" spans="1:4" ht="18" customHeight="1" x14ac:dyDescent="0.15">
      <c r="A90" s="8" t="s">
        <v>42</v>
      </c>
      <c r="B90" s="34">
        <v>18</v>
      </c>
      <c r="C90" s="13">
        <v>16</v>
      </c>
      <c r="D90" s="12">
        <v>34</v>
      </c>
    </row>
    <row r="91" spans="1:4" ht="18" customHeight="1" x14ac:dyDescent="0.15">
      <c r="A91" s="8">
        <v>70</v>
      </c>
      <c r="B91" s="34">
        <v>2</v>
      </c>
      <c r="C91" s="13">
        <v>4</v>
      </c>
      <c r="D91" s="12">
        <v>6</v>
      </c>
    </row>
    <row r="92" spans="1:4" ht="18" customHeight="1" x14ac:dyDescent="0.15">
      <c r="A92" s="8">
        <v>71</v>
      </c>
      <c r="B92" s="34">
        <v>7</v>
      </c>
      <c r="C92" s="13">
        <v>4</v>
      </c>
      <c r="D92" s="12">
        <v>11</v>
      </c>
    </row>
    <row r="93" spans="1:4" ht="18" customHeight="1" x14ac:dyDescent="0.15">
      <c r="A93" s="8">
        <v>72</v>
      </c>
      <c r="B93" s="34">
        <v>4</v>
      </c>
      <c r="C93" s="13">
        <v>6</v>
      </c>
      <c r="D93" s="12">
        <v>10</v>
      </c>
    </row>
    <row r="94" spans="1:4" ht="18" customHeight="1" x14ac:dyDescent="0.15">
      <c r="A94" s="8">
        <v>73</v>
      </c>
      <c r="B94" s="34">
        <v>6</v>
      </c>
      <c r="C94" s="13">
        <v>5</v>
      </c>
      <c r="D94" s="12">
        <v>11</v>
      </c>
    </row>
    <row r="95" spans="1:4" ht="18" customHeight="1" x14ac:dyDescent="0.15">
      <c r="A95" s="8">
        <v>74</v>
      </c>
      <c r="B95" s="34">
        <v>7</v>
      </c>
      <c r="C95" s="13">
        <v>3</v>
      </c>
      <c r="D95" s="12">
        <v>10</v>
      </c>
    </row>
    <row r="96" spans="1:4" ht="18" customHeight="1" x14ac:dyDescent="0.15">
      <c r="A96" s="8" t="s">
        <v>41</v>
      </c>
      <c r="B96" s="34">
        <v>26</v>
      </c>
      <c r="C96" s="13">
        <v>22</v>
      </c>
      <c r="D96" s="12">
        <v>48</v>
      </c>
    </row>
    <row r="97" spans="1:4" ht="18" customHeight="1" x14ac:dyDescent="0.15">
      <c r="A97" s="8">
        <v>75</v>
      </c>
      <c r="B97" s="34">
        <v>5</v>
      </c>
      <c r="C97" s="13">
        <v>4</v>
      </c>
      <c r="D97" s="12">
        <v>9</v>
      </c>
    </row>
    <row r="98" spans="1:4" ht="18" customHeight="1" x14ac:dyDescent="0.15">
      <c r="A98" s="8">
        <v>76</v>
      </c>
      <c r="B98" s="34">
        <v>2</v>
      </c>
      <c r="C98" s="13">
        <v>3</v>
      </c>
      <c r="D98" s="12">
        <v>5</v>
      </c>
    </row>
    <row r="99" spans="1:4" ht="18" customHeight="1" x14ac:dyDescent="0.15">
      <c r="A99" s="8">
        <v>77</v>
      </c>
      <c r="B99" s="34">
        <v>0</v>
      </c>
      <c r="C99" s="13">
        <v>3</v>
      </c>
      <c r="D99" s="12">
        <v>3</v>
      </c>
    </row>
    <row r="100" spans="1:4" ht="18" customHeight="1" x14ac:dyDescent="0.15">
      <c r="A100" s="8">
        <v>78</v>
      </c>
      <c r="B100" s="34">
        <v>0</v>
      </c>
      <c r="C100" s="13">
        <v>6</v>
      </c>
      <c r="D100" s="12">
        <v>6</v>
      </c>
    </row>
    <row r="101" spans="1:4" ht="18" customHeight="1" x14ac:dyDescent="0.15">
      <c r="A101" s="8">
        <v>79</v>
      </c>
      <c r="B101" s="34">
        <v>0</v>
      </c>
      <c r="C101" s="13">
        <v>3</v>
      </c>
      <c r="D101" s="12">
        <v>3</v>
      </c>
    </row>
    <row r="102" spans="1:4" ht="18" customHeight="1" x14ac:dyDescent="0.15">
      <c r="A102" s="8" t="s">
        <v>70</v>
      </c>
      <c r="B102" s="34">
        <v>7</v>
      </c>
      <c r="C102" s="13">
        <v>19</v>
      </c>
      <c r="D102" s="12">
        <v>26</v>
      </c>
    </row>
    <row r="103" spans="1:4" ht="18" customHeight="1" x14ac:dyDescent="0.15">
      <c r="A103" s="8">
        <v>80</v>
      </c>
      <c r="B103" s="34">
        <v>4</v>
      </c>
      <c r="C103" s="13">
        <v>2</v>
      </c>
      <c r="D103" s="12">
        <v>6</v>
      </c>
    </row>
    <row r="104" spans="1:4" ht="18" customHeight="1" x14ac:dyDescent="0.15">
      <c r="A104" s="8">
        <v>81</v>
      </c>
      <c r="B104" s="34">
        <v>1</v>
      </c>
      <c r="C104" s="13">
        <v>0</v>
      </c>
      <c r="D104" s="12">
        <v>1</v>
      </c>
    </row>
    <row r="105" spans="1:4" ht="18" customHeight="1" x14ac:dyDescent="0.15">
      <c r="A105" s="8">
        <v>82</v>
      </c>
      <c r="B105" s="34">
        <v>1</v>
      </c>
      <c r="C105" s="13">
        <v>2</v>
      </c>
      <c r="D105" s="12">
        <v>3</v>
      </c>
    </row>
    <row r="106" spans="1:4" ht="18" customHeight="1" x14ac:dyDescent="0.15">
      <c r="A106" s="8">
        <v>83</v>
      </c>
      <c r="B106" s="34">
        <v>1</v>
      </c>
      <c r="C106" s="13">
        <v>5</v>
      </c>
      <c r="D106" s="12">
        <v>6</v>
      </c>
    </row>
    <row r="107" spans="1:4" ht="18" customHeight="1" x14ac:dyDescent="0.15">
      <c r="A107" s="8">
        <v>84</v>
      </c>
      <c r="B107" s="34">
        <v>3</v>
      </c>
      <c r="C107" s="13">
        <v>8</v>
      </c>
      <c r="D107" s="12">
        <v>11</v>
      </c>
    </row>
    <row r="108" spans="1:4" ht="18" customHeight="1" x14ac:dyDescent="0.15">
      <c r="A108" s="8" t="s">
        <v>39</v>
      </c>
      <c r="B108" s="34">
        <v>10</v>
      </c>
      <c r="C108" s="13">
        <v>17</v>
      </c>
      <c r="D108" s="12">
        <v>27</v>
      </c>
    </row>
    <row r="109" spans="1:4" ht="18" customHeight="1" x14ac:dyDescent="0.15">
      <c r="A109" s="8">
        <v>85</v>
      </c>
      <c r="B109" s="34">
        <v>3</v>
      </c>
      <c r="C109" s="13">
        <v>2</v>
      </c>
      <c r="D109" s="12">
        <v>5</v>
      </c>
    </row>
    <row r="110" spans="1:4" ht="18" customHeight="1" x14ac:dyDescent="0.15">
      <c r="A110" s="8">
        <v>86</v>
      </c>
      <c r="B110" s="34">
        <v>3</v>
      </c>
      <c r="C110" s="13">
        <v>4</v>
      </c>
      <c r="D110" s="12">
        <v>7</v>
      </c>
    </row>
    <row r="111" spans="1:4" ht="18" customHeight="1" x14ac:dyDescent="0.15">
      <c r="A111" s="8">
        <v>87</v>
      </c>
      <c r="B111" s="34">
        <v>0</v>
      </c>
      <c r="C111" s="13">
        <v>5</v>
      </c>
      <c r="D111" s="12">
        <v>5</v>
      </c>
    </row>
    <row r="112" spans="1:4" ht="18" customHeight="1" x14ac:dyDescent="0.15">
      <c r="A112" s="8">
        <v>88</v>
      </c>
      <c r="B112" s="34">
        <v>2</v>
      </c>
      <c r="C112" s="13">
        <v>3</v>
      </c>
      <c r="D112" s="12">
        <v>5</v>
      </c>
    </row>
    <row r="113" spans="1:4" ht="18" customHeight="1" x14ac:dyDescent="0.15">
      <c r="A113" s="8">
        <v>89</v>
      </c>
      <c r="B113" s="34">
        <v>0</v>
      </c>
      <c r="C113" s="13">
        <v>3</v>
      </c>
      <c r="D113" s="12">
        <v>3</v>
      </c>
    </row>
    <row r="114" spans="1:4" ht="18" customHeight="1" x14ac:dyDescent="0.15">
      <c r="A114" s="8" t="s">
        <v>38</v>
      </c>
      <c r="B114" s="34">
        <v>8</v>
      </c>
      <c r="C114" s="13">
        <v>17</v>
      </c>
      <c r="D114" s="12">
        <v>25</v>
      </c>
    </row>
    <row r="115" spans="1:4" ht="18" customHeight="1" x14ac:dyDescent="0.15">
      <c r="A115" s="8">
        <v>90</v>
      </c>
      <c r="B115" s="34">
        <v>2</v>
      </c>
      <c r="C115" s="13">
        <v>5</v>
      </c>
      <c r="D115" s="12">
        <v>7</v>
      </c>
    </row>
    <row r="116" spans="1:4" ht="18" customHeight="1" x14ac:dyDescent="0.15">
      <c r="A116" s="8">
        <v>91</v>
      </c>
      <c r="B116" s="34">
        <v>1</v>
      </c>
      <c r="C116" s="13">
        <v>3</v>
      </c>
      <c r="D116" s="12">
        <v>4</v>
      </c>
    </row>
    <row r="117" spans="1:4" ht="18" customHeight="1" x14ac:dyDescent="0.15">
      <c r="A117" s="8">
        <v>92</v>
      </c>
      <c r="B117" s="34">
        <v>1</v>
      </c>
      <c r="C117" s="13">
        <v>0</v>
      </c>
      <c r="D117" s="12">
        <v>1</v>
      </c>
    </row>
    <row r="118" spans="1:4" ht="18" customHeight="1" x14ac:dyDescent="0.15">
      <c r="A118" s="8">
        <v>93</v>
      </c>
      <c r="B118" s="34">
        <v>1</v>
      </c>
      <c r="C118" s="13">
        <v>1</v>
      </c>
      <c r="D118" s="12">
        <v>2</v>
      </c>
    </row>
    <row r="119" spans="1:4" ht="18" customHeight="1" x14ac:dyDescent="0.15">
      <c r="A119" s="8">
        <v>94</v>
      </c>
      <c r="B119" s="34">
        <v>1</v>
      </c>
      <c r="C119" s="13">
        <v>1</v>
      </c>
      <c r="D119" s="12">
        <v>2</v>
      </c>
    </row>
    <row r="120" spans="1:4" ht="18" customHeight="1" x14ac:dyDescent="0.15">
      <c r="A120" s="8" t="s">
        <v>69</v>
      </c>
      <c r="B120" s="34">
        <v>6</v>
      </c>
      <c r="C120" s="13">
        <v>10</v>
      </c>
      <c r="D120" s="12">
        <v>16</v>
      </c>
    </row>
    <row r="121" spans="1:4" ht="18" customHeight="1" x14ac:dyDescent="0.15">
      <c r="A121" s="8">
        <v>95</v>
      </c>
      <c r="B121" s="34">
        <v>1</v>
      </c>
      <c r="C121" s="13">
        <v>1</v>
      </c>
      <c r="D121" s="12">
        <v>2</v>
      </c>
    </row>
    <row r="122" spans="1:4" ht="18" customHeight="1" x14ac:dyDescent="0.15">
      <c r="A122" s="8">
        <v>96</v>
      </c>
      <c r="B122" s="34">
        <v>0</v>
      </c>
      <c r="C122" s="13">
        <v>2</v>
      </c>
      <c r="D122" s="12">
        <v>2</v>
      </c>
    </row>
    <row r="123" spans="1:4" ht="18" customHeight="1" x14ac:dyDescent="0.15">
      <c r="A123" s="8">
        <v>97</v>
      </c>
      <c r="B123" s="34">
        <v>0</v>
      </c>
      <c r="C123" s="13">
        <v>3</v>
      </c>
      <c r="D123" s="12">
        <v>3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1</v>
      </c>
      <c r="C126" s="13">
        <v>6</v>
      </c>
      <c r="D126" s="12">
        <v>7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76</v>
      </c>
      <c r="C130" s="6">
        <v>108</v>
      </c>
      <c r="D130" s="5">
        <v>184</v>
      </c>
    </row>
    <row r="131" spans="1:4" ht="18" customHeight="1" x14ac:dyDescent="0.15">
      <c r="A131" s="4" t="s">
        <v>0</v>
      </c>
      <c r="B131" s="27">
        <v>173</v>
      </c>
      <c r="C131" s="2">
        <v>203</v>
      </c>
      <c r="D131" s="1">
        <v>37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2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</v>
      </c>
      <c r="C5" s="44">
        <v>1</v>
      </c>
      <c r="D5" s="43">
        <v>2</v>
      </c>
    </row>
    <row r="6" spans="1:4" ht="18" customHeight="1" x14ac:dyDescent="0.15">
      <c r="A6" s="8">
        <v>1</v>
      </c>
      <c r="B6" s="39">
        <v>2</v>
      </c>
      <c r="C6" s="13">
        <v>1</v>
      </c>
      <c r="D6" s="12">
        <v>3</v>
      </c>
    </row>
    <row r="7" spans="1:4" ht="18" customHeight="1" x14ac:dyDescent="0.15">
      <c r="A7" s="8">
        <v>2</v>
      </c>
      <c r="B7" s="39">
        <v>2</v>
      </c>
      <c r="C7" s="13">
        <v>1</v>
      </c>
      <c r="D7" s="12">
        <v>3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2</v>
      </c>
      <c r="C9" s="41">
        <v>3</v>
      </c>
      <c r="D9" s="40">
        <v>5</v>
      </c>
    </row>
    <row r="10" spans="1:4" ht="18" customHeight="1" x14ac:dyDescent="0.15">
      <c r="A10" s="8" t="s">
        <v>76</v>
      </c>
      <c r="B10" s="34">
        <v>7</v>
      </c>
      <c r="C10" s="13">
        <v>6</v>
      </c>
      <c r="D10" s="12">
        <v>13</v>
      </c>
    </row>
    <row r="11" spans="1:4" ht="18" customHeight="1" x14ac:dyDescent="0.15">
      <c r="A11" s="8">
        <v>5</v>
      </c>
      <c r="B11" s="39">
        <v>3</v>
      </c>
      <c r="C11" s="13">
        <v>2</v>
      </c>
      <c r="D11" s="12">
        <v>5</v>
      </c>
    </row>
    <row r="12" spans="1:4" ht="18" customHeight="1" x14ac:dyDescent="0.15">
      <c r="A12" s="8">
        <v>6</v>
      </c>
      <c r="B12" s="39">
        <v>3</v>
      </c>
      <c r="C12" s="13">
        <v>1</v>
      </c>
      <c r="D12" s="12">
        <v>4</v>
      </c>
    </row>
    <row r="13" spans="1:4" ht="18" customHeight="1" x14ac:dyDescent="0.15">
      <c r="A13" s="8">
        <v>7</v>
      </c>
      <c r="B13" s="39">
        <v>2</v>
      </c>
      <c r="C13" s="13">
        <v>6</v>
      </c>
      <c r="D13" s="12">
        <v>8</v>
      </c>
    </row>
    <row r="14" spans="1:4" ht="18" customHeight="1" x14ac:dyDescent="0.15">
      <c r="A14" s="8">
        <v>8</v>
      </c>
      <c r="B14" s="39">
        <v>5</v>
      </c>
      <c r="C14" s="13">
        <v>10</v>
      </c>
      <c r="D14" s="12">
        <v>15</v>
      </c>
    </row>
    <row r="15" spans="1:4" ht="18" customHeight="1" x14ac:dyDescent="0.15">
      <c r="A15" s="8">
        <v>9</v>
      </c>
      <c r="B15" s="39">
        <v>2</v>
      </c>
      <c r="C15" s="13">
        <v>4</v>
      </c>
      <c r="D15" s="12">
        <v>6</v>
      </c>
    </row>
    <row r="16" spans="1:4" ht="18" customHeight="1" x14ac:dyDescent="0.15">
      <c r="A16" s="8" t="s">
        <v>50</v>
      </c>
      <c r="B16" s="34">
        <v>15</v>
      </c>
      <c r="C16" s="13">
        <v>23</v>
      </c>
      <c r="D16" s="12">
        <v>38</v>
      </c>
    </row>
    <row r="17" spans="1:4" ht="18" customHeight="1" x14ac:dyDescent="0.15">
      <c r="A17" s="8">
        <v>10</v>
      </c>
      <c r="B17" s="34">
        <v>6</v>
      </c>
      <c r="C17" s="13">
        <v>3</v>
      </c>
      <c r="D17" s="12">
        <v>9</v>
      </c>
    </row>
    <row r="18" spans="1:4" ht="18" customHeight="1" x14ac:dyDescent="0.15">
      <c r="A18" s="8">
        <v>11</v>
      </c>
      <c r="B18" s="34">
        <v>2</v>
      </c>
      <c r="C18" s="13">
        <v>6</v>
      </c>
      <c r="D18" s="12">
        <v>8</v>
      </c>
    </row>
    <row r="19" spans="1:4" ht="18" customHeight="1" x14ac:dyDescent="0.15">
      <c r="A19" s="8">
        <v>12</v>
      </c>
      <c r="B19" s="34">
        <v>2</v>
      </c>
      <c r="C19" s="13">
        <v>4</v>
      </c>
      <c r="D19" s="12">
        <v>6</v>
      </c>
    </row>
    <row r="20" spans="1:4" ht="18" customHeight="1" x14ac:dyDescent="0.15">
      <c r="A20" s="8">
        <v>13</v>
      </c>
      <c r="B20" s="34">
        <v>4</v>
      </c>
      <c r="C20" s="13">
        <v>5</v>
      </c>
      <c r="D20" s="12">
        <v>9</v>
      </c>
    </row>
    <row r="21" spans="1:4" ht="18" customHeight="1" x14ac:dyDescent="0.15">
      <c r="A21" s="8">
        <v>14</v>
      </c>
      <c r="B21" s="34">
        <v>7</v>
      </c>
      <c r="C21" s="13">
        <v>8</v>
      </c>
      <c r="D21" s="12">
        <v>15</v>
      </c>
    </row>
    <row r="22" spans="1:4" ht="18" customHeight="1" x14ac:dyDescent="0.15">
      <c r="A22" s="8" t="s">
        <v>75</v>
      </c>
      <c r="B22" s="34">
        <v>21</v>
      </c>
      <c r="C22" s="13">
        <v>26</v>
      </c>
      <c r="D22" s="12">
        <v>47</v>
      </c>
    </row>
    <row r="23" spans="1:4" ht="18" customHeight="1" x14ac:dyDescent="0.15">
      <c r="A23" s="8" t="s">
        <v>65</v>
      </c>
      <c r="B23" s="34">
        <v>43</v>
      </c>
      <c r="C23" s="13">
        <v>55</v>
      </c>
      <c r="D23" s="12">
        <v>98</v>
      </c>
    </row>
    <row r="24" spans="1:4" ht="18" customHeight="1" x14ac:dyDescent="0.15">
      <c r="A24" s="8">
        <v>15</v>
      </c>
      <c r="B24" s="34">
        <v>2</v>
      </c>
      <c r="C24" s="13">
        <v>5</v>
      </c>
      <c r="D24" s="12">
        <v>7</v>
      </c>
    </row>
    <row r="25" spans="1:4" ht="18" customHeight="1" x14ac:dyDescent="0.15">
      <c r="A25" s="8">
        <v>16</v>
      </c>
      <c r="B25" s="34">
        <v>6</v>
      </c>
      <c r="C25" s="13">
        <v>3</v>
      </c>
      <c r="D25" s="12">
        <v>9</v>
      </c>
    </row>
    <row r="26" spans="1:4" ht="18" customHeight="1" x14ac:dyDescent="0.15">
      <c r="A26" s="8">
        <v>17</v>
      </c>
      <c r="B26" s="34">
        <v>5</v>
      </c>
      <c r="C26" s="13">
        <v>6</v>
      </c>
      <c r="D26" s="12">
        <v>11</v>
      </c>
    </row>
    <row r="27" spans="1:4" ht="18" customHeight="1" x14ac:dyDescent="0.15">
      <c r="A27" s="8">
        <v>18</v>
      </c>
      <c r="B27" s="34">
        <v>6</v>
      </c>
      <c r="C27" s="13">
        <v>7</v>
      </c>
      <c r="D27" s="12">
        <v>13</v>
      </c>
    </row>
    <row r="28" spans="1:4" ht="18" customHeight="1" x14ac:dyDescent="0.15">
      <c r="A28" s="8">
        <v>19</v>
      </c>
      <c r="B28" s="34">
        <v>5</v>
      </c>
      <c r="C28" s="13">
        <v>6</v>
      </c>
      <c r="D28" s="12">
        <v>11</v>
      </c>
    </row>
    <row r="29" spans="1:4" ht="18" customHeight="1" x14ac:dyDescent="0.15">
      <c r="A29" s="8" t="s">
        <v>48</v>
      </c>
      <c r="B29" s="34">
        <v>24</v>
      </c>
      <c r="C29" s="13">
        <v>27</v>
      </c>
      <c r="D29" s="12">
        <v>51</v>
      </c>
    </row>
    <row r="30" spans="1:4" ht="18" customHeight="1" x14ac:dyDescent="0.15">
      <c r="A30" s="8">
        <v>20</v>
      </c>
      <c r="B30" s="34">
        <v>3</v>
      </c>
      <c r="C30" s="13">
        <v>7</v>
      </c>
      <c r="D30" s="12">
        <v>10</v>
      </c>
    </row>
    <row r="31" spans="1:4" ht="18" customHeight="1" x14ac:dyDescent="0.15">
      <c r="A31" s="8">
        <v>21</v>
      </c>
      <c r="B31" s="34">
        <v>3</v>
      </c>
      <c r="C31" s="13">
        <v>7</v>
      </c>
      <c r="D31" s="12">
        <v>10</v>
      </c>
    </row>
    <row r="32" spans="1:4" ht="18" customHeight="1" x14ac:dyDescent="0.15">
      <c r="A32" s="8">
        <v>22</v>
      </c>
      <c r="B32" s="34">
        <v>4</v>
      </c>
      <c r="C32" s="13">
        <v>9</v>
      </c>
      <c r="D32" s="12">
        <v>13</v>
      </c>
    </row>
    <row r="33" spans="1:4" ht="18" customHeight="1" x14ac:dyDescent="0.15">
      <c r="A33" s="8">
        <v>23</v>
      </c>
      <c r="B33" s="34">
        <v>1</v>
      </c>
      <c r="C33" s="13">
        <v>4</v>
      </c>
      <c r="D33" s="12">
        <v>5</v>
      </c>
    </row>
    <row r="34" spans="1:4" ht="18" customHeight="1" x14ac:dyDescent="0.15">
      <c r="A34" s="8">
        <v>24</v>
      </c>
      <c r="B34" s="34">
        <v>6</v>
      </c>
      <c r="C34" s="13">
        <v>6</v>
      </c>
      <c r="D34" s="12">
        <v>12</v>
      </c>
    </row>
    <row r="35" spans="1:4" ht="18" customHeight="1" x14ac:dyDescent="0.15">
      <c r="A35" s="8" t="s">
        <v>47</v>
      </c>
      <c r="B35" s="34">
        <v>17</v>
      </c>
      <c r="C35" s="13">
        <v>33</v>
      </c>
      <c r="D35" s="12">
        <v>50</v>
      </c>
    </row>
    <row r="36" spans="1:4" ht="18" customHeight="1" x14ac:dyDescent="0.15">
      <c r="A36" s="8">
        <v>25</v>
      </c>
      <c r="B36" s="34">
        <v>2</v>
      </c>
      <c r="C36" s="13">
        <v>3</v>
      </c>
      <c r="D36" s="12">
        <v>5</v>
      </c>
    </row>
    <row r="37" spans="1:4" ht="18" customHeight="1" x14ac:dyDescent="0.15">
      <c r="A37" s="8">
        <v>26</v>
      </c>
      <c r="B37" s="34">
        <v>5</v>
      </c>
      <c r="C37" s="13">
        <v>2</v>
      </c>
      <c r="D37" s="12">
        <v>7</v>
      </c>
    </row>
    <row r="38" spans="1:4" ht="18" customHeight="1" x14ac:dyDescent="0.15">
      <c r="A38" s="8">
        <v>27</v>
      </c>
      <c r="B38" s="34">
        <v>5</v>
      </c>
      <c r="C38" s="13">
        <v>4</v>
      </c>
      <c r="D38" s="12">
        <v>9</v>
      </c>
    </row>
    <row r="39" spans="1:4" ht="18" customHeight="1" x14ac:dyDescent="0.15">
      <c r="A39" s="8">
        <v>28</v>
      </c>
      <c r="B39" s="34">
        <v>3</v>
      </c>
      <c r="C39" s="13">
        <v>1</v>
      </c>
      <c r="D39" s="12">
        <v>4</v>
      </c>
    </row>
    <row r="40" spans="1:4" ht="18" customHeight="1" x14ac:dyDescent="0.15">
      <c r="A40" s="8">
        <v>29</v>
      </c>
      <c r="B40" s="34">
        <v>2</v>
      </c>
      <c r="C40" s="13">
        <v>2</v>
      </c>
      <c r="D40" s="12">
        <v>4</v>
      </c>
    </row>
    <row r="41" spans="1:4" ht="18" customHeight="1" x14ac:dyDescent="0.15">
      <c r="A41" s="8" t="s">
        <v>321</v>
      </c>
      <c r="B41" s="34">
        <v>17</v>
      </c>
      <c r="C41" s="13">
        <v>12</v>
      </c>
      <c r="D41" s="12">
        <v>29</v>
      </c>
    </row>
    <row r="42" spans="1:4" ht="18" customHeight="1" x14ac:dyDescent="0.15">
      <c r="A42" s="8">
        <v>30</v>
      </c>
      <c r="B42" s="34">
        <v>1</v>
      </c>
      <c r="C42" s="13">
        <v>2</v>
      </c>
      <c r="D42" s="12">
        <v>3</v>
      </c>
    </row>
    <row r="43" spans="1:4" ht="18" customHeight="1" x14ac:dyDescent="0.15">
      <c r="A43" s="8">
        <v>31</v>
      </c>
      <c r="B43" s="34">
        <v>4</v>
      </c>
      <c r="C43" s="13">
        <v>2</v>
      </c>
      <c r="D43" s="12">
        <v>6</v>
      </c>
    </row>
    <row r="44" spans="1:4" ht="18" customHeight="1" x14ac:dyDescent="0.15">
      <c r="A44" s="8">
        <v>32</v>
      </c>
      <c r="B44" s="34">
        <v>2</v>
      </c>
      <c r="C44" s="13">
        <v>3</v>
      </c>
      <c r="D44" s="12">
        <v>5</v>
      </c>
    </row>
    <row r="45" spans="1:4" ht="18" customHeight="1" x14ac:dyDescent="0.15">
      <c r="A45" s="8">
        <v>33</v>
      </c>
      <c r="B45" s="34">
        <v>6</v>
      </c>
      <c r="C45" s="13">
        <v>2</v>
      </c>
      <c r="D45" s="12">
        <v>8</v>
      </c>
    </row>
    <row r="46" spans="1:4" ht="18" customHeight="1" x14ac:dyDescent="0.15">
      <c r="A46" s="8">
        <v>34</v>
      </c>
      <c r="B46" s="34">
        <v>5</v>
      </c>
      <c r="C46" s="13">
        <v>3</v>
      </c>
      <c r="D46" s="12">
        <v>8</v>
      </c>
    </row>
    <row r="47" spans="1:4" ht="18" customHeight="1" x14ac:dyDescent="0.15">
      <c r="A47" s="8" t="s">
        <v>61</v>
      </c>
      <c r="B47" s="34">
        <v>18</v>
      </c>
      <c r="C47" s="13">
        <v>12</v>
      </c>
      <c r="D47" s="12">
        <v>30</v>
      </c>
    </row>
    <row r="48" spans="1:4" ht="18" customHeight="1" x14ac:dyDescent="0.15">
      <c r="A48" s="8">
        <v>35</v>
      </c>
      <c r="B48" s="34">
        <v>4</v>
      </c>
      <c r="C48" s="13">
        <v>2</v>
      </c>
      <c r="D48" s="12">
        <v>6</v>
      </c>
    </row>
    <row r="49" spans="1:4" ht="18" customHeight="1" x14ac:dyDescent="0.15">
      <c r="A49" s="8">
        <v>36</v>
      </c>
      <c r="B49" s="34">
        <v>5</v>
      </c>
      <c r="C49" s="13">
        <v>5</v>
      </c>
      <c r="D49" s="12">
        <v>10</v>
      </c>
    </row>
    <row r="50" spans="1:4" ht="18" customHeight="1" x14ac:dyDescent="0.15">
      <c r="A50" s="8">
        <v>37</v>
      </c>
      <c r="B50" s="34">
        <v>4</v>
      </c>
      <c r="C50" s="13">
        <v>9</v>
      </c>
      <c r="D50" s="12">
        <v>13</v>
      </c>
    </row>
    <row r="51" spans="1:4" ht="18" customHeight="1" x14ac:dyDescent="0.15">
      <c r="A51" s="8">
        <v>38</v>
      </c>
      <c r="B51" s="34">
        <v>3</v>
      </c>
      <c r="C51" s="13">
        <v>6</v>
      </c>
      <c r="D51" s="12">
        <v>9</v>
      </c>
    </row>
    <row r="52" spans="1:4" ht="18" customHeight="1" x14ac:dyDescent="0.15">
      <c r="A52" s="8">
        <v>39</v>
      </c>
      <c r="B52" s="34">
        <v>4</v>
      </c>
      <c r="C52" s="13">
        <v>3</v>
      </c>
      <c r="D52" s="12">
        <v>7</v>
      </c>
    </row>
    <row r="53" spans="1:4" ht="18" customHeight="1" x14ac:dyDescent="0.15">
      <c r="A53" s="8" t="s">
        <v>72</v>
      </c>
      <c r="B53" s="34">
        <v>20</v>
      </c>
      <c r="C53" s="13">
        <v>25</v>
      </c>
      <c r="D53" s="12">
        <v>45</v>
      </c>
    </row>
    <row r="54" spans="1:4" ht="18" customHeight="1" x14ac:dyDescent="0.15">
      <c r="A54" s="8">
        <v>40</v>
      </c>
      <c r="B54" s="34">
        <v>6</v>
      </c>
      <c r="C54" s="13">
        <v>8</v>
      </c>
      <c r="D54" s="12">
        <v>14</v>
      </c>
    </row>
    <row r="55" spans="1:4" ht="18" customHeight="1" x14ac:dyDescent="0.15">
      <c r="A55" s="8">
        <v>41</v>
      </c>
      <c r="B55" s="34">
        <v>7</v>
      </c>
      <c r="C55" s="13">
        <v>8</v>
      </c>
      <c r="D55" s="12">
        <v>15</v>
      </c>
    </row>
    <row r="56" spans="1:4" ht="18" customHeight="1" x14ac:dyDescent="0.15">
      <c r="A56" s="8">
        <v>42</v>
      </c>
      <c r="B56" s="34">
        <v>6</v>
      </c>
      <c r="C56" s="13">
        <v>4</v>
      </c>
      <c r="D56" s="12">
        <v>10</v>
      </c>
    </row>
    <row r="57" spans="1:4" ht="18" customHeight="1" x14ac:dyDescent="0.15">
      <c r="A57" s="8">
        <v>43</v>
      </c>
      <c r="B57" s="34">
        <v>5</v>
      </c>
      <c r="C57" s="13">
        <v>8</v>
      </c>
      <c r="D57" s="12">
        <v>13</v>
      </c>
    </row>
    <row r="58" spans="1:4" ht="18" customHeight="1" x14ac:dyDescent="0.15">
      <c r="A58" s="8">
        <v>44</v>
      </c>
      <c r="B58" s="34">
        <v>6</v>
      </c>
      <c r="C58" s="13">
        <v>6</v>
      </c>
      <c r="D58" s="12">
        <v>12</v>
      </c>
    </row>
    <row r="59" spans="1:4" ht="18" customHeight="1" x14ac:dyDescent="0.15">
      <c r="A59" s="8" t="s">
        <v>46</v>
      </c>
      <c r="B59" s="34">
        <v>30</v>
      </c>
      <c r="C59" s="13">
        <v>34</v>
      </c>
      <c r="D59" s="12">
        <v>64</v>
      </c>
    </row>
    <row r="60" spans="1:4" ht="18" customHeight="1" x14ac:dyDescent="0.15">
      <c r="A60" s="8">
        <v>45</v>
      </c>
      <c r="B60" s="34">
        <v>5</v>
      </c>
      <c r="C60" s="13">
        <v>6</v>
      </c>
      <c r="D60" s="12">
        <v>11</v>
      </c>
    </row>
    <row r="61" spans="1:4" ht="18" customHeight="1" x14ac:dyDescent="0.15">
      <c r="A61" s="8">
        <v>46</v>
      </c>
      <c r="B61" s="34">
        <v>7</v>
      </c>
      <c r="C61" s="13">
        <v>9</v>
      </c>
      <c r="D61" s="12">
        <v>16</v>
      </c>
    </row>
    <row r="62" spans="1:4" ht="18" customHeight="1" x14ac:dyDescent="0.15">
      <c r="A62" s="8">
        <v>47</v>
      </c>
      <c r="B62" s="34">
        <v>8</v>
      </c>
      <c r="C62" s="13">
        <v>12</v>
      </c>
      <c r="D62" s="12">
        <v>20</v>
      </c>
    </row>
    <row r="63" spans="1:4" ht="18" customHeight="1" x14ac:dyDescent="0.15">
      <c r="A63" s="8">
        <v>48</v>
      </c>
      <c r="B63" s="34">
        <v>10</v>
      </c>
      <c r="C63" s="13">
        <v>8</v>
      </c>
      <c r="D63" s="12">
        <v>18</v>
      </c>
    </row>
    <row r="64" spans="1:4" ht="18" customHeight="1" x14ac:dyDescent="0.15">
      <c r="A64" s="8">
        <v>49</v>
      </c>
      <c r="B64" s="34">
        <v>12</v>
      </c>
      <c r="C64" s="13">
        <v>5</v>
      </c>
      <c r="D64" s="12">
        <v>17</v>
      </c>
    </row>
    <row r="65" spans="1:4" ht="18" customHeight="1" x14ac:dyDescent="0.15">
      <c r="A65" s="8" t="s">
        <v>287</v>
      </c>
      <c r="B65" s="34">
        <v>42</v>
      </c>
      <c r="C65" s="13">
        <v>40</v>
      </c>
      <c r="D65" s="12">
        <v>82</v>
      </c>
    </row>
    <row r="66" spans="1:4" ht="18" customHeight="1" x14ac:dyDescent="0.15">
      <c r="A66" s="8">
        <v>50</v>
      </c>
      <c r="B66" s="34">
        <v>11</v>
      </c>
      <c r="C66" s="13">
        <v>9</v>
      </c>
      <c r="D66" s="12">
        <v>20</v>
      </c>
    </row>
    <row r="67" spans="1:4" ht="18" customHeight="1" x14ac:dyDescent="0.15">
      <c r="A67" s="8">
        <v>51</v>
      </c>
      <c r="B67" s="34">
        <v>8</v>
      </c>
      <c r="C67" s="13">
        <v>9</v>
      </c>
      <c r="D67" s="12">
        <v>17</v>
      </c>
    </row>
    <row r="68" spans="1:4" ht="18" customHeight="1" x14ac:dyDescent="0.15">
      <c r="A68" s="8">
        <v>52</v>
      </c>
      <c r="B68" s="34">
        <v>9</v>
      </c>
      <c r="C68" s="13">
        <v>11</v>
      </c>
      <c r="D68" s="12">
        <v>20</v>
      </c>
    </row>
    <row r="69" spans="1:4" ht="18" customHeight="1" x14ac:dyDescent="0.15">
      <c r="A69" s="8">
        <v>53</v>
      </c>
      <c r="B69" s="34">
        <v>4</v>
      </c>
      <c r="C69" s="13">
        <v>7</v>
      </c>
      <c r="D69" s="12">
        <v>11</v>
      </c>
    </row>
    <row r="70" spans="1:4" ht="18" customHeight="1" x14ac:dyDescent="0.15">
      <c r="A70" s="8">
        <v>54</v>
      </c>
      <c r="B70" s="34">
        <v>5</v>
      </c>
      <c r="C70" s="13">
        <v>8</v>
      </c>
      <c r="D70" s="12">
        <v>13</v>
      </c>
    </row>
    <row r="71" spans="1:4" ht="18" customHeight="1" x14ac:dyDescent="0.15">
      <c r="A71" s="8" t="s">
        <v>58</v>
      </c>
      <c r="B71" s="34">
        <v>37</v>
      </c>
      <c r="C71" s="13">
        <v>44</v>
      </c>
      <c r="D71" s="12">
        <v>81</v>
      </c>
    </row>
    <row r="72" spans="1:4" ht="18" customHeight="1" x14ac:dyDescent="0.15">
      <c r="A72" s="8">
        <v>55</v>
      </c>
      <c r="B72" s="34">
        <v>5</v>
      </c>
      <c r="C72" s="13">
        <v>6</v>
      </c>
      <c r="D72" s="12">
        <v>11</v>
      </c>
    </row>
    <row r="73" spans="1:4" ht="18" customHeight="1" x14ac:dyDescent="0.15">
      <c r="A73" s="8">
        <v>56</v>
      </c>
      <c r="B73" s="34">
        <v>6</v>
      </c>
      <c r="C73" s="13">
        <v>4</v>
      </c>
      <c r="D73" s="12">
        <v>10</v>
      </c>
    </row>
    <row r="74" spans="1:4" ht="18" customHeight="1" x14ac:dyDescent="0.15">
      <c r="A74" s="8">
        <v>57</v>
      </c>
      <c r="B74" s="34">
        <v>4</v>
      </c>
      <c r="C74" s="13">
        <v>10</v>
      </c>
      <c r="D74" s="12">
        <v>14</v>
      </c>
    </row>
    <row r="75" spans="1:4" ht="18" customHeight="1" x14ac:dyDescent="0.15">
      <c r="A75" s="8">
        <v>58</v>
      </c>
      <c r="B75" s="34">
        <v>12</v>
      </c>
      <c r="C75" s="13">
        <v>5</v>
      </c>
      <c r="D75" s="12">
        <v>17</v>
      </c>
    </row>
    <row r="76" spans="1:4" ht="18" customHeight="1" x14ac:dyDescent="0.15">
      <c r="A76" s="8">
        <v>59</v>
      </c>
      <c r="B76" s="34">
        <v>8</v>
      </c>
      <c r="C76" s="13">
        <v>6</v>
      </c>
      <c r="D76" s="12">
        <v>14</v>
      </c>
    </row>
    <row r="77" spans="1:4" ht="18" customHeight="1" x14ac:dyDescent="0.15">
      <c r="A77" s="8" t="s">
        <v>111</v>
      </c>
      <c r="B77" s="34">
        <v>35</v>
      </c>
      <c r="C77" s="13">
        <v>31</v>
      </c>
      <c r="D77" s="12">
        <v>66</v>
      </c>
    </row>
    <row r="78" spans="1:4" ht="18" customHeight="1" x14ac:dyDescent="0.15">
      <c r="A78" s="8">
        <v>60</v>
      </c>
      <c r="B78" s="34">
        <v>6</v>
      </c>
      <c r="C78" s="13">
        <v>4</v>
      </c>
      <c r="D78" s="12">
        <v>10</v>
      </c>
    </row>
    <row r="79" spans="1:4" ht="18" customHeight="1" x14ac:dyDescent="0.15">
      <c r="A79" s="8">
        <v>61</v>
      </c>
      <c r="B79" s="34">
        <v>5</v>
      </c>
      <c r="C79" s="13">
        <v>8</v>
      </c>
      <c r="D79" s="12">
        <v>13</v>
      </c>
    </row>
    <row r="80" spans="1:4" ht="18" customHeight="1" x14ac:dyDescent="0.15">
      <c r="A80" s="8">
        <v>62</v>
      </c>
      <c r="B80" s="34">
        <v>7</v>
      </c>
      <c r="C80" s="13">
        <v>5</v>
      </c>
      <c r="D80" s="12">
        <v>12</v>
      </c>
    </row>
    <row r="81" spans="1:4" ht="18" customHeight="1" x14ac:dyDescent="0.15">
      <c r="A81" s="8">
        <v>63</v>
      </c>
      <c r="B81" s="34">
        <v>12</v>
      </c>
      <c r="C81" s="13">
        <v>12</v>
      </c>
      <c r="D81" s="12">
        <v>24</v>
      </c>
    </row>
    <row r="82" spans="1:4" ht="18" customHeight="1" x14ac:dyDescent="0.15">
      <c r="A82" s="8">
        <v>64</v>
      </c>
      <c r="B82" s="34">
        <v>7</v>
      </c>
      <c r="C82" s="13">
        <v>13</v>
      </c>
      <c r="D82" s="12">
        <v>20</v>
      </c>
    </row>
    <row r="83" spans="1:4" ht="18" customHeight="1" x14ac:dyDescent="0.15">
      <c r="A83" s="8" t="s">
        <v>189</v>
      </c>
      <c r="B83" s="34">
        <v>37</v>
      </c>
      <c r="C83" s="13">
        <v>42</v>
      </c>
      <c r="D83" s="12">
        <v>79</v>
      </c>
    </row>
    <row r="84" spans="1:4" ht="18" customHeight="1" x14ac:dyDescent="0.15">
      <c r="A84" s="8" t="s">
        <v>43</v>
      </c>
      <c r="B84" s="34">
        <v>277</v>
      </c>
      <c r="C84" s="13">
        <v>300</v>
      </c>
      <c r="D84" s="12">
        <v>577</v>
      </c>
    </row>
    <row r="85" spans="1:4" ht="18" customHeight="1" x14ac:dyDescent="0.15">
      <c r="A85" s="8">
        <v>65</v>
      </c>
      <c r="B85" s="34">
        <v>10</v>
      </c>
      <c r="C85" s="13">
        <v>12</v>
      </c>
      <c r="D85" s="12">
        <v>22</v>
      </c>
    </row>
    <row r="86" spans="1:4" ht="18" customHeight="1" x14ac:dyDescent="0.15">
      <c r="A86" s="8">
        <v>66</v>
      </c>
      <c r="B86" s="34">
        <v>9</v>
      </c>
      <c r="C86" s="13">
        <v>5</v>
      </c>
      <c r="D86" s="12">
        <v>14</v>
      </c>
    </row>
    <row r="87" spans="1:4" ht="18" customHeight="1" x14ac:dyDescent="0.15">
      <c r="A87" s="8">
        <v>67</v>
      </c>
      <c r="B87" s="34">
        <v>12</v>
      </c>
      <c r="C87" s="13">
        <v>9</v>
      </c>
      <c r="D87" s="12">
        <v>21</v>
      </c>
    </row>
    <row r="88" spans="1:4" ht="18" customHeight="1" x14ac:dyDescent="0.15">
      <c r="A88" s="8">
        <v>68</v>
      </c>
      <c r="B88" s="34">
        <v>16</v>
      </c>
      <c r="C88" s="13">
        <v>8</v>
      </c>
      <c r="D88" s="12">
        <v>24</v>
      </c>
    </row>
    <row r="89" spans="1:4" ht="18" customHeight="1" x14ac:dyDescent="0.15">
      <c r="A89" s="8">
        <v>69</v>
      </c>
      <c r="B89" s="34">
        <v>9</v>
      </c>
      <c r="C89" s="13">
        <v>11</v>
      </c>
      <c r="D89" s="12">
        <v>20</v>
      </c>
    </row>
    <row r="90" spans="1:4" ht="18" customHeight="1" x14ac:dyDescent="0.15">
      <c r="A90" s="8" t="s">
        <v>42</v>
      </c>
      <c r="B90" s="34">
        <v>56</v>
      </c>
      <c r="C90" s="13">
        <v>45</v>
      </c>
      <c r="D90" s="12">
        <v>101</v>
      </c>
    </row>
    <row r="91" spans="1:4" ht="18" customHeight="1" x14ac:dyDescent="0.15">
      <c r="A91" s="8">
        <v>70</v>
      </c>
      <c r="B91" s="34">
        <v>11</v>
      </c>
      <c r="C91" s="13">
        <v>15</v>
      </c>
      <c r="D91" s="12">
        <v>26</v>
      </c>
    </row>
    <row r="92" spans="1:4" ht="18" customHeight="1" x14ac:dyDescent="0.15">
      <c r="A92" s="8">
        <v>71</v>
      </c>
      <c r="B92" s="34">
        <v>15</v>
      </c>
      <c r="C92" s="13">
        <v>6</v>
      </c>
      <c r="D92" s="12">
        <v>21</v>
      </c>
    </row>
    <row r="93" spans="1:4" ht="18" customHeight="1" x14ac:dyDescent="0.15">
      <c r="A93" s="8">
        <v>72</v>
      </c>
      <c r="B93" s="34">
        <v>10</v>
      </c>
      <c r="C93" s="13">
        <v>7</v>
      </c>
      <c r="D93" s="12">
        <v>17</v>
      </c>
    </row>
    <row r="94" spans="1:4" ht="18" customHeight="1" x14ac:dyDescent="0.15">
      <c r="A94" s="8">
        <v>73</v>
      </c>
      <c r="B94" s="34">
        <v>6</v>
      </c>
      <c r="C94" s="13">
        <v>16</v>
      </c>
      <c r="D94" s="12">
        <v>22</v>
      </c>
    </row>
    <row r="95" spans="1:4" ht="18" customHeight="1" x14ac:dyDescent="0.15">
      <c r="A95" s="8">
        <v>74</v>
      </c>
      <c r="B95" s="34">
        <v>13</v>
      </c>
      <c r="C95" s="13">
        <v>8</v>
      </c>
      <c r="D95" s="12">
        <v>21</v>
      </c>
    </row>
    <row r="96" spans="1:4" ht="18" customHeight="1" x14ac:dyDescent="0.15">
      <c r="A96" s="8" t="s">
        <v>41</v>
      </c>
      <c r="B96" s="34">
        <v>55</v>
      </c>
      <c r="C96" s="13">
        <v>52</v>
      </c>
      <c r="D96" s="12">
        <v>107</v>
      </c>
    </row>
    <row r="97" spans="1:4" ht="18" customHeight="1" x14ac:dyDescent="0.15">
      <c r="A97" s="8">
        <v>75</v>
      </c>
      <c r="B97" s="34">
        <v>12</v>
      </c>
      <c r="C97" s="13">
        <v>14</v>
      </c>
      <c r="D97" s="12">
        <v>26</v>
      </c>
    </row>
    <row r="98" spans="1:4" ht="18" customHeight="1" x14ac:dyDescent="0.15">
      <c r="A98" s="8">
        <v>76</v>
      </c>
      <c r="B98" s="34">
        <v>7</v>
      </c>
      <c r="C98" s="13">
        <v>7</v>
      </c>
      <c r="D98" s="12">
        <v>14</v>
      </c>
    </row>
    <row r="99" spans="1:4" ht="18" customHeight="1" x14ac:dyDescent="0.15">
      <c r="A99" s="8">
        <v>77</v>
      </c>
      <c r="B99" s="34">
        <v>5</v>
      </c>
      <c r="C99" s="13">
        <v>7</v>
      </c>
      <c r="D99" s="12">
        <v>12</v>
      </c>
    </row>
    <row r="100" spans="1:4" ht="18" customHeight="1" x14ac:dyDescent="0.15">
      <c r="A100" s="8">
        <v>78</v>
      </c>
      <c r="B100" s="34">
        <v>5</v>
      </c>
      <c r="C100" s="13">
        <v>8</v>
      </c>
      <c r="D100" s="12">
        <v>13</v>
      </c>
    </row>
    <row r="101" spans="1:4" ht="18" customHeight="1" x14ac:dyDescent="0.15">
      <c r="A101" s="8">
        <v>79</v>
      </c>
      <c r="B101" s="34">
        <v>3</v>
      </c>
      <c r="C101" s="13">
        <v>9</v>
      </c>
      <c r="D101" s="12">
        <v>12</v>
      </c>
    </row>
    <row r="102" spans="1:4" ht="18" customHeight="1" x14ac:dyDescent="0.15">
      <c r="A102" s="8" t="s">
        <v>320</v>
      </c>
      <c r="B102" s="34">
        <v>32</v>
      </c>
      <c r="C102" s="13">
        <v>45</v>
      </c>
      <c r="D102" s="12">
        <v>77</v>
      </c>
    </row>
    <row r="103" spans="1:4" ht="18" customHeight="1" x14ac:dyDescent="0.15">
      <c r="A103" s="8">
        <v>80</v>
      </c>
      <c r="B103" s="34">
        <v>3</v>
      </c>
      <c r="C103" s="13">
        <v>5</v>
      </c>
      <c r="D103" s="12">
        <v>8</v>
      </c>
    </row>
    <row r="104" spans="1:4" ht="18" customHeight="1" x14ac:dyDescent="0.15">
      <c r="A104" s="8">
        <v>81</v>
      </c>
      <c r="B104" s="34">
        <v>8</v>
      </c>
      <c r="C104" s="13">
        <v>5</v>
      </c>
      <c r="D104" s="12">
        <v>13</v>
      </c>
    </row>
    <row r="105" spans="1:4" ht="18" customHeight="1" x14ac:dyDescent="0.15">
      <c r="A105" s="8">
        <v>82</v>
      </c>
      <c r="B105" s="34">
        <v>8</v>
      </c>
      <c r="C105" s="13">
        <v>10</v>
      </c>
      <c r="D105" s="12">
        <v>18</v>
      </c>
    </row>
    <row r="106" spans="1:4" ht="18" customHeight="1" x14ac:dyDescent="0.15">
      <c r="A106" s="8">
        <v>83</v>
      </c>
      <c r="B106" s="34">
        <v>2</v>
      </c>
      <c r="C106" s="13">
        <v>7</v>
      </c>
      <c r="D106" s="12">
        <v>9</v>
      </c>
    </row>
    <row r="107" spans="1:4" ht="18" customHeight="1" x14ac:dyDescent="0.15">
      <c r="A107" s="8">
        <v>84</v>
      </c>
      <c r="B107" s="34">
        <v>3</v>
      </c>
      <c r="C107" s="13">
        <v>9</v>
      </c>
      <c r="D107" s="12">
        <v>12</v>
      </c>
    </row>
    <row r="108" spans="1:4" ht="18" customHeight="1" x14ac:dyDescent="0.15">
      <c r="A108" s="8" t="s">
        <v>39</v>
      </c>
      <c r="B108" s="34">
        <v>24</v>
      </c>
      <c r="C108" s="13">
        <v>36</v>
      </c>
      <c r="D108" s="12">
        <v>60</v>
      </c>
    </row>
    <row r="109" spans="1:4" ht="18" customHeight="1" x14ac:dyDescent="0.15">
      <c r="A109" s="8">
        <v>85</v>
      </c>
      <c r="B109" s="34">
        <v>9</v>
      </c>
      <c r="C109" s="13">
        <v>4</v>
      </c>
      <c r="D109" s="12">
        <v>13</v>
      </c>
    </row>
    <row r="110" spans="1:4" ht="18" customHeight="1" x14ac:dyDescent="0.15">
      <c r="A110" s="8">
        <v>86</v>
      </c>
      <c r="B110" s="34">
        <v>4</v>
      </c>
      <c r="C110" s="13">
        <v>4</v>
      </c>
      <c r="D110" s="12">
        <v>8</v>
      </c>
    </row>
    <row r="111" spans="1:4" ht="18" customHeight="1" x14ac:dyDescent="0.15">
      <c r="A111" s="8">
        <v>87</v>
      </c>
      <c r="B111" s="34">
        <v>3</v>
      </c>
      <c r="C111" s="13">
        <v>9</v>
      </c>
      <c r="D111" s="12">
        <v>12</v>
      </c>
    </row>
    <row r="112" spans="1:4" ht="18" customHeight="1" x14ac:dyDescent="0.15">
      <c r="A112" s="8">
        <v>88</v>
      </c>
      <c r="B112" s="34">
        <v>2</v>
      </c>
      <c r="C112" s="13">
        <v>5</v>
      </c>
      <c r="D112" s="12">
        <v>7</v>
      </c>
    </row>
    <row r="113" spans="1:4" ht="18" customHeight="1" x14ac:dyDescent="0.15">
      <c r="A113" s="8">
        <v>89</v>
      </c>
      <c r="B113" s="34">
        <v>3</v>
      </c>
      <c r="C113" s="13">
        <v>7</v>
      </c>
      <c r="D113" s="12">
        <v>10</v>
      </c>
    </row>
    <row r="114" spans="1:4" ht="18" customHeight="1" x14ac:dyDescent="0.15">
      <c r="A114" s="8" t="s">
        <v>38</v>
      </c>
      <c r="B114" s="34">
        <v>21</v>
      </c>
      <c r="C114" s="13">
        <v>29</v>
      </c>
      <c r="D114" s="12">
        <v>50</v>
      </c>
    </row>
    <row r="115" spans="1:4" ht="18" customHeight="1" x14ac:dyDescent="0.15">
      <c r="A115" s="8">
        <v>90</v>
      </c>
      <c r="B115" s="34">
        <v>2</v>
      </c>
      <c r="C115" s="13">
        <v>8</v>
      </c>
      <c r="D115" s="12">
        <v>10</v>
      </c>
    </row>
    <row r="116" spans="1:4" ht="18" customHeight="1" x14ac:dyDescent="0.15">
      <c r="A116" s="8">
        <v>91</v>
      </c>
      <c r="B116" s="34">
        <v>1</v>
      </c>
      <c r="C116" s="13">
        <v>8</v>
      </c>
      <c r="D116" s="12">
        <v>9</v>
      </c>
    </row>
    <row r="117" spans="1:4" ht="18" customHeight="1" x14ac:dyDescent="0.15">
      <c r="A117" s="8">
        <v>92</v>
      </c>
      <c r="B117" s="34">
        <v>1</v>
      </c>
      <c r="C117" s="13">
        <v>4</v>
      </c>
      <c r="D117" s="12">
        <v>5</v>
      </c>
    </row>
    <row r="118" spans="1:4" ht="18" customHeight="1" x14ac:dyDescent="0.15">
      <c r="A118" s="8">
        <v>93</v>
      </c>
      <c r="B118" s="34">
        <v>2</v>
      </c>
      <c r="C118" s="13">
        <v>4</v>
      </c>
      <c r="D118" s="12">
        <v>6</v>
      </c>
    </row>
    <row r="119" spans="1:4" ht="18" customHeight="1" x14ac:dyDescent="0.15">
      <c r="A119" s="8">
        <v>94</v>
      </c>
      <c r="B119" s="34">
        <v>1</v>
      </c>
      <c r="C119" s="13">
        <v>2</v>
      </c>
      <c r="D119" s="12">
        <v>3</v>
      </c>
    </row>
    <row r="120" spans="1:4" ht="18" customHeight="1" x14ac:dyDescent="0.15">
      <c r="A120" s="8" t="s">
        <v>69</v>
      </c>
      <c r="B120" s="34">
        <v>7</v>
      </c>
      <c r="C120" s="13">
        <v>26</v>
      </c>
      <c r="D120" s="12">
        <v>33</v>
      </c>
    </row>
    <row r="121" spans="1:4" ht="18" customHeight="1" x14ac:dyDescent="0.15">
      <c r="A121" s="8">
        <v>95</v>
      </c>
      <c r="B121" s="34">
        <v>1</v>
      </c>
      <c r="C121" s="13">
        <v>4</v>
      </c>
      <c r="D121" s="12">
        <v>5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1</v>
      </c>
      <c r="C123" s="13">
        <v>3</v>
      </c>
      <c r="D123" s="12">
        <v>4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2</v>
      </c>
      <c r="C126" s="13">
        <v>7</v>
      </c>
      <c r="D126" s="12">
        <v>9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223</v>
      </c>
      <c r="B128" s="34">
        <v>1</v>
      </c>
      <c r="C128" s="13">
        <v>1</v>
      </c>
      <c r="D128" s="12">
        <v>2</v>
      </c>
    </row>
    <row r="129" spans="1:4" ht="18" customHeight="1" x14ac:dyDescent="0.15">
      <c r="A129" s="8" t="s">
        <v>36</v>
      </c>
      <c r="B129" s="34">
        <v>1</v>
      </c>
      <c r="C129" s="13">
        <v>2</v>
      </c>
      <c r="D129" s="12">
        <v>3</v>
      </c>
    </row>
    <row r="130" spans="1:4" ht="18" customHeight="1" x14ac:dyDescent="0.15">
      <c r="A130" s="8" t="s">
        <v>35</v>
      </c>
      <c r="B130" s="28">
        <v>198</v>
      </c>
      <c r="C130" s="6">
        <v>242</v>
      </c>
      <c r="D130" s="5">
        <v>440</v>
      </c>
    </row>
    <row r="131" spans="1:4" ht="18" customHeight="1" x14ac:dyDescent="0.15">
      <c r="A131" s="4" t="s">
        <v>0</v>
      </c>
      <c r="B131" s="27">
        <v>518</v>
      </c>
      <c r="C131" s="2">
        <v>597</v>
      </c>
      <c r="D131" s="1">
        <v>111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7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2</v>
      </c>
      <c r="C5" s="18">
        <v>11</v>
      </c>
      <c r="D5" s="17">
        <v>23</v>
      </c>
    </row>
    <row r="6" spans="1:4" ht="18" customHeight="1" x14ac:dyDescent="0.15">
      <c r="A6" s="16">
        <v>1</v>
      </c>
      <c r="B6" s="29">
        <v>19</v>
      </c>
      <c r="C6" s="10">
        <v>10</v>
      </c>
      <c r="D6" s="9">
        <v>29</v>
      </c>
    </row>
    <row r="7" spans="1:4" ht="18" customHeight="1" x14ac:dyDescent="0.15">
      <c r="A7" s="16">
        <v>2</v>
      </c>
      <c r="B7" s="29">
        <v>23</v>
      </c>
      <c r="C7" s="10">
        <v>14</v>
      </c>
      <c r="D7" s="9">
        <v>37</v>
      </c>
    </row>
    <row r="8" spans="1:4" ht="18" customHeight="1" x14ac:dyDescent="0.15">
      <c r="A8" s="16">
        <v>3</v>
      </c>
      <c r="B8" s="29">
        <v>24</v>
      </c>
      <c r="C8" s="10">
        <v>15</v>
      </c>
      <c r="D8" s="9">
        <v>39</v>
      </c>
    </row>
    <row r="9" spans="1:4" ht="18" customHeight="1" x14ac:dyDescent="0.15">
      <c r="A9" s="16">
        <v>4</v>
      </c>
      <c r="B9" s="29">
        <v>21</v>
      </c>
      <c r="C9" s="10">
        <v>20</v>
      </c>
      <c r="D9" s="9">
        <v>41</v>
      </c>
    </row>
    <row r="10" spans="1:4" ht="18" customHeight="1" x14ac:dyDescent="0.15">
      <c r="A10" s="8" t="s">
        <v>76</v>
      </c>
      <c r="B10" s="29">
        <v>99</v>
      </c>
      <c r="C10" s="10">
        <v>70</v>
      </c>
      <c r="D10" s="9">
        <v>169</v>
      </c>
    </row>
    <row r="11" spans="1:4" ht="18" customHeight="1" x14ac:dyDescent="0.15">
      <c r="A11" s="16">
        <v>5</v>
      </c>
      <c r="B11" s="29">
        <v>17</v>
      </c>
      <c r="C11" s="10">
        <v>23</v>
      </c>
      <c r="D11" s="9">
        <v>40</v>
      </c>
    </row>
    <row r="12" spans="1:4" ht="18" customHeight="1" x14ac:dyDescent="0.15">
      <c r="A12" s="16">
        <v>6</v>
      </c>
      <c r="B12" s="29">
        <v>13</v>
      </c>
      <c r="C12" s="10">
        <v>18</v>
      </c>
      <c r="D12" s="9">
        <v>31</v>
      </c>
    </row>
    <row r="13" spans="1:4" ht="18" customHeight="1" x14ac:dyDescent="0.15">
      <c r="A13" s="16">
        <v>7</v>
      </c>
      <c r="B13" s="29">
        <v>15</v>
      </c>
      <c r="C13" s="10">
        <v>15</v>
      </c>
      <c r="D13" s="9">
        <v>30</v>
      </c>
    </row>
    <row r="14" spans="1:4" ht="18" customHeight="1" x14ac:dyDescent="0.15">
      <c r="A14" s="16">
        <v>8</v>
      </c>
      <c r="B14" s="29">
        <v>21</v>
      </c>
      <c r="C14" s="10">
        <v>20</v>
      </c>
      <c r="D14" s="9">
        <v>41</v>
      </c>
    </row>
    <row r="15" spans="1:4" ht="18" customHeight="1" x14ac:dyDescent="0.15">
      <c r="A15" s="16">
        <v>9</v>
      </c>
      <c r="B15" s="29">
        <v>12</v>
      </c>
      <c r="C15" s="10">
        <v>16</v>
      </c>
      <c r="D15" s="9">
        <v>28</v>
      </c>
    </row>
    <row r="16" spans="1:4" ht="18" customHeight="1" x14ac:dyDescent="0.15">
      <c r="A16" s="8" t="s">
        <v>50</v>
      </c>
      <c r="B16" s="29">
        <v>78</v>
      </c>
      <c r="C16" s="10">
        <v>92</v>
      </c>
      <c r="D16" s="9">
        <v>170</v>
      </c>
    </row>
    <row r="17" spans="1:4" ht="18" customHeight="1" x14ac:dyDescent="0.15">
      <c r="A17" s="16">
        <v>10</v>
      </c>
      <c r="B17" s="29">
        <v>18</v>
      </c>
      <c r="C17" s="10">
        <v>13</v>
      </c>
      <c r="D17" s="9">
        <v>31</v>
      </c>
    </row>
    <row r="18" spans="1:4" ht="18" customHeight="1" x14ac:dyDescent="0.15">
      <c r="A18" s="16">
        <v>11</v>
      </c>
      <c r="B18" s="29">
        <v>16</v>
      </c>
      <c r="C18" s="10">
        <v>31</v>
      </c>
      <c r="D18" s="9">
        <v>47</v>
      </c>
    </row>
    <row r="19" spans="1:4" ht="18" customHeight="1" x14ac:dyDescent="0.15">
      <c r="A19" s="16">
        <v>12</v>
      </c>
      <c r="B19" s="29">
        <v>16</v>
      </c>
      <c r="C19" s="10">
        <v>10</v>
      </c>
      <c r="D19" s="9">
        <v>26</v>
      </c>
    </row>
    <row r="20" spans="1:4" ht="18" customHeight="1" x14ac:dyDescent="0.15">
      <c r="A20" s="16">
        <v>13</v>
      </c>
      <c r="B20" s="29">
        <v>21</v>
      </c>
      <c r="C20" s="10">
        <v>19</v>
      </c>
      <c r="D20" s="9">
        <v>40</v>
      </c>
    </row>
    <row r="21" spans="1:4" ht="18" customHeight="1" x14ac:dyDescent="0.15">
      <c r="A21" s="16">
        <v>14</v>
      </c>
      <c r="B21" s="29">
        <v>18</v>
      </c>
      <c r="C21" s="10">
        <v>14</v>
      </c>
      <c r="D21" s="9">
        <v>32</v>
      </c>
    </row>
    <row r="22" spans="1:4" ht="18" customHeight="1" x14ac:dyDescent="0.15">
      <c r="A22" s="8" t="s">
        <v>75</v>
      </c>
      <c r="B22" s="29">
        <v>89</v>
      </c>
      <c r="C22" s="10">
        <v>87</v>
      </c>
      <c r="D22" s="9">
        <v>176</v>
      </c>
    </row>
    <row r="23" spans="1:4" ht="18" customHeight="1" x14ac:dyDescent="0.15">
      <c r="A23" s="8" t="s">
        <v>22</v>
      </c>
      <c r="B23" s="29">
        <v>266</v>
      </c>
      <c r="C23" s="10">
        <v>249</v>
      </c>
      <c r="D23" s="9">
        <v>515</v>
      </c>
    </row>
    <row r="24" spans="1:4" ht="18" customHeight="1" x14ac:dyDescent="0.15">
      <c r="A24" s="16">
        <v>15</v>
      </c>
      <c r="B24" s="29">
        <v>10</v>
      </c>
      <c r="C24" s="10">
        <v>24</v>
      </c>
      <c r="D24" s="9">
        <v>34</v>
      </c>
    </row>
    <row r="25" spans="1:4" ht="18" customHeight="1" x14ac:dyDescent="0.15">
      <c r="A25" s="16">
        <v>16</v>
      </c>
      <c r="B25" s="29">
        <v>22</v>
      </c>
      <c r="C25" s="10">
        <v>16</v>
      </c>
      <c r="D25" s="9">
        <v>38</v>
      </c>
    </row>
    <row r="26" spans="1:4" ht="18" customHeight="1" x14ac:dyDescent="0.15">
      <c r="A26" s="16">
        <v>17</v>
      </c>
      <c r="B26" s="29">
        <v>20</v>
      </c>
      <c r="C26" s="10">
        <v>20</v>
      </c>
      <c r="D26" s="9">
        <v>40</v>
      </c>
    </row>
    <row r="27" spans="1:4" ht="18" customHeight="1" x14ac:dyDescent="0.15">
      <c r="A27" s="16">
        <v>18</v>
      </c>
      <c r="B27" s="29">
        <v>24</v>
      </c>
      <c r="C27" s="10">
        <v>13</v>
      </c>
      <c r="D27" s="9">
        <v>37</v>
      </c>
    </row>
    <row r="28" spans="1:4" ht="18" customHeight="1" x14ac:dyDescent="0.15">
      <c r="A28" s="16">
        <v>19</v>
      </c>
      <c r="B28" s="29">
        <v>22</v>
      </c>
      <c r="C28" s="10">
        <v>24</v>
      </c>
      <c r="D28" s="9">
        <v>46</v>
      </c>
    </row>
    <row r="29" spans="1:4" ht="18" customHeight="1" x14ac:dyDescent="0.15">
      <c r="A29" s="8" t="s">
        <v>48</v>
      </c>
      <c r="B29" s="29">
        <v>98</v>
      </c>
      <c r="C29" s="10">
        <v>97</v>
      </c>
      <c r="D29" s="9">
        <v>195</v>
      </c>
    </row>
    <row r="30" spans="1:4" ht="18" customHeight="1" x14ac:dyDescent="0.15">
      <c r="A30" s="16">
        <v>20</v>
      </c>
      <c r="B30" s="29">
        <v>17</v>
      </c>
      <c r="C30" s="10">
        <v>19</v>
      </c>
      <c r="D30" s="9">
        <v>36</v>
      </c>
    </row>
    <row r="31" spans="1:4" ht="18" customHeight="1" x14ac:dyDescent="0.15">
      <c r="A31" s="16">
        <v>21</v>
      </c>
      <c r="B31" s="29">
        <v>21</v>
      </c>
      <c r="C31" s="10">
        <v>22</v>
      </c>
      <c r="D31" s="9">
        <v>43</v>
      </c>
    </row>
    <row r="32" spans="1:4" ht="18" customHeight="1" x14ac:dyDescent="0.15">
      <c r="A32" s="16">
        <v>22</v>
      </c>
      <c r="B32" s="29">
        <v>28</v>
      </c>
      <c r="C32" s="10">
        <v>19</v>
      </c>
      <c r="D32" s="9">
        <v>47</v>
      </c>
    </row>
    <row r="33" spans="1:4" ht="18" customHeight="1" x14ac:dyDescent="0.15">
      <c r="A33" s="16">
        <v>23</v>
      </c>
      <c r="B33" s="29">
        <v>19</v>
      </c>
      <c r="C33" s="10">
        <v>24</v>
      </c>
      <c r="D33" s="9">
        <v>43</v>
      </c>
    </row>
    <row r="34" spans="1:4" ht="18" customHeight="1" x14ac:dyDescent="0.15">
      <c r="A34" s="16">
        <v>24</v>
      </c>
      <c r="B34" s="29">
        <v>41</v>
      </c>
      <c r="C34" s="10">
        <v>21</v>
      </c>
      <c r="D34" s="9">
        <v>62</v>
      </c>
    </row>
    <row r="35" spans="1:4" ht="18" customHeight="1" x14ac:dyDescent="0.15">
      <c r="A35" s="8" t="s">
        <v>74</v>
      </c>
      <c r="B35" s="29">
        <v>126</v>
      </c>
      <c r="C35" s="10">
        <v>105</v>
      </c>
      <c r="D35" s="9">
        <v>231</v>
      </c>
    </row>
    <row r="36" spans="1:4" ht="18" customHeight="1" x14ac:dyDescent="0.15">
      <c r="A36" s="16">
        <v>25</v>
      </c>
      <c r="B36" s="29">
        <v>38</v>
      </c>
      <c r="C36" s="10">
        <v>11</v>
      </c>
      <c r="D36" s="9">
        <v>49</v>
      </c>
    </row>
    <row r="37" spans="1:4" ht="18" customHeight="1" x14ac:dyDescent="0.15">
      <c r="A37" s="16">
        <v>26</v>
      </c>
      <c r="B37" s="29">
        <v>37</v>
      </c>
      <c r="C37" s="10">
        <v>22</v>
      </c>
      <c r="D37" s="9">
        <v>59</v>
      </c>
    </row>
    <row r="38" spans="1:4" ht="18" customHeight="1" x14ac:dyDescent="0.15">
      <c r="A38" s="16">
        <v>27</v>
      </c>
      <c r="B38" s="29">
        <v>40</v>
      </c>
      <c r="C38" s="10">
        <v>22</v>
      </c>
      <c r="D38" s="9">
        <v>62</v>
      </c>
    </row>
    <row r="39" spans="1:4" ht="18" customHeight="1" x14ac:dyDescent="0.15">
      <c r="A39" s="16">
        <v>28</v>
      </c>
      <c r="B39" s="29">
        <v>36</v>
      </c>
      <c r="C39" s="10">
        <v>23</v>
      </c>
      <c r="D39" s="9">
        <v>59</v>
      </c>
    </row>
    <row r="40" spans="1:4" ht="18" customHeight="1" x14ac:dyDescent="0.15">
      <c r="A40" s="16">
        <v>29</v>
      </c>
      <c r="B40" s="29">
        <v>29</v>
      </c>
      <c r="C40" s="10">
        <v>18</v>
      </c>
      <c r="D40" s="9">
        <v>47</v>
      </c>
    </row>
    <row r="41" spans="1:4" ht="18" customHeight="1" x14ac:dyDescent="0.15">
      <c r="A41" s="8" t="s">
        <v>73</v>
      </c>
      <c r="B41" s="29">
        <v>180</v>
      </c>
      <c r="C41" s="10">
        <v>96</v>
      </c>
      <c r="D41" s="9">
        <v>276</v>
      </c>
    </row>
    <row r="42" spans="1:4" ht="18" customHeight="1" x14ac:dyDescent="0.15">
      <c r="A42" s="16">
        <v>30</v>
      </c>
      <c r="B42" s="29">
        <v>18</v>
      </c>
      <c r="C42" s="10">
        <v>28</v>
      </c>
      <c r="D42" s="9">
        <v>46</v>
      </c>
    </row>
    <row r="43" spans="1:4" ht="18" customHeight="1" x14ac:dyDescent="0.15">
      <c r="A43" s="16">
        <v>31</v>
      </c>
      <c r="B43" s="29">
        <v>30</v>
      </c>
      <c r="C43" s="10">
        <v>20</v>
      </c>
      <c r="D43" s="9">
        <v>50</v>
      </c>
    </row>
    <row r="44" spans="1:4" ht="18" customHeight="1" x14ac:dyDescent="0.15">
      <c r="A44" s="16">
        <v>32</v>
      </c>
      <c r="B44" s="29">
        <v>23</v>
      </c>
      <c r="C44" s="10">
        <v>33</v>
      </c>
      <c r="D44" s="9">
        <v>56</v>
      </c>
    </row>
    <row r="45" spans="1:4" ht="18" customHeight="1" x14ac:dyDescent="0.15">
      <c r="A45" s="16">
        <v>33</v>
      </c>
      <c r="B45" s="29">
        <v>27</v>
      </c>
      <c r="C45" s="10">
        <v>25</v>
      </c>
      <c r="D45" s="9">
        <v>52</v>
      </c>
    </row>
    <row r="46" spans="1:4" ht="18" customHeight="1" x14ac:dyDescent="0.15">
      <c r="A46" s="16">
        <v>34</v>
      </c>
      <c r="B46" s="29">
        <v>33</v>
      </c>
      <c r="C46" s="10">
        <v>21</v>
      </c>
      <c r="D46" s="9">
        <v>54</v>
      </c>
    </row>
    <row r="47" spans="1:4" ht="18" customHeight="1" x14ac:dyDescent="0.15">
      <c r="A47" s="8" t="s">
        <v>61</v>
      </c>
      <c r="B47" s="29">
        <v>131</v>
      </c>
      <c r="C47" s="10">
        <v>127</v>
      </c>
      <c r="D47" s="9">
        <v>258</v>
      </c>
    </row>
    <row r="48" spans="1:4" ht="18" customHeight="1" x14ac:dyDescent="0.15">
      <c r="A48" s="16">
        <v>35</v>
      </c>
      <c r="B48" s="29">
        <v>29</v>
      </c>
      <c r="C48" s="10">
        <v>27</v>
      </c>
      <c r="D48" s="9">
        <v>56</v>
      </c>
    </row>
    <row r="49" spans="1:4" ht="18" customHeight="1" x14ac:dyDescent="0.15">
      <c r="A49" s="16">
        <v>36</v>
      </c>
      <c r="B49" s="29">
        <v>33</v>
      </c>
      <c r="C49" s="10">
        <v>39</v>
      </c>
      <c r="D49" s="9">
        <v>72</v>
      </c>
    </row>
    <row r="50" spans="1:4" ht="18" customHeight="1" x14ac:dyDescent="0.15">
      <c r="A50" s="16">
        <v>37</v>
      </c>
      <c r="B50" s="29">
        <v>23</v>
      </c>
      <c r="C50" s="10">
        <v>25</v>
      </c>
      <c r="D50" s="9">
        <v>48</v>
      </c>
    </row>
    <row r="51" spans="1:4" ht="18" customHeight="1" x14ac:dyDescent="0.15">
      <c r="A51" s="16">
        <v>38</v>
      </c>
      <c r="B51" s="29">
        <v>27</v>
      </c>
      <c r="C51" s="10">
        <v>24</v>
      </c>
      <c r="D51" s="9">
        <v>51</v>
      </c>
    </row>
    <row r="52" spans="1:4" ht="18" customHeight="1" x14ac:dyDescent="0.15">
      <c r="A52" s="16">
        <v>39</v>
      </c>
      <c r="B52" s="29">
        <v>38</v>
      </c>
      <c r="C52" s="10">
        <v>31</v>
      </c>
      <c r="D52" s="9">
        <v>69</v>
      </c>
    </row>
    <row r="53" spans="1:4" ht="18" customHeight="1" x14ac:dyDescent="0.15">
      <c r="A53" s="8" t="s">
        <v>72</v>
      </c>
      <c r="B53" s="29">
        <v>150</v>
      </c>
      <c r="C53" s="10">
        <v>146</v>
      </c>
      <c r="D53" s="9">
        <v>296</v>
      </c>
    </row>
    <row r="54" spans="1:4" ht="18" customHeight="1" x14ac:dyDescent="0.15">
      <c r="A54" s="16">
        <v>40</v>
      </c>
      <c r="B54" s="29">
        <v>32</v>
      </c>
      <c r="C54" s="10">
        <v>25</v>
      </c>
      <c r="D54" s="9">
        <v>57</v>
      </c>
    </row>
    <row r="55" spans="1:4" ht="18" customHeight="1" x14ac:dyDescent="0.15">
      <c r="A55" s="16">
        <v>41</v>
      </c>
      <c r="B55" s="29">
        <v>30</v>
      </c>
      <c r="C55" s="10">
        <v>40</v>
      </c>
      <c r="D55" s="9">
        <v>70</v>
      </c>
    </row>
    <row r="56" spans="1:4" ht="18" customHeight="1" x14ac:dyDescent="0.15">
      <c r="A56" s="16">
        <v>42</v>
      </c>
      <c r="B56" s="29">
        <v>26</v>
      </c>
      <c r="C56" s="10">
        <v>36</v>
      </c>
      <c r="D56" s="9">
        <v>62</v>
      </c>
    </row>
    <row r="57" spans="1:4" ht="18" customHeight="1" x14ac:dyDescent="0.15">
      <c r="A57" s="16">
        <v>43</v>
      </c>
      <c r="B57" s="29">
        <v>48</v>
      </c>
      <c r="C57" s="10">
        <v>35</v>
      </c>
      <c r="D57" s="9">
        <v>83</v>
      </c>
    </row>
    <row r="58" spans="1:4" ht="18" customHeight="1" x14ac:dyDescent="0.15">
      <c r="A58" s="16">
        <v>44</v>
      </c>
      <c r="B58" s="29">
        <v>35</v>
      </c>
      <c r="C58" s="10">
        <v>45</v>
      </c>
      <c r="D58" s="9">
        <v>80</v>
      </c>
    </row>
    <row r="59" spans="1:4" ht="18" customHeight="1" x14ac:dyDescent="0.15">
      <c r="A59" s="8" t="s">
        <v>16</v>
      </c>
      <c r="B59" s="29">
        <v>171</v>
      </c>
      <c r="C59" s="10">
        <v>181</v>
      </c>
      <c r="D59" s="9">
        <v>352</v>
      </c>
    </row>
    <row r="60" spans="1:4" ht="18" customHeight="1" x14ac:dyDescent="0.15">
      <c r="A60" s="16">
        <v>45</v>
      </c>
      <c r="B60" s="29">
        <v>40</v>
      </c>
      <c r="C60" s="10">
        <v>35</v>
      </c>
      <c r="D60" s="9">
        <v>75</v>
      </c>
    </row>
    <row r="61" spans="1:4" ht="18" customHeight="1" x14ac:dyDescent="0.15">
      <c r="A61" s="16">
        <v>46</v>
      </c>
      <c r="B61" s="29">
        <v>43</v>
      </c>
      <c r="C61" s="10">
        <v>43</v>
      </c>
      <c r="D61" s="9">
        <v>86</v>
      </c>
    </row>
    <row r="62" spans="1:4" ht="18" customHeight="1" x14ac:dyDescent="0.15">
      <c r="A62" s="16">
        <v>47</v>
      </c>
      <c r="B62" s="29">
        <v>44</v>
      </c>
      <c r="C62" s="10">
        <v>32</v>
      </c>
      <c r="D62" s="9">
        <v>76</v>
      </c>
    </row>
    <row r="63" spans="1:4" ht="18" customHeight="1" x14ac:dyDescent="0.15">
      <c r="A63" s="16">
        <v>48</v>
      </c>
      <c r="B63" s="29">
        <v>31</v>
      </c>
      <c r="C63" s="10">
        <v>45</v>
      </c>
      <c r="D63" s="9">
        <v>76</v>
      </c>
    </row>
    <row r="64" spans="1:4" ht="18" customHeight="1" x14ac:dyDescent="0.15">
      <c r="A64" s="16">
        <v>49</v>
      </c>
      <c r="B64" s="29">
        <v>41</v>
      </c>
      <c r="C64" s="10">
        <v>34</v>
      </c>
      <c r="D64" s="9">
        <v>75</v>
      </c>
    </row>
    <row r="65" spans="1:4" ht="18" customHeight="1" x14ac:dyDescent="0.15">
      <c r="A65" s="8" t="s">
        <v>15</v>
      </c>
      <c r="B65" s="29">
        <v>199</v>
      </c>
      <c r="C65" s="10">
        <v>189</v>
      </c>
      <c r="D65" s="9">
        <v>388</v>
      </c>
    </row>
    <row r="66" spans="1:4" ht="18" customHeight="1" x14ac:dyDescent="0.15">
      <c r="A66" s="16">
        <v>50</v>
      </c>
      <c r="B66" s="29">
        <v>48</v>
      </c>
      <c r="C66" s="10">
        <v>37</v>
      </c>
      <c r="D66" s="9">
        <v>85</v>
      </c>
    </row>
    <row r="67" spans="1:4" ht="18" customHeight="1" x14ac:dyDescent="0.15">
      <c r="A67" s="16">
        <v>51</v>
      </c>
      <c r="B67" s="29">
        <v>55</v>
      </c>
      <c r="C67" s="10">
        <v>48</v>
      </c>
      <c r="D67" s="9">
        <v>103</v>
      </c>
    </row>
    <row r="68" spans="1:4" ht="18" customHeight="1" x14ac:dyDescent="0.15">
      <c r="A68" s="16">
        <v>52</v>
      </c>
      <c r="B68" s="29">
        <v>49</v>
      </c>
      <c r="C68" s="10">
        <v>40</v>
      </c>
      <c r="D68" s="9">
        <v>89</v>
      </c>
    </row>
    <row r="69" spans="1:4" ht="18" customHeight="1" x14ac:dyDescent="0.15">
      <c r="A69" s="16">
        <v>53</v>
      </c>
      <c r="B69" s="29">
        <v>42</v>
      </c>
      <c r="C69" s="10">
        <v>38</v>
      </c>
      <c r="D69" s="9">
        <v>80</v>
      </c>
    </row>
    <row r="70" spans="1:4" ht="18" customHeight="1" x14ac:dyDescent="0.15">
      <c r="A70" s="16">
        <v>54</v>
      </c>
      <c r="B70" s="29">
        <v>49</v>
      </c>
      <c r="C70" s="10">
        <v>37</v>
      </c>
      <c r="D70" s="9">
        <v>86</v>
      </c>
    </row>
    <row r="71" spans="1:4" ht="18" customHeight="1" x14ac:dyDescent="0.15">
      <c r="A71" s="8" t="s">
        <v>58</v>
      </c>
      <c r="B71" s="29">
        <v>243</v>
      </c>
      <c r="C71" s="10">
        <v>200</v>
      </c>
      <c r="D71" s="9">
        <v>443</v>
      </c>
    </row>
    <row r="72" spans="1:4" ht="18" customHeight="1" x14ac:dyDescent="0.15">
      <c r="A72" s="16">
        <v>55</v>
      </c>
      <c r="B72" s="29">
        <v>55</v>
      </c>
      <c r="C72" s="10">
        <v>47</v>
      </c>
      <c r="D72" s="9">
        <v>102</v>
      </c>
    </row>
    <row r="73" spans="1:4" ht="18" customHeight="1" x14ac:dyDescent="0.15">
      <c r="A73" s="16">
        <v>56</v>
      </c>
      <c r="B73" s="29">
        <v>25</v>
      </c>
      <c r="C73" s="10">
        <v>36</v>
      </c>
      <c r="D73" s="9">
        <v>61</v>
      </c>
    </row>
    <row r="74" spans="1:4" ht="18" customHeight="1" x14ac:dyDescent="0.15">
      <c r="A74" s="16">
        <v>57</v>
      </c>
      <c r="B74" s="29">
        <v>40</v>
      </c>
      <c r="C74" s="10">
        <v>53</v>
      </c>
      <c r="D74" s="9">
        <v>93</v>
      </c>
    </row>
    <row r="75" spans="1:4" ht="18" customHeight="1" x14ac:dyDescent="0.15">
      <c r="A75" s="16">
        <v>58</v>
      </c>
      <c r="B75" s="29">
        <v>42</v>
      </c>
      <c r="C75" s="10">
        <v>40</v>
      </c>
      <c r="D75" s="9">
        <v>82</v>
      </c>
    </row>
    <row r="76" spans="1:4" ht="18" customHeight="1" x14ac:dyDescent="0.15">
      <c r="A76" s="16">
        <v>59</v>
      </c>
      <c r="B76" s="29">
        <v>46</v>
      </c>
      <c r="C76" s="10">
        <v>46</v>
      </c>
      <c r="D76" s="9">
        <v>92</v>
      </c>
    </row>
    <row r="77" spans="1:4" ht="18" customHeight="1" x14ac:dyDescent="0.15">
      <c r="A77" s="8" t="s">
        <v>71</v>
      </c>
      <c r="B77" s="29">
        <v>208</v>
      </c>
      <c r="C77" s="10">
        <v>222</v>
      </c>
      <c r="D77" s="9">
        <v>430</v>
      </c>
    </row>
    <row r="78" spans="1:4" ht="18" customHeight="1" x14ac:dyDescent="0.15">
      <c r="A78" s="16">
        <v>60</v>
      </c>
      <c r="B78" s="29">
        <v>46</v>
      </c>
      <c r="C78" s="10">
        <v>36</v>
      </c>
      <c r="D78" s="9">
        <v>82</v>
      </c>
    </row>
    <row r="79" spans="1:4" ht="18" customHeight="1" x14ac:dyDescent="0.15">
      <c r="A79" s="16">
        <v>61</v>
      </c>
      <c r="B79" s="29">
        <v>43</v>
      </c>
      <c r="C79" s="10">
        <v>42</v>
      </c>
      <c r="D79" s="9">
        <v>85</v>
      </c>
    </row>
    <row r="80" spans="1:4" ht="18" customHeight="1" x14ac:dyDescent="0.15">
      <c r="A80" s="16">
        <v>62</v>
      </c>
      <c r="B80" s="29">
        <v>33</v>
      </c>
      <c r="C80" s="10">
        <v>39</v>
      </c>
      <c r="D80" s="9">
        <v>72</v>
      </c>
    </row>
    <row r="81" spans="1:4" ht="18" customHeight="1" x14ac:dyDescent="0.15">
      <c r="A81" s="16">
        <v>63</v>
      </c>
      <c r="B81" s="29">
        <v>45</v>
      </c>
      <c r="C81" s="10">
        <v>39</v>
      </c>
      <c r="D81" s="9">
        <v>84</v>
      </c>
    </row>
    <row r="82" spans="1:4" ht="18" customHeight="1" x14ac:dyDescent="0.15">
      <c r="A82" s="16">
        <v>64</v>
      </c>
      <c r="B82" s="29">
        <v>33</v>
      </c>
      <c r="C82" s="10">
        <v>43</v>
      </c>
      <c r="D82" s="9">
        <v>76</v>
      </c>
    </row>
    <row r="83" spans="1:4" ht="18" customHeight="1" x14ac:dyDescent="0.15">
      <c r="A83" s="8" t="s">
        <v>44</v>
      </c>
      <c r="B83" s="29">
        <v>200</v>
      </c>
      <c r="C83" s="10">
        <v>199</v>
      </c>
      <c r="D83" s="9">
        <v>399</v>
      </c>
    </row>
    <row r="84" spans="1:4" ht="18" customHeight="1" x14ac:dyDescent="0.15">
      <c r="A84" s="8" t="s">
        <v>43</v>
      </c>
      <c r="B84" s="29">
        <v>1706</v>
      </c>
      <c r="C84" s="10">
        <v>1562</v>
      </c>
      <c r="D84" s="9">
        <v>3268</v>
      </c>
    </row>
    <row r="85" spans="1:4" ht="18" customHeight="1" x14ac:dyDescent="0.15">
      <c r="A85" s="16">
        <v>65</v>
      </c>
      <c r="B85" s="29">
        <v>37</v>
      </c>
      <c r="C85" s="10">
        <v>34</v>
      </c>
      <c r="D85" s="9">
        <v>71</v>
      </c>
    </row>
    <row r="86" spans="1:4" ht="18" customHeight="1" x14ac:dyDescent="0.15">
      <c r="A86" s="16">
        <v>66</v>
      </c>
      <c r="B86" s="29">
        <v>45</v>
      </c>
      <c r="C86" s="10">
        <v>43</v>
      </c>
      <c r="D86" s="9">
        <v>88</v>
      </c>
    </row>
    <row r="87" spans="1:4" ht="18" customHeight="1" x14ac:dyDescent="0.15">
      <c r="A87" s="16">
        <v>67</v>
      </c>
      <c r="B87" s="29">
        <v>40</v>
      </c>
      <c r="C87" s="10">
        <v>38</v>
      </c>
      <c r="D87" s="9">
        <v>78</v>
      </c>
    </row>
    <row r="88" spans="1:4" ht="18" customHeight="1" x14ac:dyDescent="0.15">
      <c r="A88" s="16">
        <v>68</v>
      </c>
      <c r="B88" s="29">
        <v>28</v>
      </c>
      <c r="C88" s="10">
        <v>44</v>
      </c>
      <c r="D88" s="9">
        <v>72</v>
      </c>
    </row>
    <row r="89" spans="1:4" ht="18" customHeight="1" x14ac:dyDescent="0.15">
      <c r="A89" s="16">
        <v>69</v>
      </c>
      <c r="B89" s="29">
        <v>29</v>
      </c>
      <c r="C89" s="10">
        <v>30</v>
      </c>
      <c r="D89" s="9">
        <v>59</v>
      </c>
    </row>
    <row r="90" spans="1:4" ht="18" customHeight="1" x14ac:dyDescent="0.15">
      <c r="A90" s="8" t="s">
        <v>42</v>
      </c>
      <c r="B90" s="29">
        <v>179</v>
      </c>
      <c r="C90" s="10">
        <v>189</v>
      </c>
      <c r="D90" s="9">
        <v>368</v>
      </c>
    </row>
    <row r="91" spans="1:4" ht="18" customHeight="1" x14ac:dyDescent="0.15">
      <c r="A91" s="16">
        <v>70</v>
      </c>
      <c r="B91" s="29">
        <v>40</v>
      </c>
      <c r="C91" s="10">
        <v>45</v>
      </c>
      <c r="D91" s="9">
        <v>85</v>
      </c>
    </row>
    <row r="92" spans="1:4" ht="18" customHeight="1" x14ac:dyDescent="0.15">
      <c r="A92" s="16">
        <v>71</v>
      </c>
      <c r="B92" s="29">
        <v>35</v>
      </c>
      <c r="C92" s="10">
        <v>41</v>
      </c>
      <c r="D92" s="9">
        <v>76</v>
      </c>
    </row>
    <row r="93" spans="1:4" ht="18" customHeight="1" x14ac:dyDescent="0.15">
      <c r="A93" s="16">
        <v>72</v>
      </c>
      <c r="B93" s="29">
        <v>39</v>
      </c>
      <c r="C93" s="10">
        <v>46</v>
      </c>
      <c r="D93" s="9">
        <v>85</v>
      </c>
    </row>
    <row r="94" spans="1:4" ht="18" customHeight="1" x14ac:dyDescent="0.15">
      <c r="A94" s="16">
        <v>73</v>
      </c>
      <c r="B94" s="29">
        <v>48</v>
      </c>
      <c r="C94" s="10">
        <v>47</v>
      </c>
      <c r="D94" s="9">
        <v>95</v>
      </c>
    </row>
    <row r="95" spans="1:4" ht="18" customHeight="1" x14ac:dyDescent="0.15">
      <c r="A95" s="16">
        <v>74</v>
      </c>
      <c r="B95" s="29">
        <v>61</v>
      </c>
      <c r="C95" s="10">
        <v>58</v>
      </c>
      <c r="D95" s="9">
        <v>119</v>
      </c>
    </row>
    <row r="96" spans="1:4" ht="18" customHeight="1" x14ac:dyDescent="0.15">
      <c r="A96" s="8" t="s">
        <v>9</v>
      </c>
      <c r="B96" s="29">
        <v>223</v>
      </c>
      <c r="C96" s="10">
        <v>237</v>
      </c>
      <c r="D96" s="9">
        <v>460</v>
      </c>
    </row>
    <row r="97" spans="1:4" ht="18" customHeight="1" x14ac:dyDescent="0.15">
      <c r="A97" s="16">
        <v>75</v>
      </c>
      <c r="B97" s="29">
        <v>57</v>
      </c>
      <c r="C97" s="10">
        <v>70</v>
      </c>
      <c r="D97" s="9">
        <v>127</v>
      </c>
    </row>
    <row r="98" spans="1:4" ht="18" customHeight="1" x14ac:dyDescent="0.15">
      <c r="A98" s="16">
        <v>76</v>
      </c>
      <c r="B98" s="29">
        <v>30</v>
      </c>
      <c r="C98" s="10">
        <v>50</v>
      </c>
      <c r="D98" s="9">
        <v>80</v>
      </c>
    </row>
    <row r="99" spans="1:4" ht="18" customHeight="1" x14ac:dyDescent="0.15">
      <c r="A99" s="16">
        <v>77</v>
      </c>
      <c r="B99" s="29">
        <v>29</v>
      </c>
      <c r="C99" s="10">
        <v>32</v>
      </c>
      <c r="D99" s="9">
        <v>61</v>
      </c>
    </row>
    <row r="100" spans="1:4" ht="18" customHeight="1" x14ac:dyDescent="0.15">
      <c r="A100" s="16">
        <v>78</v>
      </c>
      <c r="B100" s="29">
        <v>31</v>
      </c>
      <c r="C100" s="10">
        <v>49</v>
      </c>
      <c r="D100" s="9">
        <v>80</v>
      </c>
    </row>
    <row r="101" spans="1:4" ht="18" customHeight="1" x14ac:dyDescent="0.15">
      <c r="A101" s="16">
        <v>79</v>
      </c>
      <c r="B101" s="29">
        <v>36</v>
      </c>
      <c r="C101" s="10">
        <v>51</v>
      </c>
      <c r="D101" s="9">
        <v>87</v>
      </c>
    </row>
    <row r="102" spans="1:4" ht="18" customHeight="1" x14ac:dyDescent="0.15">
      <c r="A102" s="8" t="s">
        <v>8</v>
      </c>
      <c r="B102" s="29">
        <v>183</v>
      </c>
      <c r="C102" s="10">
        <v>252</v>
      </c>
      <c r="D102" s="9">
        <v>435</v>
      </c>
    </row>
    <row r="103" spans="1:4" ht="18" customHeight="1" x14ac:dyDescent="0.15">
      <c r="A103" s="16">
        <v>80</v>
      </c>
      <c r="B103" s="29">
        <v>33</v>
      </c>
      <c r="C103" s="10">
        <v>53</v>
      </c>
      <c r="D103" s="9">
        <v>86</v>
      </c>
    </row>
    <row r="104" spans="1:4" ht="18" customHeight="1" x14ac:dyDescent="0.15">
      <c r="A104" s="16">
        <v>81</v>
      </c>
      <c r="B104" s="29">
        <v>39</v>
      </c>
      <c r="C104" s="10">
        <v>54</v>
      </c>
      <c r="D104" s="9">
        <v>93</v>
      </c>
    </row>
    <row r="105" spans="1:4" ht="18" customHeight="1" x14ac:dyDescent="0.15">
      <c r="A105" s="16">
        <v>82</v>
      </c>
      <c r="B105" s="29">
        <v>30</v>
      </c>
      <c r="C105" s="10">
        <v>43</v>
      </c>
      <c r="D105" s="9">
        <v>73</v>
      </c>
    </row>
    <row r="106" spans="1:4" ht="18" customHeight="1" x14ac:dyDescent="0.15">
      <c r="A106" s="16">
        <v>83</v>
      </c>
      <c r="B106" s="29">
        <v>31</v>
      </c>
      <c r="C106" s="10">
        <v>33</v>
      </c>
      <c r="D106" s="9">
        <v>64</v>
      </c>
    </row>
    <row r="107" spans="1:4" ht="18" customHeight="1" x14ac:dyDescent="0.15">
      <c r="A107" s="16">
        <v>84</v>
      </c>
      <c r="B107" s="29">
        <v>14</v>
      </c>
      <c r="C107" s="10">
        <v>39</v>
      </c>
      <c r="D107" s="9">
        <v>53</v>
      </c>
    </row>
    <row r="108" spans="1:4" ht="18" customHeight="1" x14ac:dyDescent="0.15">
      <c r="A108" s="8" t="s">
        <v>39</v>
      </c>
      <c r="B108" s="29">
        <v>147</v>
      </c>
      <c r="C108" s="10">
        <v>222</v>
      </c>
      <c r="D108" s="9">
        <v>369</v>
      </c>
    </row>
    <row r="109" spans="1:4" ht="18" customHeight="1" x14ac:dyDescent="0.15">
      <c r="A109" s="16">
        <v>85</v>
      </c>
      <c r="B109" s="29">
        <v>23</v>
      </c>
      <c r="C109" s="10">
        <v>32</v>
      </c>
      <c r="D109" s="9">
        <v>55</v>
      </c>
    </row>
    <row r="110" spans="1:4" ht="18" customHeight="1" x14ac:dyDescent="0.15">
      <c r="A110" s="16">
        <v>86</v>
      </c>
      <c r="B110" s="29">
        <v>16</v>
      </c>
      <c r="C110" s="10">
        <v>40</v>
      </c>
      <c r="D110" s="9">
        <v>56</v>
      </c>
    </row>
    <row r="111" spans="1:4" ht="18" customHeight="1" x14ac:dyDescent="0.15">
      <c r="A111" s="16">
        <v>87</v>
      </c>
      <c r="B111" s="29">
        <v>23</v>
      </c>
      <c r="C111" s="10">
        <v>41</v>
      </c>
      <c r="D111" s="9">
        <v>64</v>
      </c>
    </row>
    <row r="112" spans="1:4" ht="18" customHeight="1" x14ac:dyDescent="0.15">
      <c r="A112" s="16">
        <v>88</v>
      </c>
      <c r="B112" s="29">
        <v>14</v>
      </c>
      <c r="C112" s="10">
        <v>35</v>
      </c>
      <c r="D112" s="9">
        <v>49</v>
      </c>
    </row>
    <row r="113" spans="1:4" ht="18" customHeight="1" x14ac:dyDescent="0.15">
      <c r="A113" s="16">
        <v>89</v>
      </c>
      <c r="B113" s="29">
        <v>15</v>
      </c>
      <c r="C113" s="10">
        <v>36</v>
      </c>
      <c r="D113" s="9">
        <v>51</v>
      </c>
    </row>
    <row r="114" spans="1:4" ht="18" customHeight="1" x14ac:dyDescent="0.15">
      <c r="A114" s="8" t="s">
        <v>38</v>
      </c>
      <c r="B114" s="29">
        <v>91</v>
      </c>
      <c r="C114" s="10">
        <v>184</v>
      </c>
      <c r="D114" s="9">
        <v>275</v>
      </c>
    </row>
    <row r="115" spans="1:4" ht="18" customHeight="1" x14ac:dyDescent="0.15">
      <c r="A115" s="16">
        <v>90</v>
      </c>
      <c r="B115" s="29">
        <v>8</v>
      </c>
      <c r="C115" s="10">
        <v>30</v>
      </c>
      <c r="D115" s="9">
        <v>38</v>
      </c>
    </row>
    <row r="116" spans="1:4" ht="18" customHeight="1" x14ac:dyDescent="0.15">
      <c r="A116" s="16">
        <v>91</v>
      </c>
      <c r="B116" s="29">
        <v>7</v>
      </c>
      <c r="C116" s="10">
        <v>23</v>
      </c>
      <c r="D116" s="9">
        <v>30</v>
      </c>
    </row>
    <row r="117" spans="1:4" ht="18" customHeight="1" x14ac:dyDescent="0.15">
      <c r="A117" s="16">
        <v>92</v>
      </c>
      <c r="B117" s="29">
        <v>6</v>
      </c>
      <c r="C117" s="10">
        <v>21</v>
      </c>
      <c r="D117" s="9">
        <v>27</v>
      </c>
    </row>
    <row r="118" spans="1:4" ht="18" customHeight="1" x14ac:dyDescent="0.15">
      <c r="A118" s="16">
        <v>93</v>
      </c>
      <c r="B118" s="29">
        <v>6</v>
      </c>
      <c r="C118" s="10">
        <v>25</v>
      </c>
      <c r="D118" s="9">
        <v>31</v>
      </c>
    </row>
    <row r="119" spans="1:4" ht="18" customHeight="1" x14ac:dyDescent="0.15">
      <c r="A119" s="16">
        <v>94</v>
      </c>
      <c r="B119" s="29">
        <v>7</v>
      </c>
      <c r="C119" s="10">
        <v>12</v>
      </c>
      <c r="D119" s="9">
        <v>19</v>
      </c>
    </row>
    <row r="120" spans="1:4" ht="18" customHeight="1" x14ac:dyDescent="0.15">
      <c r="A120" s="8" t="s">
        <v>69</v>
      </c>
      <c r="B120" s="29">
        <v>34</v>
      </c>
      <c r="C120" s="10">
        <v>111</v>
      </c>
      <c r="D120" s="9">
        <v>145</v>
      </c>
    </row>
    <row r="121" spans="1:4" ht="18" customHeight="1" x14ac:dyDescent="0.15">
      <c r="A121" s="16">
        <v>95</v>
      </c>
      <c r="B121" s="29">
        <v>2</v>
      </c>
      <c r="C121" s="10">
        <v>9</v>
      </c>
      <c r="D121" s="9">
        <v>11</v>
      </c>
    </row>
    <row r="122" spans="1:4" ht="18" customHeight="1" x14ac:dyDescent="0.15">
      <c r="A122" s="16">
        <v>96</v>
      </c>
      <c r="B122" s="29">
        <v>1</v>
      </c>
      <c r="C122" s="10">
        <v>17</v>
      </c>
      <c r="D122" s="9">
        <v>18</v>
      </c>
    </row>
    <row r="123" spans="1:4" ht="18" customHeight="1" x14ac:dyDescent="0.15">
      <c r="A123" s="16">
        <v>97</v>
      </c>
      <c r="B123" s="29">
        <v>2</v>
      </c>
      <c r="C123" s="10">
        <v>7</v>
      </c>
      <c r="D123" s="9">
        <v>9</v>
      </c>
    </row>
    <row r="124" spans="1:4" ht="18" customHeight="1" x14ac:dyDescent="0.15">
      <c r="A124" s="16">
        <v>98</v>
      </c>
      <c r="B124" s="29">
        <v>1</v>
      </c>
      <c r="C124" s="10">
        <v>5</v>
      </c>
      <c r="D124" s="9">
        <v>6</v>
      </c>
    </row>
    <row r="125" spans="1:4" ht="18" customHeight="1" x14ac:dyDescent="0.15">
      <c r="A125" s="16">
        <v>99</v>
      </c>
      <c r="B125" s="29">
        <v>0</v>
      </c>
      <c r="C125" s="10">
        <v>3</v>
      </c>
      <c r="D125" s="9">
        <v>3</v>
      </c>
    </row>
    <row r="126" spans="1:4" ht="18" customHeight="1" x14ac:dyDescent="0.15">
      <c r="A126" s="8" t="s">
        <v>68</v>
      </c>
      <c r="B126" s="29">
        <v>6</v>
      </c>
      <c r="C126" s="10">
        <v>41</v>
      </c>
      <c r="D126" s="9">
        <v>47</v>
      </c>
    </row>
    <row r="127" spans="1:4" ht="18" customHeight="1" x14ac:dyDescent="0.15">
      <c r="A127" s="16">
        <v>100</v>
      </c>
      <c r="B127" s="29">
        <v>0</v>
      </c>
      <c r="C127" s="10">
        <v>2</v>
      </c>
      <c r="D127" s="9">
        <v>2</v>
      </c>
    </row>
    <row r="128" spans="1:4" ht="18" customHeight="1" x14ac:dyDescent="0.15">
      <c r="A128" s="15" t="s">
        <v>37</v>
      </c>
      <c r="B128" s="29">
        <v>0</v>
      </c>
      <c r="C128" s="10">
        <v>3</v>
      </c>
      <c r="D128" s="9">
        <v>3</v>
      </c>
    </row>
    <row r="129" spans="1:4" ht="18" customHeight="1" x14ac:dyDescent="0.15">
      <c r="A129" s="8" t="s">
        <v>36</v>
      </c>
      <c r="B129" s="29">
        <v>0</v>
      </c>
      <c r="C129" s="10">
        <v>5</v>
      </c>
      <c r="D129" s="9">
        <v>5</v>
      </c>
    </row>
    <row r="130" spans="1:4" ht="18" customHeight="1" x14ac:dyDescent="0.15">
      <c r="A130" s="8" t="s">
        <v>35</v>
      </c>
      <c r="B130" s="28">
        <v>863</v>
      </c>
      <c r="C130" s="6">
        <v>1241</v>
      </c>
      <c r="D130" s="5">
        <v>2104</v>
      </c>
    </row>
    <row r="131" spans="1:4" ht="18" customHeight="1" x14ac:dyDescent="0.15">
      <c r="A131" s="4" t="s">
        <v>0</v>
      </c>
      <c r="B131" s="27">
        <v>2835</v>
      </c>
      <c r="C131" s="2">
        <v>3052</v>
      </c>
      <c r="D131" s="1">
        <v>588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3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0</v>
      </c>
      <c r="D5" s="43">
        <v>0</v>
      </c>
    </row>
    <row r="6" spans="1:4" ht="18" customHeight="1" x14ac:dyDescent="0.15">
      <c r="A6" s="8">
        <v>1</v>
      </c>
      <c r="B6" s="39">
        <v>0</v>
      </c>
      <c r="C6" s="13">
        <v>0</v>
      </c>
      <c r="D6" s="12">
        <v>0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1</v>
      </c>
      <c r="D8" s="12">
        <v>1</v>
      </c>
    </row>
    <row r="9" spans="1:4" ht="18" customHeight="1" x14ac:dyDescent="0.15">
      <c r="A9" s="8">
        <v>4</v>
      </c>
      <c r="B9" s="42">
        <v>2</v>
      </c>
      <c r="C9" s="41">
        <v>0</v>
      </c>
      <c r="D9" s="40">
        <v>2</v>
      </c>
    </row>
    <row r="10" spans="1:4" ht="18" customHeight="1" x14ac:dyDescent="0.15">
      <c r="A10" s="8" t="s">
        <v>76</v>
      </c>
      <c r="B10" s="34">
        <v>2</v>
      </c>
      <c r="C10" s="13">
        <v>1</v>
      </c>
      <c r="D10" s="12">
        <v>3</v>
      </c>
    </row>
    <row r="11" spans="1:4" ht="18" customHeight="1" x14ac:dyDescent="0.15">
      <c r="A11" s="8">
        <v>5</v>
      </c>
      <c r="B11" s="39">
        <v>0</v>
      </c>
      <c r="C11" s="13">
        <v>0</v>
      </c>
      <c r="D11" s="12">
        <v>0</v>
      </c>
    </row>
    <row r="12" spans="1:4" ht="18" customHeight="1" x14ac:dyDescent="0.15">
      <c r="A12" s="8">
        <v>6</v>
      </c>
      <c r="B12" s="39">
        <v>0</v>
      </c>
      <c r="C12" s="13">
        <v>0</v>
      </c>
      <c r="D12" s="12">
        <v>0</v>
      </c>
    </row>
    <row r="13" spans="1:4" ht="18" customHeight="1" x14ac:dyDescent="0.15">
      <c r="A13" s="8">
        <v>7</v>
      </c>
      <c r="B13" s="39">
        <v>0</v>
      </c>
      <c r="C13" s="13">
        <v>1</v>
      </c>
      <c r="D13" s="12">
        <v>1</v>
      </c>
    </row>
    <row r="14" spans="1:4" ht="18" customHeight="1" x14ac:dyDescent="0.15">
      <c r="A14" s="8">
        <v>8</v>
      </c>
      <c r="B14" s="39">
        <v>0</v>
      </c>
      <c r="C14" s="13">
        <v>1</v>
      </c>
      <c r="D14" s="12">
        <v>1</v>
      </c>
    </row>
    <row r="15" spans="1:4" ht="18" customHeight="1" x14ac:dyDescent="0.15">
      <c r="A15" s="8">
        <v>9</v>
      </c>
      <c r="B15" s="39">
        <v>1</v>
      </c>
      <c r="C15" s="13">
        <v>0</v>
      </c>
      <c r="D15" s="12">
        <v>1</v>
      </c>
    </row>
    <row r="16" spans="1:4" ht="18" customHeight="1" x14ac:dyDescent="0.15">
      <c r="A16" s="8" t="s">
        <v>50</v>
      </c>
      <c r="B16" s="34">
        <v>1</v>
      </c>
      <c r="C16" s="13">
        <v>2</v>
      </c>
      <c r="D16" s="12">
        <v>3</v>
      </c>
    </row>
    <row r="17" spans="1:4" ht="18" customHeight="1" x14ac:dyDescent="0.15">
      <c r="A17" s="8">
        <v>10</v>
      </c>
      <c r="B17" s="34">
        <v>1</v>
      </c>
      <c r="C17" s="13">
        <v>0</v>
      </c>
      <c r="D17" s="12">
        <v>1</v>
      </c>
    </row>
    <row r="18" spans="1:4" ht="18" customHeight="1" x14ac:dyDescent="0.15">
      <c r="A18" s="8">
        <v>11</v>
      </c>
      <c r="B18" s="34">
        <v>4</v>
      </c>
      <c r="C18" s="13">
        <v>2</v>
      </c>
      <c r="D18" s="12">
        <v>6</v>
      </c>
    </row>
    <row r="19" spans="1:4" ht="18" customHeight="1" x14ac:dyDescent="0.15">
      <c r="A19" s="8">
        <v>12</v>
      </c>
      <c r="B19" s="34">
        <v>0</v>
      </c>
      <c r="C19" s="13">
        <v>1</v>
      </c>
      <c r="D19" s="12">
        <v>1</v>
      </c>
    </row>
    <row r="20" spans="1:4" ht="18" customHeight="1" x14ac:dyDescent="0.15">
      <c r="A20" s="8">
        <v>13</v>
      </c>
      <c r="B20" s="34">
        <v>1</v>
      </c>
      <c r="C20" s="13">
        <v>1</v>
      </c>
      <c r="D20" s="12">
        <v>2</v>
      </c>
    </row>
    <row r="21" spans="1:4" ht="18" customHeight="1" x14ac:dyDescent="0.15">
      <c r="A21" s="8">
        <v>14</v>
      </c>
      <c r="B21" s="34">
        <v>2</v>
      </c>
      <c r="C21" s="13">
        <v>2</v>
      </c>
      <c r="D21" s="12">
        <v>4</v>
      </c>
    </row>
    <row r="22" spans="1:4" ht="18" customHeight="1" x14ac:dyDescent="0.15">
      <c r="A22" s="8" t="s">
        <v>331</v>
      </c>
      <c r="B22" s="34">
        <v>8</v>
      </c>
      <c r="C22" s="13">
        <v>6</v>
      </c>
      <c r="D22" s="12">
        <v>14</v>
      </c>
    </row>
    <row r="23" spans="1:4" ht="18" customHeight="1" x14ac:dyDescent="0.15">
      <c r="A23" s="8" t="s">
        <v>330</v>
      </c>
      <c r="B23" s="34">
        <v>11</v>
      </c>
      <c r="C23" s="13">
        <v>9</v>
      </c>
      <c r="D23" s="12">
        <v>20</v>
      </c>
    </row>
    <row r="24" spans="1:4" ht="18" customHeight="1" x14ac:dyDescent="0.15">
      <c r="A24" s="8">
        <v>15</v>
      </c>
      <c r="B24" s="34">
        <v>2</v>
      </c>
      <c r="C24" s="13">
        <v>2</v>
      </c>
      <c r="D24" s="12">
        <v>4</v>
      </c>
    </row>
    <row r="25" spans="1:4" ht="18" customHeight="1" x14ac:dyDescent="0.15">
      <c r="A25" s="8">
        <v>16</v>
      </c>
      <c r="B25" s="34">
        <v>1</v>
      </c>
      <c r="C25" s="13">
        <v>1</v>
      </c>
      <c r="D25" s="12">
        <v>2</v>
      </c>
    </row>
    <row r="26" spans="1:4" ht="18" customHeight="1" x14ac:dyDescent="0.15">
      <c r="A26" s="8">
        <v>17</v>
      </c>
      <c r="B26" s="34">
        <v>1</v>
      </c>
      <c r="C26" s="13">
        <v>4</v>
      </c>
      <c r="D26" s="12">
        <v>5</v>
      </c>
    </row>
    <row r="27" spans="1:4" ht="18" customHeight="1" x14ac:dyDescent="0.15">
      <c r="A27" s="8">
        <v>18</v>
      </c>
      <c r="B27" s="34">
        <v>4</v>
      </c>
      <c r="C27" s="13">
        <v>0</v>
      </c>
      <c r="D27" s="12">
        <v>4</v>
      </c>
    </row>
    <row r="28" spans="1:4" ht="18" customHeight="1" x14ac:dyDescent="0.15">
      <c r="A28" s="8">
        <v>19</v>
      </c>
      <c r="B28" s="34">
        <v>2</v>
      </c>
      <c r="C28" s="13">
        <v>1</v>
      </c>
      <c r="D28" s="12">
        <v>3</v>
      </c>
    </row>
    <row r="29" spans="1:4" ht="18" customHeight="1" x14ac:dyDescent="0.15">
      <c r="A29" s="8" t="s">
        <v>48</v>
      </c>
      <c r="B29" s="34">
        <v>10</v>
      </c>
      <c r="C29" s="13">
        <v>8</v>
      </c>
      <c r="D29" s="12">
        <v>18</v>
      </c>
    </row>
    <row r="30" spans="1:4" ht="18" customHeight="1" x14ac:dyDescent="0.15">
      <c r="A30" s="8">
        <v>20</v>
      </c>
      <c r="B30" s="34">
        <v>2</v>
      </c>
      <c r="C30" s="13">
        <v>1</v>
      </c>
      <c r="D30" s="12">
        <v>3</v>
      </c>
    </row>
    <row r="31" spans="1:4" ht="18" customHeight="1" x14ac:dyDescent="0.15">
      <c r="A31" s="8">
        <v>21</v>
      </c>
      <c r="B31" s="34">
        <v>2</v>
      </c>
      <c r="C31" s="13">
        <v>4</v>
      </c>
      <c r="D31" s="12">
        <v>6</v>
      </c>
    </row>
    <row r="32" spans="1:4" ht="18" customHeight="1" x14ac:dyDescent="0.15">
      <c r="A32" s="8">
        <v>22</v>
      </c>
      <c r="B32" s="34">
        <v>2</v>
      </c>
      <c r="C32" s="13">
        <v>0</v>
      </c>
      <c r="D32" s="12">
        <v>2</v>
      </c>
    </row>
    <row r="33" spans="1:4" ht="18" customHeight="1" x14ac:dyDescent="0.15">
      <c r="A33" s="8">
        <v>23</v>
      </c>
      <c r="B33" s="34">
        <v>3</v>
      </c>
      <c r="C33" s="13">
        <v>3</v>
      </c>
      <c r="D33" s="12">
        <v>6</v>
      </c>
    </row>
    <row r="34" spans="1:4" ht="18" customHeight="1" x14ac:dyDescent="0.15">
      <c r="A34" s="8">
        <v>24</v>
      </c>
      <c r="B34" s="34">
        <v>5</v>
      </c>
      <c r="C34" s="13">
        <v>3</v>
      </c>
      <c r="D34" s="12">
        <v>8</v>
      </c>
    </row>
    <row r="35" spans="1:4" ht="18" customHeight="1" x14ac:dyDescent="0.15">
      <c r="A35" s="8" t="s">
        <v>74</v>
      </c>
      <c r="B35" s="34">
        <v>14</v>
      </c>
      <c r="C35" s="13">
        <v>11</v>
      </c>
      <c r="D35" s="12">
        <v>25</v>
      </c>
    </row>
    <row r="36" spans="1:4" ht="18" customHeight="1" x14ac:dyDescent="0.15">
      <c r="A36" s="8">
        <v>25</v>
      </c>
      <c r="B36" s="34">
        <v>1</v>
      </c>
      <c r="C36" s="13">
        <v>2</v>
      </c>
      <c r="D36" s="12">
        <v>3</v>
      </c>
    </row>
    <row r="37" spans="1:4" ht="18" customHeight="1" x14ac:dyDescent="0.15">
      <c r="A37" s="8">
        <v>26</v>
      </c>
      <c r="B37" s="34">
        <v>0</v>
      </c>
      <c r="C37" s="13">
        <v>0</v>
      </c>
      <c r="D37" s="12">
        <v>0</v>
      </c>
    </row>
    <row r="38" spans="1:4" ht="18" customHeight="1" x14ac:dyDescent="0.15">
      <c r="A38" s="8">
        <v>27</v>
      </c>
      <c r="B38" s="34">
        <v>0</v>
      </c>
      <c r="C38" s="13">
        <v>2</v>
      </c>
      <c r="D38" s="12">
        <v>2</v>
      </c>
    </row>
    <row r="39" spans="1:4" ht="18" customHeight="1" x14ac:dyDescent="0.15">
      <c r="A39" s="8">
        <v>28</v>
      </c>
      <c r="B39" s="34">
        <v>0</v>
      </c>
      <c r="C39" s="13">
        <v>2</v>
      </c>
      <c r="D39" s="12">
        <v>2</v>
      </c>
    </row>
    <row r="40" spans="1:4" ht="18" customHeight="1" x14ac:dyDescent="0.15">
      <c r="A40" s="8">
        <v>29</v>
      </c>
      <c r="B40" s="34">
        <v>4</v>
      </c>
      <c r="C40" s="13">
        <v>0</v>
      </c>
      <c r="D40" s="12">
        <v>4</v>
      </c>
    </row>
    <row r="41" spans="1:4" ht="18" customHeight="1" x14ac:dyDescent="0.15">
      <c r="A41" s="8" t="s">
        <v>73</v>
      </c>
      <c r="B41" s="34">
        <v>5</v>
      </c>
      <c r="C41" s="13">
        <v>6</v>
      </c>
      <c r="D41" s="12">
        <v>11</v>
      </c>
    </row>
    <row r="42" spans="1:4" ht="18" customHeight="1" x14ac:dyDescent="0.15">
      <c r="A42" s="8">
        <v>30</v>
      </c>
      <c r="B42" s="34">
        <v>1</v>
      </c>
      <c r="C42" s="13">
        <v>1</v>
      </c>
      <c r="D42" s="12">
        <v>2</v>
      </c>
    </row>
    <row r="43" spans="1:4" ht="18" customHeight="1" x14ac:dyDescent="0.15">
      <c r="A43" s="8">
        <v>31</v>
      </c>
      <c r="B43" s="34">
        <v>1</v>
      </c>
      <c r="C43" s="13">
        <v>2</v>
      </c>
      <c r="D43" s="12">
        <v>3</v>
      </c>
    </row>
    <row r="44" spans="1:4" ht="18" customHeight="1" x14ac:dyDescent="0.15">
      <c r="A44" s="8">
        <v>32</v>
      </c>
      <c r="B44" s="34">
        <v>1</v>
      </c>
      <c r="C44" s="13">
        <v>0</v>
      </c>
      <c r="D44" s="12">
        <v>1</v>
      </c>
    </row>
    <row r="45" spans="1:4" ht="18" customHeight="1" x14ac:dyDescent="0.15">
      <c r="A45" s="8">
        <v>33</v>
      </c>
      <c r="B45" s="34">
        <v>0</v>
      </c>
      <c r="C45" s="13">
        <v>1</v>
      </c>
      <c r="D45" s="12">
        <v>1</v>
      </c>
    </row>
    <row r="46" spans="1:4" ht="18" customHeight="1" x14ac:dyDescent="0.15">
      <c r="A46" s="8">
        <v>34</v>
      </c>
      <c r="B46" s="34">
        <v>2</v>
      </c>
      <c r="C46" s="13">
        <v>1</v>
      </c>
      <c r="D46" s="12">
        <v>3</v>
      </c>
    </row>
    <row r="47" spans="1:4" ht="18" customHeight="1" x14ac:dyDescent="0.15">
      <c r="A47" s="8" t="s">
        <v>329</v>
      </c>
      <c r="B47" s="34">
        <v>5</v>
      </c>
      <c r="C47" s="13">
        <v>5</v>
      </c>
      <c r="D47" s="12">
        <v>10</v>
      </c>
    </row>
    <row r="48" spans="1:4" ht="18" customHeight="1" x14ac:dyDescent="0.15">
      <c r="A48" s="8">
        <v>35</v>
      </c>
      <c r="B48" s="34">
        <v>1</v>
      </c>
      <c r="C48" s="13">
        <v>1</v>
      </c>
      <c r="D48" s="12">
        <v>2</v>
      </c>
    </row>
    <row r="49" spans="1:4" ht="18" customHeight="1" x14ac:dyDescent="0.15">
      <c r="A49" s="8">
        <v>36</v>
      </c>
      <c r="B49" s="34">
        <v>2</v>
      </c>
      <c r="C49" s="13">
        <v>2</v>
      </c>
      <c r="D49" s="12">
        <v>4</v>
      </c>
    </row>
    <row r="50" spans="1:4" ht="18" customHeight="1" x14ac:dyDescent="0.15">
      <c r="A50" s="8">
        <v>37</v>
      </c>
      <c r="B50" s="34">
        <v>2</v>
      </c>
      <c r="C50" s="13">
        <v>2</v>
      </c>
      <c r="D50" s="12">
        <v>4</v>
      </c>
    </row>
    <row r="51" spans="1:4" ht="18" customHeight="1" x14ac:dyDescent="0.15">
      <c r="A51" s="8">
        <v>38</v>
      </c>
      <c r="B51" s="34">
        <v>8</v>
      </c>
      <c r="C51" s="13">
        <v>1</v>
      </c>
      <c r="D51" s="12">
        <v>9</v>
      </c>
    </row>
    <row r="52" spans="1:4" ht="18" customHeight="1" x14ac:dyDescent="0.15">
      <c r="A52" s="8">
        <v>39</v>
      </c>
      <c r="B52" s="34">
        <v>2</v>
      </c>
      <c r="C52" s="13">
        <v>0</v>
      </c>
      <c r="D52" s="12">
        <v>2</v>
      </c>
    </row>
    <row r="53" spans="1:4" ht="18" customHeight="1" x14ac:dyDescent="0.15">
      <c r="A53" s="8" t="s">
        <v>328</v>
      </c>
      <c r="B53" s="34">
        <v>15</v>
      </c>
      <c r="C53" s="13">
        <v>6</v>
      </c>
      <c r="D53" s="12">
        <v>21</v>
      </c>
    </row>
    <row r="54" spans="1:4" ht="18" customHeight="1" x14ac:dyDescent="0.15">
      <c r="A54" s="8">
        <v>40</v>
      </c>
      <c r="B54" s="34">
        <v>2</v>
      </c>
      <c r="C54" s="13">
        <v>1</v>
      </c>
      <c r="D54" s="12">
        <v>3</v>
      </c>
    </row>
    <row r="55" spans="1:4" ht="18" customHeight="1" x14ac:dyDescent="0.15">
      <c r="A55" s="8">
        <v>41</v>
      </c>
      <c r="B55" s="34">
        <v>2</v>
      </c>
      <c r="C55" s="13">
        <v>2</v>
      </c>
      <c r="D55" s="12">
        <v>4</v>
      </c>
    </row>
    <row r="56" spans="1:4" ht="18" customHeight="1" x14ac:dyDescent="0.15">
      <c r="A56" s="8">
        <v>42</v>
      </c>
      <c r="B56" s="34">
        <v>5</v>
      </c>
      <c r="C56" s="13">
        <v>3</v>
      </c>
      <c r="D56" s="12">
        <v>8</v>
      </c>
    </row>
    <row r="57" spans="1:4" ht="18" customHeight="1" x14ac:dyDescent="0.15">
      <c r="A57" s="8">
        <v>43</v>
      </c>
      <c r="B57" s="34">
        <v>4</v>
      </c>
      <c r="C57" s="13">
        <v>1</v>
      </c>
      <c r="D57" s="12">
        <v>5</v>
      </c>
    </row>
    <row r="58" spans="1:4" ht="18" customHeight="1" x14ac:dyDescent="0.15">
      <c r="A58" s="8">
        <v>44</v>
      </c>
      <c r="B58" s="34">
        <v>3</v>
      </c>
      <c r="C58" s="13">
        <v>4</v>
      </c>
      <c r="D58" s="12">
        <v>7</v>
      </c>
    </row>
    <row r="59" spans="1:4" ht="18" customHeight="1" x14ac:dyDescent="0.15">
      <c r="A59" s="8" t="s">
        <v>138</v>
      </c>
      <c r="B59" s="34">
        <v>16</v>
      </c>
      <c r="C59" s="13">
        <v>11</v>
      </c>
      <c r="D59" s="12">
        <v>27</v>
      </c>
    </row>
    <row r="60" spans="1:4" ht="18" customHeight="1" x14ac:dyDescent="0.15">
      <c r="A60" s="8">
        <v>45</v>
      </c>
      <c r="B60" s="34">
        <v>4</v>
      </c>
      <c r="C60" s="13">
        <v>3</v>
      </c>
      <c r="D60" s="12">
        <v>7</v>
      </c>
    </row>
    <row r="61" spans="1:4" ht="18" customHeight="1" x14ac:dyDescent="0.15">
      <c r="A61" s="8">
        <v>46</v>
      </c>
      <c r="B61" s="34">
        <v>3</v>
      </c>
      <c r="C61" s="13">
        <v>2</v>
      </c>
      <c r="D61" s="12">
        <v>5</v>
      </c>
    </row>
    <row r="62" spans="1:4" ht="18" customHeight="1" x14ac:dyDescent="0.15">
      <c r="A62" s="8">
        <v>47</v>
      </c>
      <c r="B62" s="34">
        <v>6</v>
      </c>
      <c r="C62" s="13">
        <v>3</v>
      </c>
      <c r="D62" s="12">
        <v>9</v>
      </c>
    </row>
    <row r="63" spans="1:4" ht="18" customHeight="1" x14ac:dyDescent="0.15">
      <c r="A63" s="8">
        <v>48</v>
      </c>
      <c r="B63" s="34">
        <v>6</v>
      </c>
      <c r="C63" s="13">
        <v>5</v>
      </c>
      <c r="D63" s="12">
        <v>11</v>
      </c>
    </row>
    <row r="64" spans="1:4" ht="18" customHeight="1" x14ac:dyDescent="0.15">
      <c r="A64" s="8">
        <v>49</v>
      </c>
      <c r="B64" s="34">
        <v>4</v>
      </c>
      <c r="C64" s="13">
        <v>6</v>
      </c>
      <c r="D64" s="12">
        <v>10</v>
      </c>
    </row>
    <row r="65" spans="1:4" ht="18" customHeight="1" x14ac:dyDescent="0.15">
      <c r="A65" s="8" t="s">
        <v>327</v>
      </c>
      <c r="B65" s="34">
        <v>23</v>
      </c>
      <c r="C65" s="13">
        <v>19</v>
      </c>
      <c r="D65" s="12">
        <v>42</v>
      </c>
    </row>
    <row r="66" spans="1:4" ht="18" customHeight="1" x14ac:dyDescent="0.15">
      <c r="A66" s="8">
        <v>50</v>
      </c>
      <c r="B66" s="34">
        <v>6</v>
      </c>
      <c r="C66" s="13">
        <v>0</v>
      </c>
      <c r="D66" s="12">
        <v>6</v>
      </c>
    </row>
    <row r="67" spans="1:4" ht="18" customHeight="1" x14ac:dyDescent="0.15">
      <c r="A67" s="8">
        <v>51</v>
      </c>
      <c r="B67" s="34">
        <v>4</v>
      </c>
      <c r="C67" s="13">
        <v>4</v>
      </c>
      <c r="D67" s="12">
        <v>8</v>
      </c>
    </row>
    <row r="68" spans="1:4" ht="18" customHeight="1" x14ac:dyDescent="0.15">
      <c r="A68" s="8">
        <v>52</v>
      </c>
      <c r="B68" s="34">
        <v>2</v>
      </c>
      <c r="C68" s="13">
        <v>0</v>
      </c>
      <c r="D68" s="12">
        <v>2</v>
      </c>
    </row>
    <row r="69" spans="1:4" ht="18" customHeight="1" x14ac:dyDescent="0.15">
      <c r="A69" s="8">
        <v>53</v>
      </c>
      <c r="B69" s="34">
        <v>5</v>
      </c>
      <c r="C69" s="13">
        <v>3</v>
      </c>
      <c r="D69" s="12">
        <v>8</v>
      </c>
    </row>
    <row r="70" spans="1:4" ht="18" customHeight="1" x14ac:dyDescent="0.15">
      <c r="A70" s="8">
        <v>54</v>
      </c>
      <c r="B70" s="34">
        <v>5</v>
      </c>
      <c r="C70" s="13">
        <v>2</v>
      </c>
      <c r="D70" s="12">
        <v>7</v>
      </c>
    </row>
    <row r="71" spans="1:4" ht="18" customHeight="1" x14ac:dyDescent="0.15">
      <c r="A71" s="8" t="s">
        <v>58</v>
      </c>
      <c r="B71" s="34">
        <v>22</v>
      </c>
      <c r="C71" s="13">
        <v>9</v>
      </c>
      <c r="D71" s="12">
        <v>31</v>
      </c>
    </row>
    <row r="72" spans="1:4" ht="18" customHeight="1" x14ac:dyDescent="0.15">
      <c r="A72" s="8">
        <v>55</v>
      </c>
      <c r="B72" s="34">
        <v>4</v>
      </c>
      <c r="C72" s="13">
        <v>5</v>
      </c>
      <c r="D72" s="12">
        <v>9</v>
      </c>
    </row>
    <row r="73" spans="1:4" ht="18" customHeight="1" x14ac:dyDescent="0.15">
      <c r="A73" s="8">
        <v>56</v>
      </c>
      <c r="B73" s="34">
        <v>0</v>
      </c>
      <c r="C73" s="13">
        <v>3</v>
      </c>
      <c r="D73" s="12">
        <v>3</v>
      </c>
    </row>
    <row r="74" spans="1:4" ht="18" customHeight="1" x14ac:dyDescent="0.15">
      <c r="A74" s="8">
        <v>57</v>
      </c>
      <c r="B74" s="34">
        <v>4</v>
      </c>
      <c r="C74" s="13">
        <v>2</v>
      </c>
      <c r="D74" s="12">
        <v>6</v>
      </c>
    </row>
    <row r="75" spans="1:4" ht="18" customHeight="1" x14ac:dyDescent="0.15">
      <c r="A75" s="8">
        <v>58</v>
      </c>
      <c r="B75" s="34">
        <v>4</v>
      </c>
      <c r="C75" s="13">
        <v>7</v>
      </c>
      <c r="D75" s="12">
        <v>11</v>
      </c>
    </row>
    <row r="76" spans="1:4" ht="18" customHeight="1" x14ac:dyDescent="0.15">
      <c r="A76" s="8">
        <v>59</v>
      </c>
      <c r="B76" s="34">
        <v>4</v>
      </c>
      <c r="C76" s="13">
        <v>3</v>
      </c>
      <c r="D76" s="12">
        <v>7</v>
      </c>
    </row>
    <row r="77" spans="1:4" ht="18" customHeight="1" x14ac:dyDescent="0.15">
      <c r="A77" s="8" t="s">
        <v>326</v>
      </c>
      <c r="B77" s="34">
        <v>16</v>
      </c>
      <c r="C77" s="13">
        <v>20</v>
      </c>
      <c r="D77" s="12">
        <v>36</v>
      </c>
    </row>
    <row r="78" spans="1:4" ht="18" customHeight="1" x14ac:dyDescent="0.15">
      <c r="A78" s="8">
        <v>60</v>
      </c>
      <c r="B78" s="34">
        <v>0</v>
      </c>
      <c r="C78" s="13">
        <v>4</v>
      </c>
      <c r="D78" s="12">
        <v>4</v>
      </c>
    </row>
    <row r="79" spans="1:4" ht="18" customHeight="1" x14ac:dyDescent="0.15">
      <c r="A79" s="8">
        <v>61</v>
      </c>
      <c r="B79" s="34">
        <v>5</v>
      </c>
      <c r="C79" s="13">
        <v>3</v>
      </c>
      <c r="D79" s="12">
        <v>8</v>
      </c>
    </row>
    <row r="80" spans="1:4" ht="18" customHeight="1" x14ac:dyDescent="0.15">
      <c r="A80" s="8">
        <v>62</v>
      </c>
      <c r="B80" s="34">
        <v>7</v>
      </c>
      <c r="C80" s="13">
        <v>8</v>
      </c>
      <c r="D80" s="12">
        <v>15</v>
      </c>
    </row>
    <row r="81" spans="1:4" ht="18" customHeight="1" x14ac:dyDescent="0.15">
      <c r="A81" s="8">
        <v>63</v>
      </c>
      <c r="B81" s="34">
        <v>1</v>
      </c>
      <c r="C81" s="13">
        <v>2</v>
      </c>
      <c r="D81" s="12">
        <v>3</v>
      </c>
    </row>
    <row r="82" spans="1:4" ht="18" customHeight="1" x14ac:dyDescent="0.15">
      <c r="A82" s="8">
        <v>64</v>
      </c>
      <c r="B82" s="34">
        <v>6</v>
      </c>
      <c r="C82" s="13">
        <v>7</v>
      </c>
      <c r="D82" s="12">
        <v>13</v>
      </c>
    </row>
    <row r="83" spans="1:4" ht="18" customHeight="1" x14ac:dyDescent="0.15">
      <c r="A83" s="8" t="s">
        <v>325</v>
      </c>
      <c r="B83" s="34">
        <v>19</v>
      </c>
      <c r="C83" s="13">
        <v>24</v>
      </c>
      <c r="D83" s="12">
        <v>43</v>
      </c>
    </row>
    <row r="84" spans="1:4" ht="18" customHeight="1" x14ac:dyDescent="0.15">
      <c r="A84" s="8" t="s">
        <v>43</v>
      </c>
      <c r="B84" s="34">
        <v>145</v>
      </c>
      <c r="C84" s="13">
        <v>119</v>
      </c>
      <c r="D84" s="12">
        <v>264</v>
      </c>
    </row>
    <row r="85" spans="1:4" ht="18" customHeight="1" x14ac:dyDescent="0.15">
      <c r="A85" s="8">
        <v>65</v>
      </c>
      <c r="B85" s="34">
        <v>11</v>
      </c>
      <c r="C85" s="13">
        <v>3</v>
      </c>
      <c r="D85" s="12">
        <v>14</v>
      </c>
    </row>
    <row r="86" spans="1:4" ht="18" customHeight="1" x14ac:dyDescent="0.15">
      <c r="A86" s="8">
        <v>66</v>
      </c>
      <c r="B86" s="34">
        <v>5</v>
      </c>
      <c r="C86" s="13">
        <v>8</v>
      </c>
      <c r="D86" s="12">
        <v>13</v>
      </c>
    </row>
    <row r="87" spans="1:4" ht="18" customHeight="1" x14ac:dyDescent="0.15">
      <c r="A87" s="8">
        <v>67</v>
      </c>
      <c r="B87" s="34">
        <v>3</v>
      </c>
      <c r="C87" s="13">
        <v>9</v>
      </c>
      <c r="D87" s="12">
        <v>12</v>
      </c>
    </row>
    <row r="88" spans="1:4" ht="18" customHeight="1" x14ac:dyDescent="0.15">
      <c r="A88" s="8">
        <v>68</v>
      </c>
      <c r="B88" s="34">
        <v>8</v>
      </c>
      <c r="C88" s="13">
        <v>11</v>
      </c>
      <c r="D88" s="12">
        <v>19</v>
      </c>
    </row>
    <row r="89" spans="1:4" ht="18" customHeight="1" x14ac:dyDescent="0.15">
      <c r="A89" s="8">
        <v>69</v>
      </c>
      <c r="B89" s="34">
        <v>13</v>
      </c>
      <c r="C89" s="13">
        <v>14</v>
      </c>
      <c r="D89" s="12">
        <v>27</v>
      </c>
    </row>
    <row r="90" spans="1:4" ht="18" customHeight="1" x14ac:dyDescent="0.15">
      <c r="A90" s="8" t="s">
        <v>42</v>
      </c>
      <c r="B90" s="34">
        <v>40</v>
      </c>
      <c r="C90" s="13">
        <v>45</v>
      </c>
      <c r="D90" s="12">
        <v>85</v>
      </c>
    </row>
    <row r="91" spans="1:4" ht="18" customHeight="1" x14ac:dyDescent="0.15">
      <c r="A91" s="8">
        <v>70</v>
      </c>
      <c r="B91" s="34">
        <v>12</v>
      </c>
      <c r="C91" s="13">
        <v>6</v>
      </c>
      <c r="D91" s="12">
        <v>18</v>
      </c>
    </row>
    <row r="92" spans="1:4" ht="18" customHeight="1" x14ac:dyDescent="0.15">
      <c r="A92" s="8">
        <v>71</v>
      </c>
      <c r="B92" s="34">
        <v>9</v>
      </c>
      <c r="C92" s="13">
        <v>5</v>
      </c>
      <c r="D92" s="12">
        <v>14</v>
      </c>
    </row>
    <row r="93" spans="1:4" ht="18" customHeight="1" x14ac:dyDescent="0.15">
      <c r="A93" s="8">
        <v>72</v>
      </c>
      <c r="B93" s="34">
        <v>12</v>
      </c>
      <c r="C93" s="13">
        <v>5</v>
      </c>
      <c r="D93" s="12">
        <v>17</v>
      </c>
    </row>
    <row r="94" spans="1:4" ht="18" customHeight="1" x14ac:dyDescent="0.15">
      <c r="A94" s="8">
        <v>73</v>
      </c>
      <c r="B94" s="34">
        <v>11</v>
      </c>
      <c r="C94" s="13">
        <v>8</v>
      </c>
      <c r="D94" s="12">
        <v>19</v>
      </c>
    </row>
    <row r="95" spans="1:4" ht="18" customHeight="1" x14ac:dyDescent="0.15">
      <c r="A95" s="8">
        <v>74</v>
      </c>
      <c r="B95" s="34">
        <v>4</v>
      </c>
      <c r="C95" s="13">
        <v>11</v>
      </c>
      <c r="D95" s="12">
        <v>15</v>
      </c>
    </row>
    <row r="96" spans="1:4" ht="18" customHeight="1" x14ac:dyDescent="0.15">
      <c r="A96" s="8" t="s">
        <v>41</v>
      </c>
      <c r="B96" s="34">
        <v>48</v>
      </c>
      <c r="C96" s="13">
        <v>35</v>
      </c>
      <c r="D96" s="12">
        <v>83</v>
      </c>
    </row>
    <row r="97" spans="1:4" ht="18" customHeight="1" x14ac:dyDescent="0.15">
      <c r="A97" s="8">
        <v>75</v>
      </c>
      <c r="B97" s="34">
        <v>8</v>
      </c>
      <c r="C97" s="13">
        <v>6</v>
      </c>
      <c r="D97" s="12">
        <v>14</v>
      </c>
    </row>
    <row r="98" spans="1:4" ht="18" customHeight="1" x14ac:dyDescent="0.15">
      <c r="A98" s="8">
        <v>76</v>
      </c>
      <c r="B98" s="34">
        <v>8</v>
      </c>
      <c r="C98" s="13">
        <v>7</v>
      </c>
      <c r="D98" s="12">
        <v>15</v>
      </c>
    </row>
    <row r="99" spans="1:4" ht="18" customHeight="1" x14ac:dyDescent="0.15">
      <c r="A99" s="8">
        <v>77</v>
      </c>
      <c r="B99" s="34">
        <v>1</v>
      </c>
      <c r="C99" s="13">
        <v>4</v>
      </c>
      <c r="D99" s="12">
        <v>5</v>
      </c>
    </row>
    <row r="100" spans="1:4" ht="18" customHeight="1" x14ac:dyDescent="0.15">
      <c r="A100" s="8">
        <v>78</v>
      </c>
      <c r="B100" s="34">
        <v>5</v>
      </c>
      <c r="C100" s="13">
        <v>4</v>
      </c>
      <c r="D100" s="12">
        <v>9</v>
      </c>
    </row>
    <row r="101" spans="1:4" ht="18" customHeight="1" x14ac:dyDescent="0.15">
      <c r="A101" s="8">
        <v>79</v>
      </c>
      <c r="B101" s="34">
        <v>6</v>
      </c>
      <c r="C101" s="13">
        <v>4</v>
      </c>
      <c r="D101" s="12">
        <v>10</v>
      </c>
    </row>
    <row r="102" spans="1:4" ht="18" customHeight="1" x14ac:dyDescent="0.15">
      <c r="A102" s="8" t="s">
        <v>70</v>
      </c>
      <c r="B102" s="34">
        <v>28</v>
      </c>
      <c r="C102" s="13">
        <v>25</v>
      </c>
      <c r="D102" s="12">
        <v>53</v>
      </c>
    </row>
    <row r="103" spans="1:4" ht="18" customHeight="1" x14ac:dyDescent="0.15">
      <c r="A103" s="8">
        <v>80</v>
      </c>
      <c r="B103" s="34">
        <v>3</v>
      </c>
      <c r="C103" s="13">
        <v>3</v>
      </c>
      <c r="D103" s="12">
        <v>6</v>
      </c>
    </row>
    <row r="104" spans="1:4" ht="18" customHeight="1" x14ac:dyDescent="0.15">
      <c r="A104" s="8">
        <v>81</v>
      </c>
      <c r="B104" s="34">
        <v>5</v>
      </c>
      <c r="C104" s="13">
        <v>8</v>
      </c>
      <c r="D104" s="12">
        <v>13</v>
      </c>
    </row>
    <row r="105" spans="1:4" ht="18" customHeight="1" x14ac:dyDescent="0.15">
      <c r="A105" s="8">
        <v>82</v>
      </c>
      <c r="B105" s="34">
        <v>4</v>
      </c>
      <c r="C105" s="13">
        <v>6</v>
      </c>
      <c r="D105" s="12">
        <v>10</v>
      </c>
    </row>
    <row r="106" spans="1:4" ht="18" customHeight="1" x14ac:dyDescent="0.15">
      <c r="A106" s="8">
        <v>83</v>
      </c>
      <c r="B106" s="34">
        <v>3</v>
      </c>
      <c r="C106" s="13">
        <v>3</v>
      </c>
      <c r="D106" s="12">
        <v>6</v>
      </c>
    </row>
    <row r="107" spans="1:4" ht="18" customHeight="1" x14ac:dyDescent="0.15">
      <c r="A107" s="8">
        <v>84</v>
      </c>
      <c r="B107" s="34">
        <v>2</v>
      </c>
      <c r="C107" s="13">
        <v>5</v>
      </c>
      <c r="D107" s="12">
        <v>7</v>
      </c>
    </row>
    <row r="108" spans="1:4" ht="18" customHeight="1" x14ac:dyDescent="0.15">
      <c r="A108" s="8" t="s">
        <v>39</v>
      </c>
      <c r="B108" s="34">
        <v>17</v>
      </c>
      <c r="C108" s="13">
        <v>25</v>
      </c>
      <c r="D108" s="12">
        <v>42</v>
      </c>
    </row>
    <row r="109" spans="1:4" ht="18" customHeight="1" x14ac:dyDescent="0.15">
      <c r="A109" s="8">
        <v>85</v>
      </c>
      <c r="B109" s="34">
        <v>3</v>
      </c>
      <c r="C109" s="13">
        <v>4</v>
      </c>
      <c r="D109" s="12">
        <v>7</v>
      </c>
    </row>
    <row r="110" spans="1:4" ht="18" customHeight="1" x14ac:dyDescent="0.15">
      <c r="A110" s="8">
        <v>86</v>
      </c>
      <c r="B110" s="34">
        <v>3</v>
      </c>
      <c r="C110" s="13">
        <v>2</v>
      </c>
      <c r="D110" s="12">
        <v>5</v>
      </c>
    </row>
    <row r="111" spans="1:4" ht="18" customHeight="1" x14ac:dyDescent="0.15">
      <c r="A111" s="8">
        <v>87</v>
      </c>
      <c r="B111" s="34">
        <v>1</v>
      </c>
      <c r="C111" s="13">
        <v>6</v>
      </c>
      <c r="D111" s="12">
        <v>7</v>
      </c>
    </row>
    <row r="112" spans="1:4" ht="18" customHeight="1" x14ac:dyDescent="0.15">
      <c r="A112" s="8">
        <v>88</v>
      </c>
      <c r="B112" s="34">
        <v>2</v>
      </c>
      <c r="C112" s="13">
        <v>4</v>
      </c>
      <c r="D112" s="12">
        <v>6</v>
      </c>
    </row>
    <row r="113" spans="1:4" ht="18" customHeight="1" x14ac:dyDescent="0.15">
      <c r="A113" s="8">
        <v>89</v>
      </c>
      <c r="B113" s="34">
        <v>2</v>
      </c>
      <c r="C113" s="13">
        <v>2</v>
      </c>
      <c r="D113" s="12">
        <v>4</v>
      </c>
    </row>
    <row r="114" spans="1:4" ht="18" customHeight="1" x14ac:dyDescent="0.15">
      <c r="A114" s="8" t="s">
        <v>38</v>
      </c>
      <c r="B114" s="34">
        <v>11</v>
      </c>
      <c r="C114" s="13">
        <v>18</v>
      </c>
      <c r="D114" s="12">
        <v>29</v>
      </c>
    </row>
    <row r="115" spans="1:4" ht="18" customHeight="1" x14ac:dyDescent="0.15">
      <c r="A115" s="8">
        <v>90</v>
      </c>
      <c r="B115" s="34">
        <v>0</v>
      </c>
      <c r="C115" s="13">
        <v>2</v>
      </c>
      <c r="D115" s="12">
        <v>2</v>
      </c>
    </row>
    <row r="116" spans="1:4" ht="18" customHeight="1" x14ac:dyDescent="0.15">
      <c r="A116" s="8">
        <v>91</v>
      </c>
      <c r="B116" s="34">
        <v>0</v>
      </c>
      <c r="C116" s="13">
        <v>7</v>
      </c>
      <c r="D116" s="12">
        <v>7</v>
      </c>
    </row>
    <row r="117" spans="1:4" ht="18" customHeight="1" x14ac:dyDescent="0.15">
      <c r="A117" s="8">
        <v>92</v>
      </c>
      <c r="B117" s="34">
        <v>1</v>
      </c>
      <c r="C117" s="13">
        <v>6</v>
      </c>
      <c r="D117" s="12">
        <v>7</v>
      </c>
    </row>
    <row r="118" spans="1:4" ht="18" customHeight="1" x14ac:dyDescent="0.15">
      <c r="A118" s="8">
        <v>93</v>
      </c>
      <c r="B118" s="34">
        <v>0</v>
      </c>
      <c r="C118" s="13">
        <v>2</v>
      </c>
      <c r="D118" s="12">
        <v>2</v>
      </c>
    </row>
    <row r="119" spans="1:4" ht="18" customHeight="1" x14ac:dyDescent="0.15">
      <c r="A119" s="8">
        <v>94</v>
      </c>
      <c r="B119" s="34">
        <v>0</v>
      </c>
      <c r="C119" s="13">
        <v>7</v>
      </c>
      <c r="D119" s="12">
        <v>7</v>
      </c>
    </row>
    <row r="120" spans="1:4" ht="18" customHeight="1" x14ac:dyDescent="0.15">
      <c r="A120" s="8" t="s">
        <v>69</v>
      </c>
      <c r="B120" s="34">
        <v>1</v>
      </c>
      <c r="C120" s="13">
        <v>24</v>
      </c>
      <c r="D120" s="12">
        <v>25</v>
      </c>
    </row>
    <row r="121" spans="1:4" ht="18" customHeight="1" x14ac:dyDescent="0.15">
      <c r="A121" s="8">
        <v>95</v>
      </c>
      <c r="B121" s="34">
        <v>2</v>
      </c>
      <c r="C121" s="13">
        <v>2</v>
      </c>
      <c r="D121" s="12">
        <v>4</v>
      </c>
    </row>
    <row r="122" spans="1:4" ht="18" customHeight="1" x14ac:dyDescent="0.15">
      <c r="A122" s="8">
        <v>96</v>
      </c>
      <c r="B122" s="34">
        <v>0</v>
      </c>
      <c r="C122" s="13">
        <v>1</v>
      </c>
      <c r="D122" s="12">
        <v>1</v>
      </c>
    </row>
    <row r="123" spans="1:4" ht="18" customHeight="1" x14ac:dyDescent="0.15">
      <c r="A123" s="8">
        <v>97</v>
      </c>
      <c r="B123" s="34">
        <v>0</v>
      </c>
      <c r="C123" s="13">
        <v>2</v>
      </c>
      <c r="D123" s="12">
        <v>2</v>
      </c>
    </row>
    <row r="124" spans="1:4" ht="18" customHeight="1" x14ac:dyDescent="0.15">
      <c r="A124" s="8">
        <v>98</v>
      </c>
      <c r="B124" s="34">
        <v>1</v>
      </c>
      <c r="C124" s="13">
        <v>1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1</v>
      </c>
      <c r="D125" s="12">
        <v>1</v>
      </c>
    </row>
    <row r="126" spans="1:4" ht="18" customHeight="1" x14ac:dyDescent="0.15">
      <c r="A126" s="8" t="s">
        <v>68</v>
      </c>
      <c r="B126" s="34">
        <v>3</v>
      </c>
      <c r="C126" s="13">
        <v>7</v>
      </c>
      <c r="D126" s="12">
        <v>10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24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23</v>
      </c>
      <c r="B130" s="28">
        <v>148</v>
      </c>
      <c r="C130" s="6">
        <v>180</v>
      </c>
      <c r="D130" s="5">
        <v>328</v>
      </c>
    </row>
    <row r="131" spans="1:4" ht="18" customHeight="1" x14ac:dyDescent="0.15">
      <c r="A131" s="4" t="s">
        <v>0</v>
      </c>
      <c r="B131" s="27">
        <v>304</v>
      </c>
      <c r="C131" s="2">
        <v>308</v>
      </c>
      <c r="D131" s="1">
        <v>61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3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0</v>
      </c>
      <c r="D5" s="43">
        <v>0</v>
      </c>
    </row>
    <row r="6" spans="1:4" ht="18" customHeight="1" x14ac:dyDescent="0.15">
      <c r="A6" s="8">
        <v>1</v>
      </c>
      <c r="B6" s="39">
        <v>0</v>
      </c>
      <c r="C6" s="13">
        <v>0</v>
      </c>
      <c r="D6" s="12">
        <v>0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0</v>
      </c>
      <c r="C9" s="41">
        <v>0</v>
      </c>
      <c r="D9" s="40">
        <v>0</v>
      </c>
    </row>
    <row r="10" spans="1:4" ht="18" customHeight="1" x14ac:dyDescent="0.15">
      <c r="A10" s="8" t="s">
        <v>76</v>
      </c>
      <c r="B10" s="34">
        <v>0</v>
      </c>
      <c r="C10" s="13">
        <v>0</v>
      </c>
      <c r="D10" s="12">
        <v>0</v>
      </c>
    </row>
    <row r="11" spans="1:4" ht="18" customHeight="1" x14ac:dyDescent="0.15">
      <c r="A11" s="8">
        <v>5</v>
      </c>
      <c r="B11" s="39">
        <v>0</v>
      </c>
      <c r="C11" s="13">
        <v>0</v>
      </c>
      <c r="D11" s="12">
        <v>0</v>
      </c>
    </row>
    <row r="12" spans="1:4" ht="18" customHeight="1" x14ac:dyDescent="0.15">
      <c r="A12" s="8">
        <v>6</v>
      </c>
      <c r="B12" s="39">
        <v>0</v>
      </c>
      <c r="C12" s="13">
        <v>0</v>
      </c>
      <c r="D12" s="12">
        <v>0</v>
      </c>
    </row>
    <row r="13" spans="1:4" ht="18" customHeight="1" x14ac:dyDescent="0.15">
      <c r="A13" s="8">
        <v>7</v>
      </c>
      <c r="B13" s="39">
        <v>0</v>
      </c>
      <c r="C13" s="13">
        <v>1</v>
      </c>
      <c r="D13" s="12">
        <v>1</v>
      </c>
    </row>
    <row r="14" spans="1:4" ht="18" customHeight="1" x14ac:dyDescent="0.15">
      <c r="A14" s="8">
        <v>8</v>
      </c>
      <c r="B14" s="39">
        <v>0</v>
      </c>
      <c r="C14" s="13">
        <v>0</v>
      </c>
      <c r="D14" s="12">
        <v>0</v>
      </c>
    </row>
    <row r="15" spans="1:4" ht="18" customHeight="1" x14ac:dyDescent="0.15">
      <c r="A15" s="8">
        <v>9</v>
      </c>
      <c r="B15" s="39">
        <v>0</v>
      </c>
      <c r="C15" s="13">
        <v>1</v>
      </c>
      <c r="D15" s="12">
        <v>1</v>
      </c>
    </row>
    <row r="16" spans="1:4" ht="18" customHeight="1" x14ac:dyDescent="0.15">
      <c r="A16" s="8" t="s">
        <v>50</v>
      </c>
      <c r="B16" s="34">
        <v>0</v>
      </c>
      <c r="C16" s="13">
        <v>2</v>
      </c>
      <c r="D16" s="12">
        <v>2</v>
      </c>
    </row>
    <row r="17" spans="1:4" ht="18" customHeight="1" x14ac:dyDescent="0.15">
      <c r="A17" s="8">
        <v>10</v>
      </c>
      <c r="B17" s="34">
        <v>0</v>
      </c>
      <c r="C17" s="13">
        <v>0</v>
      </c>
      <c r="D17" s="12">
        <v>0</v>
      </c>
    </row>
    <row r="18" spans="1:4" ht="18" customHeight="1" x14ac:dyDescent="0.15">
      <c r="A18" s="8">
        <v>11</v>
      </c>
      <c r="B18" s="34">
        <v>0</v>
      </c>
      <c r="C18" s="13">
        <v>1</v>
      </c>
      <c r="D18" s="12">
        <v>1</v>
      </c>
    </row>
    <row r="19" spans="1:4" ht="18" customHeight="1" x14ac:dyDescent="0.15">
      <c r="A19" s="8">
        <v>12</v>
      </c>
      <c r="B19" s="34">
        <v>0</v>
      </c>
      <c r="C19" s="13">
        <v>0</v>
      </c>
      <c r="D19" s="12">
        <v>0</v>
      </c>
    </row>
    <row r="20" spans="1:4" ht="18" customHeight="1" x14ac:dyDescent="0.15">
      <c r="A20" s="8">
        <v>13</v>
      </c>
      <c r="B20" s="34">
        <v>0</v>
      </c>
      <c r="C20" s="13">
        <v>0</v>
      </c>
      <c r="D20" s="12">
        <v>0</v>
      </c>
    </row>
    <row r="21" spans="1:4" ht="18" customHeight="1" x14ac:dyDescent="0.15">
      <c r="A21" s="8">
        <v>14</v>
      </c>
      <c r="B21" s="34">
        <v>0</v>
      </c>
      <c r="C21" s="13">
        <v>0</v>
      </c>
      <c r="D21" s="12">
        <v>0</v>
      </c>
    </row>
    <row r="22" spans="1:4" ht="18" customHeight="1" x14ac:dyDescent="0.15">
      <c r="A22" s="8" t="s">
        <v>75</v>
      </c>
      <c r="B22" s="34">
        <v>0</v>
      </c>
      <c r="C22" s="13">
        <v>1</v>
      </c>
      <c r="D22" s="12">
        <v>1</v>
      </c>
    </row>
    <row r="23" spans="1:4" ht="18" customHeight="1" x14ac:dyDescent="0.15">
      <c r="A23" s="8" t="s">
        <v>65</v>
      </c>
      <c r="B23" s="34">
        <v>0</v>
      </c>
      <c r="C23" s="13">
        <v>3</v>
      </c>
      <c r="D23" s="12">
        <v>3</v>
      </c>
    </row>
    <row r="24" spans="1:4" ht="18" customHeight="1" x14ac:dyDescent="0.15">
      <c r="A24" s="8">
        <v>15</v>
      </c>
      <c r="B24" s="34">
        <v>0</v>
      </c>
      <c r="C24" s="13">
        <v>0</v>
      </c>
      <c r="D24" s="12">
        <v>0</v>
      </c>
    </row>
    <row r="25" spans="1:4" ht="18" customHeight="1" x14ac:dyDescent="0.15">
      <c r="A25" s="8">
        <v>16</v>
      </c>
      <c r="B25" s="34">
        <v>0</v>
      </c>
      <c r="C25" s="13">
        <v>0</v>
      </c>
      <c r="D25" s="12">
        <v>0</v>
      </c>
    </row>
    <row r="26" spans="1:4" ht="18" customHeight="1" x14ac:dyDescent="0.15">
      <c r="A26" s="8">
        <v>17</v>
      </c>
      <c r="B26" s="34">
        <v>1</v>
      </c>
      <c r="C26" s="13">
        <v>0</v>
      </c>
      <c r="D26" s="12">
        <v>1</v>
      </c>
    </row>
    <row r="27" spans="1:4" ht="18" customHeight="1" x14ac:dyDescent="0.15">
      <c r="A27" s="8">
        <v>18</v>
      </c>
      <c r="B27" s="34">
        <v>0</v>
      </c>
      <c r="C27" s="13">
        <v>0</v>
      </c>
      <c r="D27" s="12">
        <v>0</v>
      </c>
    </row>
    <row r="28" spans="1:4" ht="18" customHeight="1" x14ac:dyDescent="0.15">
      <c r="A28" s="8">
        <v>19</v>
      </c>
      <c r="B28" s="34">
        <v>0</v>
      </c>
      <c r="C28" s="13">
        <v>1</v>
      </c>
      <c r="D28" s="12">
        <v>1</v>
      </c>
    </row>
    <row r="29" spans="1:4" ht="18" customHeight="1" x14ac:dyDescent="0.15">
      <c r="A29" s="8" t="s">
        <v>48</v>
      </c>
      <c r="B29" s="34">
        <v>1</v>
      </c>
      <c r="C29" s="13">
        <v>1</v>
      </c>
      <c r="D29" s="12">
        <v>2</v>
      </c>
    </row>
    <row r="30" spans="1:4" ht="18" customHeight="1" x14ac:dyDescent="0.15">
      <c r="A30" s="8">
        <v>20</v>
      </c>
      <c r="B30" s="34">
        <v>0</v>
      </c>
      <c r="C30" s="13">
        <v>0</v>
      </c>
      <c r="D30" s="12">
        <v>0</v>
      </c>
    </row>
    <row r="31" spans="1:4" ht="18" customHeight="1" x14ac:dyDescent="0.15">
      <c r="A31" s="8">
        <v>21</v>
      </c>
      <c r="B31" s="34">
        <v>0</v>
      </c>
      <c r="C31" s="13">
        <v>1</v>
      </c>
      <c r="D31" s="12">
        <v>1</v>
      </c>
    </row>
    <row r="32" spans="1:4" ht="18" customHeight="1" x14ac:dyDescent="0.15">
      <c r="A32" s="8">
        <v>22</v>
      </c>
      <c r="B32" s="34">
        <v>0</v>
      </c>
      <c r="C32" s="13">
        <v>0</v>
      </c>
      <c r="D32" s="12">
        <v>0</v>
      </c>
    </row>
    <row r="33" spans="1:4" ht="18" customHeight="1" x14ac:dyDescent="0.15">
      <c r="A33" s="8">
        <v>23</v>
      </c>
      <c r="B33" s="34">
        <v>1</v>
      </c>
      <c r="C33" s="13">
        <v>0</v>
      </c>
      <c r="D33" s="12">
        <v>1</v>
      </c>
    </row>
    <row r="34" spans="1:4" ht="18" customHeight="1" x14ac:dyDescent="0.15">
      <c r="A34" s="8">
        <v>24</v>
      </c>
      <c r="B34" s="34">
        <v>0</v>
      </c>
      <c r="C34" s="13">
        <v>0</v>
      </c>
      <c r="D34" s="12">
        <v>0</v>
      </c>
    </row>
    <row r="35" spans="1:4" ht="18" customHeight="1" x14ac:dyDescent="0.15">
      <c r="A35" s="8" t="s">
        <v>74</v>
      </c>
      <c r="B35" s="34">
        <v>1</v>
      </c>
      <c r="C35" s="13">
        <v>1</v>
      </c>
      <c r="D35" s="12">
        <v>2</v>
      </c>
    </row>
    <row r="36" spans="1:4" ht="18" customHeight="1" x14ac:dyDescent="0.15">
      <c r="A36" s="8">
        <v>25</v>
      </c>
      <c r="B36" s="34">
        <v>0</v>
      </c>
      <c r="C36" s="13">
        <v>0</v>
      </c>
      <c r="D36" s="12">
        <v>0</v>
      </c>
    </row>
    <row r="37" spans="1:4" ht="18" customHeight="1" x14ac:dyDescent="0.15">
      <c r="A37" s="8">
        <v>26</v>
      </c>
      <c r="B37" s="34">
        <v>0</v>
      </c>
      <c r="C37" s="13">
        <v>0</v>
      </c>
      <c r="D37" s="12">
        <v>0</v>
      </c>
    </row>
    <row r="38" spans="1:4" ht="18" customHeight="1" x14ac:dyDescent="0.15">
      <c r="A38" s="8">
        <v>27</v>
      </c>
      <c r="B38" s="34">
        <v>0</v>
      </c>
      <c r="C38" s="13">
        <v>0</v>
      </c>
      <c r="D38" s="12">
        <v>0</v>
      </c>
    </row>
    <row r="39" spans="1:4" ht="18" customHeight="1" x14ac:dyDescent="0.15">
      <c r="A39" s="8">
        <v>28</v>
      </c>
      <c r="B39" s="34">
        <v>0</v>
      </c>
      <c r="C39" s="13">
        <v>0</v>
      </c>
      <c r="D39" s="12">
        <v>0</v>
      </c>
    </row>
    <row r="40" spans="1:4" ht="18" customHeight="1" x14ac:dyDescent="0.15">
      <c r="A40" s="8">
        <v>29</v>
      </c>
      <c r="B40" s="34">
        <v>1</v>
      </c>
      <c r="C40" s="13">
        <v>0</v>
      </c>
      <c r="D40" s="12">
        <v>1</v>
      </c>
    </row>
    <row r="41" spans="1:4" ht="18" customHeight="1" x14ac:dyDescent="0.15">
      <c r="A41" s="8" t="s">
        <v>73</v>
      </c>
      <c r="B41" s="34">
        <v>1</v>
      </c>
      <c r="C41" s="13">
        <v>0</v>
      </c>
      <c r="D41" s="12">
        <v>1</v>
      </c>
    </row>
    <row r="42" spans="1:4" ht="18" customHeight="1" x14ac:dyDescent="0.15">
      <c r="A42" s="8">
        <v>30</v>
      </c>
      <c r="B42" s="34">
        <v>1</v>
      </c>
      <c r="C42" s="13">
        <v>0</v>
      </c>
      <c r="D42" s="12">
        <v>1</v>
      </c>
    </row>
    <row r="43" spans="1:4" ht="18" customHeight="1" x14ac:dyDescent="0.15">
      <c r="A43" s="8">
        <v>31</v>
      </c>
      <c r="B43" s="34">
        <v>0</v>
      </c>
      <c r="C43" s="13">
        <v>2</v>
      </c>
      <c r="D43" s="12">
        <v>2</v>
      </c>
    </row>
    <row r="44" spans="1:4" ht="18" customHeight="1" x14ac:dyDescent="0.15">
      <c r="A44" s="8">
        <v>32</v>
      </c>
      <c r="B44" s="34">
        <v>0</v>
      </c>
      <c r="C44" s="13">
        <v>0</v>
      </c>
      <c r="D44" s="12">
        <v>0</v>
      </c>
    </row>
    <row r="45" spans="1:4" ht="18" customHeight="1" x14ac:dyDescent="0.15">
      <c r="A45" s="8">
        <v>33</v>
      </c>
      <c r="B45" s="34">
        <v>1</v>
      </c>
      <c r="C45" s="13">
        <v>1</v>
      </c>
      <c r="D45" s="12">
        <v>2</v>
      </c>
    </row>
    <row r="46" spans="1:4" ht="18" customHeight="1" x14ac:dyDescent="0.15">
      <c r="A46" s="8">
        <v>34</v>
      </c>
      <c r="B46" s="34">
        <v>0</v>
      </c>
      <c r="C46" s="13">
        <v>0</v>
      </c>
      <c r="D46" s="12">
        <v>0</v>
      </c>
    </row>
    <row r="47" spans="1:4" ht="18" customHeight="1" x14ac:dyDescent="0.15">
      <c r="A47" s="8" t="s">
        <v>61</v>
      </c>
      <c r="B47" s="34">
        <v>2</v>
      </c>
      <c r="C47" s="13">
        <v>3</v>
      </c>
      <c r="D47" s="12">
        <v>5</v>
      </c>
    </row>
    <row r="48" spans="1:4" ht="18" customHeight="1" x14ac:dyDescent="0.15">
      <c r="A48" s="8">
        <v>35</v>
      </c>
      <c r="B48" s="34">
        <v>1</v>
      </c>
      <c r="C48" s="13">
        <v>0</v>
      </c>
      <c r="D48" s="12">
        <v>1</v>
      </c>
    </row>
    <row r="49" spans="1:4" ht="18" customHeight="1" x14ac:dyDescent="0.15">
      <c r="A49" s="8">
        <v>36</v>
      </c>
      <c r="B49" s="34">
        <v>0</v>
      </c>
      <c r="C49" s="13">
        <v>0</v>
      </c>
      <c r="D49" s="12">
        <v>0</v>
      </c>
    </row>
    <row r="50" spans="1:4" ht="18" customHeight="1" x14ac:dyDescent="0.15">
      <c r="A50" s="8">
        <v>37</v>
      </c>
      <c r="B50" s="34">
        <v>3</v>
      </c>
      <c r="C50" s="13">
        <v>0</v>
      </c>
      <c r="D50" s="12">
        <v>3</v>
      </c>
    </row>
    <row r="51" spans="1:4" ht="18" customHeight="1" x14ac:dyDescent="0.15">
      <c r="A51" s="8">
        <v>38</v>
      </c>
      <c r="B51" s="34">
        <v>0</v>
      </c>
      <c r="C51" s="13">
        <v>0</v>
      </c>
      <c r="D51" s="12">
        <v>0</v>
      </c>
    </row>
    <row r="52" spans="1:4" ht="18" customHeight="1" x14ac:dyDescent="0.15">
      <c r="A52" s="8">
        <v>39</v>
      </c>
      <c r="B52" s="34">
        <v>0</v>
      </c>
      <c r="C52" s="13">
        <v>1</v>
      </c>
      <c r="D52" s="12">
        <v>1</v>
      </c>
    </row>
    <row r="53" spans="1:4" ht="18" customHeight="1" x14ac:dyDescent="0.15">
      <c r="A53" s="8" t="s">
        <v>72</v>
      </c>
      <c r="B53" s="34">
        <v>4</v>
      </c>
      <c r="C53" s="13">
        <v>1</v>
      </c>
      <c r="D53" s="12">
        <v>5</v>
      </c>
    </row>
    <row r="54" spans="1:4" ht="18" customHeight="1" x14ac:dyDescent="0.15">
      <c r="A54" s="8">
        <v>40</v>
      </c>
      <c r="B54" s="34">
        <v>0</v>
      </c>
      <c r="C54" s="13">
        <v>0</v>
      </c>
      <c r="D54" s="12">
        <v>0</v>
      </c>
    </row>
    <row r="55" spans="1:4" ht="18" customHeight="1" x14ac:dyDescent="0.15">
      <c r="A55" s="8">
        <v>41</v>
      </c>
      <c r="B55" s="34">
        <v>2</v>
      </c>
      <c r="C55" s="13">
        <v>1</v>
      </c>
      <c r="D55" s="12">
        <v>3</v>
      </c>
    </row>
    <row r="56" spans="1:4" ht="18" customHeight="1" x14ac:dyDescent="0.15">
      <c r="A56" s="8">
        <v>42</v>
      </c>
      <c r="B56" s="34">
        <v>2</v>
      </c>
      <c r="C56" s="13">
        <v>0</v>
      </c>
      <c r="D56" s="12">
        <v>2</v>
      </c>
    </row>
    <row r="57" spans="1:4" ht="18" customHeight="1" x14ac:dyDescent="0.15">
      <c r="A57" s="8">
        <v>43</v>
      </c>
      <c r="B57" s="34">
        <v>1</v>
      </c>
      <c r="C57" s="13">
        <v>0</v>
      </c>
      <c r="D57" s="12">
        <v>1</v>
      </c>
    </row>
    <row r="58" spans="1:4" ht="18" customHeight="1" x14ac:dyDescent="0.15">
      <c r="A58" s="8">
        <v>44</v>
      </c>
      <c r="B58" s="34">
        <v>1</v>
      </c>
      <c r="C58" s="13">
        <v>1</v>
      </c>
      <c r="D58" s="12">
        <v>2</v>
      </c>
    </row>
    <row r="59" spans="1:4" ht="18" customHeight="1" x14ac:dyDescent="0.15">
      <c r="A59" s="8" t="s">
        <v>46</v>
      </c>
      <c r="B59" s="34">
        <v>6</v>
      </c>
      <c r="C59" s="13">
        <v>2</v>
      </c>
      <c r="D59" s="12">
        <v>8</v>
      </c>
    </row>
    <row r="60" spans="1:4" ht="18" customHeight="1" x14ac:dyDescent="0.15">
      <c r="A60" s="8">
        <v>45</v>
      </c>
      <c r="B60" s="34">
        <v>0</v>
      </c>
      <c r="C60" s="13">
        <v>0</v>
      </c>
      <c r="D60" s="12">
        <v>0</v>
      </c>
    </row>
    <row r="61" spans="1:4" ht="18" customHeight="1" x14ac:dyDescent="0.15">
      <c r="A61" s="8">
        <v>46</v>
      </c>
      <c r="B61" s="34">
        <v>0</v>
      </c>
      <c r="C61" s="13">
        <v>0</v>
      </c>
      <c r="D61" s="12">
        <v>0</v>
      </c>
    </row>
    <row r="62" spans="1:4" ht="18" customHeight="1" x14ac:dyDescent="0.15">
      <c r="A62" s="8">
        <v>47</v>
      </c>
      <c r="B62" s="34">
        <v>0</v>
      </c>
      <c r="C62" s="13">
        <v>1</v>
      </c>
      <c r="D62" s="12">
        <v>1</v>
      </c>
    </row>
    <row r="63" spans="1:4" ht="18" customHeight="1" x14ac:dyDescent="0.15">
      <c r="A63" s="8">
        <v>48</v>
      </c>
      <c r="B63" s="34">
        <v>0</v>
      </c>
      <c r="C63" s="13">
        <v>0</v>
      </c>
      <c r="D63" s="12">
        <v>0</v>
      </c>
    </row>
    <row r="64" spans="1:4" ht="18" customHeight="1" x14ac:dyDescent="0.15">
      <c r="A64" s="8">
        <v>49</v>
      </c>
      <c r="B64" s="34">
        <v>0</v>
      </c>
      <c r="C64" s="13">
        <v>0</v>
      </c>
      <c r="D64" s="12">
        <v>0</v>
      </c>
    </row>
    <row r="65" spans="1:4" ht="18" customHeight="1" x14ac:dyDescent="0.15">
      <c r="A65" s="8" t="s">
        <v>45</v>
      </c>
      <c r="B65" s="34">
        <v>0</v>
      </c>
      <c r="C65" s="13">
        <v>1</v>
      </c>
      <c r="D65" s="12">
        <v>1</v>
      </c>
    </row>
    <row r="66" spans="1:4" ht="18" customHeight="1" x14ac:dyDescent="0.15">
      <c r="A66" s="8">
        <v>50</v>
      </c>
      <c r="B66" s="34">
        <v>0</v>
      </c>
      <c r="C66" s="13">
        <v>0</v>
      </c>
      <c r="D66" s="12">
        <v>0</v>
      </c>
    </row>
    <row r="67" spans="1:4" ht="18" customHeight="1" x14ac:dyDescent="0.15">
      <c r="A67" s="8">
        <v>51</v>
      </c>
      <c r="B67" s="34">
        <v>0</v>
      </c>
      <c r="C67" s="13">
        <v>0</v>
      </c>
      <c r="D67" s="12">
        <v>0</v>
      </c>
    </row>
    <row r="68" spans="1:4" ht="18" customHeight="1" x14ac:dyDescent="0.15">
      <c r="A68" s="8">
        <v>52</v>
      </c>
      <c r="B68" s="34">
        <v>0</v>
      </c>
      <c r="C68" s="13">
        <v>1</v>
      </c>
      <c r="D68" s="12">
        <v>1</v>
      </c>
    </row>
    <row r="69" spans="1:4" ht="18" customHeight="1" x14ac:dyDescent="0.15">
      <c r="A69" s="8">
        <v>53</v>
      </c>
      <c r="B69" s="34">
        <v>0</v>
      </c>
      <c r="C69" s="13">
        <v>0</v>
      </c>
      <c r="D69" s="12">
        <v>0</v>
      </c>
    </row>
    <row r="70" spans="1:4" ht="18" customHeight="1" x14ac:dyDescent="0.15">
      <c r="A70" s="8">
        <v>54</v>
      </c>
      <c r="B70" s="34">
        <v>0</v>
      </c>
      <c r="C70" s="13">
        <v>1</v>
      </c>
      <c r="D70" s="12">
        <v>1</v>
      </c>
    </row>
    <row r="71" spans="1:4" ht="18" customHeight="1" x14ac:dyDescent="0.15">
      <c r="A71" s="8" t="s">
        <v>58</v>
      </c>
      <c r="B71" s="34">
        <v>0</v>
      </c>
      <c r="C71" s="13">
        <v>2</v>
      </c>
      <c r="D71" s="12">
        <v>2</v>
      </c>
    </row>
    <row r="72" spans="1:4" ht="18" customHeight="1" x14ac:dyDescent="0.15">
      <c r="A72" s="8">
        <v>55</v>
      </c>
      <c r="B72" s="34">
        <v>1</v>
      </c>
      <c r="C72" s="13">
        <v>0</v>
      </c>
      <c r="D72" s="12">
        <v>1</v>
      </c>
    </row>
    <row r="73" spans="1:4" ht="18" customHeight="1" x14ac:dyDescent="0.15">
      <c r="A73" s="8">
        <v>56</v>
      </c>
      <c r="B73" s="34">
        <v>1</v>
      </c>
      <c r="C73" s="13">
        <v>1</v>
      </c>
      <c r="D73" s="12">
        <v>2</v>
      </c>
    </row>
    <row r="74" spans="1:4" ht="18" customHeight="1" x14ac:dyDescent="0.15">
      <c r="A74" s="8">
        <v>57</v>
      </c>
      <c r="B74" s="34">
        <v>1</v>
      </c>
      <c r="C74" s="13">
        <v>2</v>
      </c>
      <c r="D74" s="12">
        <v>3</v>
      </c>
    </row>
    <row r="75" spans="1:4" ht="18" customHeight="1" x14ac:dyDescent="0.15">
      <c r="A75" s="8">
        <v>58</v>
      </c>
      <c r="B75" s="34">
        <v>0</v>
      </c>
      <c r="C75" s="13">
        <v>1</v>
      </c>
      <c r="D75" s="12">
        <v>1</v>
      </c>
    </row>
    <row r="76" spans="1:4" ht="18" customHeight="1" x14ac:dyDescent="0.15">
      <c r="A76" s="8">
        <v>59</v>
      </c>
      <c r="B76" s="34">
        <v>1</v>
      </c>
      <c r="C76" s="13">
        <v>1</v>
      </c>
      <c r="D76" s="12">
        <v>2</v>
      </c>
    </row>
    <row r="77" spans="1:4" ht="18" customHeight="1" x14ac:dyDescent="0.15">
      <c r="A77" s="8" t="s">
        <v>71</v>
      </c>
      <c r="B77" s="34">
        <v>4</v>
      </c>
      <c r="C77" s="13">
        <v>5</v>
      </c>
      <c r="D77" s="12">
        <v>9</v>
      </c>
    </row>
    <row r="78" spans="1:4" ht="18" customHeight="1" x14ac:dyDescent="0.15">
      <c r="A78" s="8">
        <v>60</v>
      </c>
      <c r="B78" s="34">
        <v>1</v>
      </c>
      <c r="C78" s="13">
        <v>0</v>
      </c>
      <c r="D78" s="12">
        <v>1</v>
      </c>
    </row>
    <row r="79" spans="1:4" ht="18" customHeight="1" x14ac:dyDescent="0.15">
      <c r="A79" s="8">
        <v>61</v>
      </c>
      <c r="B79" s="34">
        <v>2</v>
      </c>
      <c r="C79" s="13">
        <v>1</v>
      </c>
      <c r="D79" s="12">
        <v>3</v>
      </c>
    </row>
    <row r="80" spans="1:4" ht="18" customHeight="1" x14ac:dyDescent="0.15">
      <c r="A80" s="8">
        <v>62</v>
      </c>
      <c r="B80" s="34">
        <v>1</v>
      </c>
      <c r="C80" s="13">
        <v>1</v>
      </c>
      <c r="D80" s="12">
        <v>2</v>
      </c>
    </row>
    <row r="81" spans="1:4" ht="18" customHeight="1" x14ac:dyDescent="0.15">
      <c r="A81" s="8">
        <v>63</v>
      </c>
      <c r="B81" s="34">
        <v>2</v>
      </c>
      <c r="C81" s="13">
        <v>0</v>
      </c>
      <c r="D81" s="12">
        <v>2</v>
      </c>
    </row>
    <row r="82" spans="1:4" ht="18" customHeight="1" x14ac:dyDescent="0.15">
      <c r="A82" s="8">
        <v>64</v>
      </c>
      <c r="B82" s="34">
        <v>1</v>
      </c>
      <c r="C82" s="13">
        <v>1</v>
      </c>
      <c r="D82" s="12">
        <v>2</v>
      </c>
    </row>
    <row r="83" spans="1:4" ht="18" customHeight="1" x14ac:dyDescent="0.15">
      <c r="A83" s="8" t="s">
        <v>44</v>
      </c>
      <c r="B83" s="34">
        <v>7</v>
      </c>
      <c r="C83" s="13">
        <v>3</v>
      </c>
      <c r="D83" s="12">
        <v>10</v>
      </c>
    </row>
    <row r="84" spans="1:4" ht="18" customHeight="1" x14ac:dyDescent="0.15">
      <c r="A84" s="8" t="s">
        <v>43</v>
      </c>
      <c r="B84" s="34">
        <v>26</v>
      </c>
      <c r="C84" s="13">
        <v>19</v>
      </c>
      <c r="D84" s="12">
        <v>45</v>
      </c>
    </row>
    <row r="85" spans="1:4" ht="18" customHeight="1" x14ac:dyDescent="0.15">
      <c r="A85" s="8">
        <v>65</v>
      </c>
      <c r="B85" s="34">
        <v>1</v>
      </c>
      <c r="C85" s="13">
        <v>0</v>
      </c>
      <c r="D85" s="12">
        <v>1</v>
      </c>
    </row>
    <row r="86" spans="1:4" ht="18" customHeight="1" x14ac:dyDescent="0.15">
      <c r="A86" s="8">
        <v>66</v>
      </c>
      <c r="B86" s="34">
        <v>1</v>
      </c>
      <c r="C86" s="13">
        <v>7</v>
      </c>
      <c r="D86" s="12">
        <v>8</v>
      </c>
    </row>
    <row r="87" spans="1:4" ht="18" customHeight="1" x14ac:dyDescent="0.15">
      <c r="A87" s="8">
        <v>67</v>
      </c>
      <c r="B87" s="34">
        <v>0</v>
      </c>
      <c r="C87" s="13">
        <v>4</v>
      </c>
      <c r="D87" s="12">
        <v>4</v>
      </c>
    </row>
    <row r="88" spans="1:4" ht="18" customHeight="1" x14ac:dyDescent="0.15">
      <c r="A88" s="8">
        <v>68</v>
      </c>
      <c r="B88" s="34">
        <v>1</v>
      </c>
      <c r="C88" s="13">
        <v>1</v>
      </c>
      <c r="D88" s="12">
        <v>2</v>
      </c>
    </row>
    <row r="89" spans="1:4" ht="18" customHeight="1" x14ac:dyDescent="0.15">
      <c r="A89" s="8">
        <v>69</v>
      </c>
      <c r="B89" s="34">
        <v>2</v>
      </c>
      <c r="C89" s="13">
        <v>1</v>
      </c>
      <c r="D89" s="12">
        <v>3</v>
      </c>
    </row>
    <row r="90" spans="1:4" ht="18" customHeight="1" x14ac:dyDescent="0.15">
      <c r="A90" s="8" t="s">
        <v>42</v>
      </c>
      <c r="B90" s="34">
        <v>5</v>
      </c>
      <c r="C90" s="13">
        <v>13</v>
      </c>
      <c r="D90" s="12">
        <v>18</v>
      </c>
    </row>
    <row r="91" spans="1:4" ht="18" customHeight="1" x14ac:dyDescent="0.15">
      <c r="A91" s="8">
        <v>70</v>
      </c>
      <c r="B91" s="34">
        <v>1</v>
      </c>
      <c r="C91" s="13">
        <v>0</v>
      </c>
      <c r="D91" s="12">
        <v>1</v>
      </c>
    </row>
    <row r="92" spans="1:4" ht="18" customHeight="1" x14ac:dyDescent="0.15">
      <c r="A92" s="8">
        <v>71</v>
      </c>
      <c r="B92" s="34">
        <v>3</v>
      </c>
      <c r="C92" s="13">
        <v>2</v>
      </c>
      <c r="D92" s="12">
        <v>5</v>
      </c>
    </row>
    <row r="93" spans="1:4" ht="18" customHeight="1" x14ac:dyDescent="0.15">
      <c r="A93" s="8">
        <v>72</v>
      </c>
      <c r="B93" s="34">
        <v>1</v>
      </c>
      <c r="C93" s="13">
        <v>0</v>
      </c>
      <c r="D93" s="12">
        <v>1</v>
      </c>
    </row>
    <row r="94" spans="1:4" ht="18" customHeight="1" x14ac:dyDescent="0.15">
      <c r="A94" s="8">
        <v>73</v>
      </c>
      <c r="B94" s="34">
        <v>5</v>
      </c>
      <c r="C94" s="13">
        <v>0</v>
      </c>
      <c r="D94" s="12">
        <v>5</v>
      </c>
    </row>
    <row r="95" spans="1:4" ht="18" customHeight="1" x14ac:dyDescent="0.15">
      <c r="A95" s="8">
        <v>74</v>
      </c>
      <c r="B95" s="34">
        <v>4</v>
      </c>
      <c r="C95" s="13">
        <v>1</v>
      </c>
      <c r="D95" s="12">
        <v>5</v>
      </c>
    </row>
    <row r="96" spans="1:4" ht="18" customHeight="1" x14ac:dyDescent="0.15">
      <c r="A96" s="8" t="s">
        <v>41</v>
      </c>
      <c r="B96" s="34">
        <v>14</v>
      </c>
      <c r="C96" s="13">
        <v>3</v>
      </c>
      <c r="D96" s="12">
        <v>17</v>
      </c>
    </row>
    <row r="97" spans="1:4" ht="18" customHeight="1" x14ac:dyDescent="0.15">
      <c r="A97" s="8">
        <v>75</v>
      </c>
      <c r="B97" s="34">
        <v>3</v>
      </c>
      <c r="C97" s="13">
        <v>4</v>
      </c>
      <c r="D97" s="12">
        <v>7</v>
      </c>
    </row>
    <row r="98" spans="1:4" ht="18" customHeight="1" x14ac:dyDescent="0.15">
      <c r="A98" s="8">
        <v>76</v>
      </c>
      <c r="B98" s="34">
        <v>0</v>
      </c>
      <c r="C98" s="13">
        <v>1</v>
      </c>
      <c r="D98" s="12">
        <v>1</v>
      </c>
    </row>
    <row r="99" spans="1:4" ht="18" customHeight="1" x14ac:dyDescent="0.15">
      <c r="A99" s="8">
        <v>77</v>
      </c>
      <c r="B99" s="34">
        <v>1</v>
      </c>
      <c r="C99" s="13">
        <v>0</v>
      </c>
      <c r="D99" s="12">
        <v>1</v>
      </c>
    </row>
    <row r="100" spans="1:4" ht="18" customHeight="1" x14ac:dyDescent="0.15">
      <c r="A100" s="8">
        <v>78</v>
      </c>
      <c r="B100" s="34">
        <v>1</v>
      </c>
      <c r="C100" s="13">
        <v>1</v>
      </c>
      <c r="D100" s="12">
        <v>2</v>
      </c>
    </row>
    <row r="101" spans="1:4" ht="18" customHeight="1" x14ac:dyDescent="0.15">
      <c r="A101" s="8">
        <v>79</v>
      </c>
      <c r="B101" s="34">
        <v>3</v>
      </c>
      <c r="C101" s="13">
        <v>0</v>
      </c>
      <c r="D101" s="12">
        <v>3</v>
      </c>
    </row>
    <row r="102" spans="1:4" ht="18" customHeight="1" x14ac:dyDescent="0.15">
      <c r="A102" s="8" t="s">
        <v>70</v>
      </c>
      <c r="B102" s="34">
        <v>8</v>
      </c>
      <c r="C102" s="13">
        <v>6</v>
      </c>
      <c r="D102" s="12">
        <v>14</v>
      </c>
    </row>
    <row r="103" spans="1:4" ht="18" customHeight="1" x14ac:dyDescent="0.15">
      <c r="A103" s="8">
        <v>80</v>
      </c>
      <c r="B103" s="34">
        <v>0</v>
      </c>
      <c r="C103" s="13">
        <v>2</v>
      </c>
      <c r="D103" s="12">
        <v>2</v>
      </c>
    </row>
    <row r="104" spans="1:4" ht="18" customHeight="1" x14ac:dyDescent="0.15">
      <c r="A104" s="8">
        <v>81</v>
      </c>
      <c r="B104" s="34">
        <v>0</v>
      </c>
      <c r="C104" s="13">
        <v>2</v>
      </c>
      <c r="D104" s="12">
        <v>2</v>
      </c>
    </row>
    <row r="105" spans="1:4" ht="18" customHeight="1" x14ac:dyDescent="0.15">
      <c r="A105" s="8">
        <v>82</v>
      </c>
      <c r="B105" s="34">
        <v>1</v>
      </c>
      <c r="C105" s="13">
        <v>1</v>
      </c>
      <c r="D105" s="12">
        <v>2</v>
      </c>
    </row>
    <row r="106" spans="1:4" ht="18" customHeight="1" x14ac:dyDescent="0.15">
      <c r="A106" s="8">
        <v>83</v>
      </c>
      <c r="B106" s="34">
        <v>1</v>
      </c>
      <c r="C106" s="13">
        <v>4</v>
      </c>
      <c r="D106" s="12">
        <v>5</v>
      </c>
    </row>
    <row r="107" spans="1:4" ht="18" customHeight="1" x14ac:dyDescent="0.15">
      <c r="A107" s="8">
        <v>84</v>
      </c>
      <c r="B107" s="34">
        <v>1</v>
      </c>
      <c r="C107" s="13">
        <v>1</v>
      </c>
      <c r="D107" s="12">
        <v>2</v>
      </c>
    </row>
    <row r="108" spans="1:4" ht="18" customHeight="1" x14ac:dyDescent="0.15">
      <c r="A108" s="8" t="s">
        <v>39</v>
      </c>
      <c r="B108" s="34">
        <v>3</v>
      </c>
      <c r="C108" s="13">
        <v>10</v>
      </c>
      <c r="D108" s="12">
        <v>13</v>
      </c>
    </row>
    <row r="109" spans="1:4" ht="18" customHeight="1" x14ac:dyDescent="0.15">
      <c r="A109" s="8">
        <v>85</v>
      </c>
      <c r="B109" s="34">
        <v>2</v>
      </c>
      <c r="C109" s="13">
        <v>4</v>
      </c>
      <c r="D109" s="12">
        <v>6</v>
      </c>
    </row>
    <row r="110" spans="1:4" ht="18" customHeight="1" x14ac:dyDescent="0.15">
      <c r="A110" s="8">
        <v>86</v>
      </c>
      <c r="B110" s="34">
        <v>2</v>
      </c>
      <c r="C110" s="13">
        <v>3</v>
      </c>
      <c r="D110" s="12">
        <v>5</v>
      </c>
    </row>
    <row r="111" spans="1:4" ht="18" customHeight="1" x14ac:dyDescent="0.15">
      <c r="A111" s="8">
        <v>87</v>
      </c>
      <c r="B111" s="34">
        <v>1</v>
      </c>
      <c r="C111" s="13">
        <v>2</v>
      </c>
      <c r="D111" s="12">
        <v>3</v>
      </c>
    </row>
    <row r="112" spans="1:4" ht="18" customHeight="1" x14ac:dyDescent="0.15">
      <c r="A112" s="8">
        <v>88</v>
      </c>
      <c r="B112" s="34">
        <v>0</v>
      </c>
      <c r="C112" s="13">
        <v>1</v>
      </c>
      <c r="D112" s="12">
        <v>1</v>
      </c>
    </row>
    <row r="113" spans="1:4" ht="18" customHeight="1" x14ac:dyDescent="0.15">
      <c r="A113" s="8">
        <v>89</v>
      </c>
      <c r="B113" s="34">
        <v>0</v>
      </c>
      <c r="C113" s="13">
        <v>2</v>
      </c>
      <c r="D113" s="12">
        <v>2</v>
      </c>
    </row>
    <row r="114" spans="1:4" ht="18" customHeight="1" x14ac:dyDescent="0.15">
      <c r="A114" s="8" t="s">
        <v>38</v>
      </c>
      <c r="B114" s="34">
        <v>5</v>
      </c>
      <c r="C114" s="13">
        <v>12</v>
      </c>
      <c r="D114" s="12">
        <v>17</v>
      </c>
    </row>
    <row r="115" spans="1:4" ht="18" customHeight="1" x14ac:dyDescent="0.15">
      <c r="A115" s="8">
        <v>90</v>
      </c>
      <c r="B115" s="34">
        <v>0</v>
      </c>
      <c r="C115" s="13">
        <v>1</v>
      </c>
      <c r="D115" s="12">
        <v>1</v>
      </c>
    </row>
    <row r="116" spans="1:4" ht="18" customHeight="1" x14ac:dyDescent="0.15">
      <c r="A116" s="8">
        <v>91</v>
      </c>
      <c r="B116" s="34">
        <v>1</v>
      </c>
      <c r="C116" s="13">
        <v>0</v>
      </c>
      <c r="D116" s="12">
        <v>1</v>
      </c>
    </row>
    <row r="117" spans="1:4" ht="18" customHeight="1" x14ac:dyDescent="0.15">
      <c r="A117" s="8">
        <v>92</v>
      </c>
      <c r="B117" s="34">
        <v>0</v>
      </c>
      <c r="C117" s="13">
        <v>2</v>
      </c>
      <c r="D117" s="12">
        <v>2</v>
      </c>
    </row>
    <row r="118" spans="1:4" ht="18" customHeight="1" x14ac:dyDescent="0.15">
      <c r="A118" s="8">
        <v>93</v>
      </c>
      <c r="B118" s="34">
        <v>0</v>
      </c>
      <c r="C118" s="13">
        <v>0</v>
      </c>
      <c r="D118" s="12">
        <v>0</v>
      </c>
    </row>
    <row r="119" spans="1:4" ht="18" customHeight="1" x14ac:dyDescent="0.15">
      <c r="A119" s="8">
        <v>94</v>
      </c>
      <c r="B119" s="34">
        <v>0</v>
      </c>
      <c r="C119" s="13">
        <v>1</v>
      </c>
      <c r="D119" s="12">
        <v>1</v>
      </c>
    </row>
    <row r="120" spans="1:4" ht="18" customHeight="1" x14ac:dyDescent="0.15">
      <c r="A120" s="8" t="s">
        <v>69</v>
      </c>
      <c r="B120" s="34">
        <v>1</v>
      </c>
      <c r="C120" s="13">
        <v>4</v>
      </c>
      <c r="D120" s="12">
        <v>5</v>
      </c>
    </row>
    <row r="121" spans="1:4" ht="18" customHeight="1" x14ac:dyDescent="0.15">
      <c r="A121" s="8">
        <v>95</v>
      </c>
      <c r="B121" s="34">
        <v>0</v>
      </c>
      <c r="C121" s="13">
        <v>1</v>
      </c>
      <c r="D121" s="12">
        <v>1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0</v>
      </c>
      <c r="D123" s="12">
        <v>0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0</v>
      </c>
      <c r="C126" s="13">
        <v>1</v>
      </c>
      <c r="D126" s="12">
        <v>1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1</v>
      </c>
      <c r="D128" s="12">
        <v>1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36</v>
      </c>
      <c r="C130" s="6">
        <v>50</v>
      </c>
      <c r="D130" s="5">
        <v>86</v>
      </c>
    </row>
    <row r="131" spans="1:4" ht="18" customHeight="1" x14ac:dyDescent="0.15">
      <c r="A131" s="4" t="s">
        <v>0</v>
      </c>
      <c r="B131" s="27">
        <v>62</v>
      </c>
      <c r="C131" s="2">
        <v>72</v>
      </c>
      <c r="D131" s="1">
        <v>134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3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0</v>
      </c>
      <c r="D5" s="43">
        <v>0</v>
      </c>
    </row>
    <row r="6" spans="1:4" ht="18" customHeight="1" x14ac:dyDescent="0.15">
      <c r="A6" s="8">
        <v>1</v>
      </c>
      <c r="B6" s="39">
        <v>0</v>
      </c>
      <c r="C6" s="13">
        <v>0</v>
      </c>
      <c r="D6" s="12">
        <v>0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0</v>
      </c>
      <c r="C9" s="41">
        <v>0</v>
      </c>
      <c r="D9" s="40">
        <v>0</v>
      </c>
    </row>
    <row r="10" spans="1:4" ht="18" customHeight="1" x14ac:dyDescent="0.15">
      <c r="A10" s="8" t="s">
        <v>76</v>
      </c>
      <c r="B10" s="34">
        <v>0</v>
      </c>
      <c r="C10" s="13">
        <v>0</v>
      </c>
      <c r="D10" s="12">
        <v>0</v>
      </c>
    </row>
    <row r="11" spans="1:4" ht="18" customHeight="1" x14ac:dyDescent="0.15">
      <c r="A11" s="8">
        <v>5</v>
      </c>
      <c r="B11" s="39">
        <v>0</v>
      </c>
      <c r="C11" s="13">
        <v>0</v>
      </c>
      <c r="D11" s="12">
        <v>0</v>
      </c>
    </row>
    <row r="12" spans="1:4" ht="18" customHeight="1" x14ac:dyDescent="0.15">
      <c r="A12" s="8">
        <v>6</v>
      </c>
      <c r="B12" s="39">
        <v>0</v>
      </c>
      <c r="C12" s="13">
        <v>0</v>
      </c>
      <c r="D12" s="12">
        <v>0</v>
      </c>
    </row>
    <row r="13" spans="1:4" ht="18" customHeight="1" x14ac:dyDescent="0.15">
      <c r="A13" s="8">
        <v>7</v>
      </c>
      <c r="B13" s="39">
        <v>1</v>
      </c>
      <c r="C13" s="13">
        <v>0</v>
      </c>
      <c r="D13" s="12">
        <v>1</v>
      </c>
    </row>
    <row r="14" spans="1:4" ht="18" customHeight="1" x14ac:dyDescent="0.15">
      <c r="A14" s="8">
        <v>8</v>
      </c>
      <c r="B14" s="39">
        <v>1</v>
      </c>
      <c r="C14" s="13">
        <v>0</v>
      </c>
      <c r="D14" s="12">
        <v>1</v>
      </c>
    </row>
    <row r="15" spans="1:4" ht="18" customHeight="1" x14ac:dyDescent="0.15">
      <c r="A15" s="8">
        <v>9</v>
      </c>
      <c r="B15" s="39">
        <v>0</v>
      </c>
      <c r="C15" s="13">
        <v>0</v>
      </c>
      <c r="D15" s="12">
        <v>0</v>
      </c>
    </row>
    <row r="16" spans="1:4" ht="18" customHeight="1" x14ac:dyDescent="0.15">
      <c r="A16" s="8" t="s">
        <v>50</v>
      </c>
      <c r="B16" s="34">
        <v>2</v>
      </c>
      <c r="C16" s="13">
        <v>0</v>
      </c>
      <c r="D16" s="12">
        <v>2</v>
      </c>
    </row>
    <row r="17" spans="1:4" ht="18" customHeight="1" x14ac:dyDescent="0.15">
      <c r="A17" s="8">
        <v>10</v>
      </c>
      <c r="B17" s="34">
        <v>0</v>
      </c>
      <c r="C17" s="13">
        <v>0</v>
      </c>
      <c r="D17" s="12">
        <v>0</v>
      </c>
    </row>
    <row r="18" spans="1:4" ht="18" customHeight="1" x14ac:dyDescent="0.15">
      <c r="A18" s="8">
        <v>11</v>
      </c>
      <c r="B18" s="34">
        <v>1</v>
      </c>
      <c r="C18" s="13">
        <v>0</v>
      </c>
      <c r="D18" s="12">
        <v>1</v>
      </c>
    </row>
    <row r="19" spans="1:4" ht="18" customHeight="1" x14ac:dyDescent="0.15">
      <c r="A19" s="8">
        <v>12</v>
      </c>
      <c r="B19" s="34">
        <v>0</v>
      </c>
      <c r="C19" s="13">
        <v>0</v>
      </c>
      <c r="D19" s="12">
        <v>0</v>
      </c>
    </row>
    <row r="20" spans="1:4" ht="18" customHeight="1" x14ac:dyDescent="0.15">
      <c r="A20" s="8">
        <v>13</v>
      </c>
      <c r="B20" s="34">
        <v>0</v>
      </c>
      <c r="C20" s="13">
        <v>0</v>
      </c>
      <c r="D20" s="12">
        <v>0</v>
      </c>
    </row>
    <row r="21" spans="1:4" ht="18" customHeight="1" x14ac:dyDescent="0.15">
      <c r="A21" s="8">
        <v>14</v>
      </c>
      <c r="B21" s="34">
        <v>0</v>
      </c>
      <c r="C21" s="13">
        <v>0</v>
      </c>
      <c r="D21" s="12">
        <v>0</v>
      </c>
    </row>
    <row r="22" spans="1:4" ht="18" customHeight="1" x14ac:dyDescent="0.15">
      <c r="A22" s="8" t="s">
        <v>75</v>
      </c>
      <c r="B22" s="34">
        <v>1</v>
      </c>
      <c r="C22" s="13">
        <v>0</v>
      </c>
      <c r="D22" s="12">
        <v>1</v>
      </c>
    </row>
    <row r="23" spans="1:4" ht="18" customHeight="1" x14ac:dyDescent="0.15">
      <c r="A23" s="8" t="s">
        <v>65</v>
      </c>
      <c r="B23" s="34">
        <v>3</v>
      </c>
      <c r="C23" s="13">
        <v>0</v>
      </c>
      <c r="D23" s="12">
        <v>3</v>
      </c>
    </row>
    <row r="24" spans="1:4" ht="18" customHeight="1" x14ac:dyDescent="0.15">
      <c r="A24" s="8">
        <v>15</v>
      </c>
      <c r="B24" s="34">
        <v>0</v>
      </c>
      <c r="C24" s="13">
        <v>0</v>
      </c>
      <c r="D24" s="12">
        <v>0</v>
      </c>
    </row>
    <row r="25" spans="1:4" ht="18" customHeight="1" x14ac:dyDescent="0.15">
      <c r="A25" s="8">
        <v>16</v>
      </c>
      <c r="B25" s="34">
        <v>0</v>
      </c>
      <c r="C25" s="13">
        <v>0</v>
      </c>
      <c r="D25" s="12">
        <v>0</v>
      </c>
    </row>
    <row r="26" spans="1:4" ht="18" customHeight="1" x14ac:dyDescent="0.15">
      <c r="A26" s="8">
        <v>17</v>
      </c>
      <c r="B26" s="34">
        <v>0</v>
      </c>
      <c r="C26" s="13">
        <v>0</v>
      </c>
      <c r="D26" s="12">
        <v>0</v>
      </c>
    </row>
    <row r="27" spans="1:4" ht="18" customHeight="1" x14ac:dyDescent="0.15">
      <c r="A27" s="8">
        <v>18</v>
      </c>
      <c r="B27" s="34">
        <v>0</v>
      </c>
      <c r="C27" s="13">
        <v>0</v>
      </c>
      <c r="D27" s="12">
        <v>0</v>
      </c>
    </row>
    <row r="28" spans="1:4" ht="18" customHeight="1" x14ac:dyDescent="0.15">
      <c r="A28" s="8">
        <v>19</v>
      </c>
      <c r="B28" s="34">
        <v>0</v>
      </c>
      <c r="C28" s="13">
        <v>0</v>
      </c>
      <c r="D28" s="12">
        <v>0</v>
      </c>
    </row>
    <row r="29" spans="1:4" ht="18" customHeight="1" x14ac:dyDescent="0.15">
      <c r="A29" s="8" t="s">
        <v>48</v>
      </c>
      <c r="B29" s="34">
        <v>0</v>
      </c>
      <c r="C29" s="13">
        <v>0</v>
      </c>
      <c r="D29" s="12">
        <v>0</v>
      </c>
    </row>
    <row r="30" spans="1:4" ht="18" customHeight="1" x14ac:dyDescent="0.15">
      <c r="A30" s="8">
        <v>20</v>
      </c>
      <c r="B30" s="34">
        <v>0</v>
      </c>
      <c r="C30" s="13">
        <v>0</v>
      </c>
      <c r="D30" s="12">
        <v>0</v>
      </c>
    </row>
    <row r="31" spans="1:4" ht="18" customHeight="1" x14ac:dyDescent="0.15">
      <c r="A31" s="8">
        <v>21</v>
      </c>
      <c r="B31" s="34">
        <v>0</v>
      </c>
      <c r="C31" s="13">
        <v>0</v>
      </c>
      <c r="D31" s="12">
        <v>0</v>
      </c>
    </row>
    <row r="32" spans="1:4" ht="18" customHeight="1" x14ac:dyDescent="0.15">
      <c r="A32" s="8">
        <v>22</v>
      </c>
      <c r="B32" s="34">
        <v>0</v>
      </c>
      <c r="C32" s="13">
        <v>0</v>
      </c>
      <c r="D32" s="12">
        <v>0</v>
      </c>
    </row>
    <row r="33" spans="1:4" ht="18" customHeight="1" x14ac:dyDescent="0.15">
      <c r="A33" s="8">
        <v>23</v>
      </c>
      <c r="B33" s="34">
        <v>0</v>
      </c>
      <c r="C33" s="13">
        <v>0</v>
      </c>
      <c r="D33" s="12">
        <v>0</v>
      </c>
    </row>
    <row r="34" spans="1:4" ht="18" customHeight="1" x14ac:dyDescent="0.15">
      <c r="A34" s="8">
        <v>24</v>
      </c>
      <c r="B34" s="34">
        <v>0</v>
      </c>
      <c r="C34" s="13">
        <v>0</v>
      </c>
      <c r="D34" s="12">
        <v>0</v>
      </c>
    </row>
    <row r="35" spans="1:4" ht="18" customHeight="1" x14ac:dyDescent="0.15">
      <c r="A35" s="8" t="s">
        <v>74</v>
      </c>
      <c r="B35" s="34">
        <v>0</v>
      </c>
      <c r="C35" s="13">
        <v>0</v>
      </c>
      <c r="D35" s="12">
        <v>0</v>
      </c>
    </row>
    <row r="36" spans="1:4" ht="18" customHeight="1" x14ac:dyDescent="0.15">
      <c r="A36" s="8">
        <v>25</v>
      </c>
      <c r="B36" s="34">
        <v>0</v>
      </c>
      <c r="C36" s="13">
        <v>0</v>
      </c>
      <c r="D36" s="12">
        <v>0</v>
      </c>
    </row>
    <row r="37" spans="1:4" ht="18" customHeight="1" x14ac:dyDescent="0.15">
      <c r="A37" s="8">
        <v>26</v>
      </c>
      <c r="B37" s="34">
        <v>0</v>
      </c>
      <c r="C37" s="13">
        <v>1</v>
      </c>
      <c r="D37" s="12">
        <v>1</v>
      </c>
    </row>
    <row r="38" spans="1:4" ht="18" customHeight="1" x14ac:dyDescent="0.15">
      <c r="A38" s="8">
        <v>27</v>
      </c>
      <c r="B38" s="34">
        <v>0</v>
      </c>
      <c r="C38" s="13">
        <v>0</v>
      </c>
      <c r="D38" s="12">
        <v>0</v>
      </c>
    </row>
    <row r="39" spans="1:4" ht="18" customHeight="1" x14ac:dyDescent="0.15">
      <c r="A39" s="8">
        <v>28</v>
      </c>
      <c r="B39" s="34">
        <v>0</v>
      </c>
      <c r="C39" s="13">
        <v>0</v>
      </c>
      <c r="D39" s="12">
        <v>0</v>
      </c>
    </row>
    <row r="40" spans="1:4" ht="18" customHeight="1" x14ac:dyDescent="0.15">
      <c r="A40" s="8">
        <v>29</v>
      </c>
      <c r="B40" s="34">
        <v>0</v>
      </c>
      <c r="C40" s="13">
        <v>0</v>
      </c>
      <c r="D40" s="12">
        <v>0</v>
      </c>
    </row>
    <row r="41" spans="1:4" ht="18" customHeight="1" x14ac:dyDescent="0.15">
      <c r="A41" s="8" t="s">
        <v>73</v>
      </c>
      <c r="B41" s="34">
        <v>0</v>
      </c>
      <c r="C41" s="13">
        <v>1</v>
      </c>
      <c r="D41" s="12">
        <v>1</v>
      </c>
    </row>
    <row r="42" spans="1:4" ht="18" customHeight="1" x14ac:dyDescent="0.15">
      <c r="A42" s="8">
        <v>30</v>
      </c>
      <c r="B42" s="34">
        <v>0</v>
      </c>
      <c r="C42" s="13">
        <v>0</v>
      </c>
      <c r="D42" s="12">
        <v>0</v>
      </c>
    </row>
    <row r="43" spans="1:4" ht="18" customHeight="1" x14ac:dyDescent="0.15">
      <c r="A43" s="8">
        <v>31</v>
      </c>
      <c r="B43" s="34">
        <v>1</v>
      </c>
      <c r="C43" s="13">
        <v>0</v>
      </c>
      <c r="D43" s="12">
        <v>1</v>
      </c>
    </row>
    <row r="44" spans="1:4" ht="18" customHeight="1" x14ac:dyDescent="0.15">
      <c r="A44" s="8">
        <v>32</v>
      </c>
      <c r="B44" s="34">
        <v>0</v>
      </c>
      <c r="C44" s="13">
        <v>0</v>
      </c>
      <c r="D44" s="12">
        <v>0</v>
      </c>
    </row>
    <row r="45" spans="1:4" ht="18" customHeight="1" x14ac:dyDescent="0.15">
      <c r="A45" s="8">
        <v>33</v>
      </c>
      <c r="B45" s="34">
        <v>0</v>
      </c>
      <c r="C45" s="13">
        <v>0</v>
      </c>
      <c r="D45" s="12">
        <v>0</v>
      </c>
    </row>
    <row r="46" spans="1:4" ht="18" customHeight="1" x14ac:dyDescent="0.15">
      <c r="A46" s="8">
        <v>34</v>
      </c>
      <c r="B46" s="34">
        <v>1</v>
      </c>
      <c r="C46" s="13">
        <v>0</v>
      </c>
      <c r="D46" s="12">
        <v>1</v>
      </c>
    </row>
    <row r="47" spans="1:4" ht="18" customHeight="1" x14ac:dyDescent="0.15">
      <c r="A47" s="8" t="s">
        <v>61</v>
      </c>
      <c r="B47" s="34">
        <v>2</v>
      </c>
      <c r="C47" s="13">
        <v>0</v>
      </c>
      <c r="D47" s="12">
        <v>2</v>
      </c>
    </row>
    <row r="48" spans="1:4" ht="18" customHeight="1" x14ac:dyDescent="0.15">
      <c r="A48" s="8">
        <v>35</v>
      </c>
      <c r="B48" s="34">
        <v>0</v>
      </c>
      <c r="C48" s="13">
        <v>0</v>
      </c>
      <c r="D48" s="12">
        <v>0</v>
      </c>
    </row>
    <row r="49" spans="1:4" ht="18" customHeight="1" x14ac:dyDescent="0.15">
      <c r="A49" s="8">
        <v>36</v>
      </c>
      <c r="B49" s="34">
        <v>0</v>
      </c>
      <c r="C49" s="13">
        <v>0</v>
      </c>
      <c r="D49" s="12">
        <v>0</v>
      </c>
    </row>
    <row r="50" spans="1:4" ht="18" customHeight="1" x14ac:dyDescent="0.15">
      <c r="A50" s="8">
        <v>37</v>
      </c>
      <c r="B50" s="34">
        <v>0</v>
      </c>
      <c r="C50" s="13">
        <v>0</v>
      </c>
      <c r="D50" s="12">
        <v>0</v>
      </c>
    </row>
    <row r="51" spans="1:4" ht="18" customHeight="1" x14ac:dyDescent="0.15">
      <c r="A51" s="8">
        <v>38</v>
      </c>
      <c r="B51" s="34">
        <v>0</v>
      </c>
      <c r="C51" s="13">
        <v>0</v>
      </c>
      <c r="D51" s="12">
        <v>0</v>
      </c>
    </row>
    <row r="52" spans="1:4" ht="18" customHeight="1" x14ac:dyDescent="0.15">
      <c r="A52" s="8">
        <v>39</v>
      </c>
      <c r="B52" s="34">
        <v>0</v>
      </c>
      <c r="C52" s="13">
        <v>0</v>
      </c>
      <c r="D52" s="12">
        <v>0</v>
      </c>
    </row>
    <row r="53" spans="1:4" ht="18" customHeight="1" x14ac:dyDescent="0.15">
      <c r="A53" s="8" t="s">
        <v>72</v>
      </c>
      <c r="B53" s="34">
        <v>0</v>
      </c>
      <c r="C53" s="13">
        <v>0</v>
      </c>
      <c r="D53" s="12">
        <v>0</v>
      </c>
    </row>
    <row r="54" spans="1:4" ht="18" customHeight="1" x14ac:dyDescent="0.15">
      <c r="A54" s="8">
        <v>40</v>
      </c>
      <c r="B54" s="34">
        <v>0</v>
      </c>
      <c r="C54" s="13">
        <v>0</v>
      </c>
      <c r="D54" s="12">
        <v>0</v>
      </c>
    </row>
    <row r="55" spans="1:4" ht="18" customHeight="1" x14ac:dyDescent="0.15">
      <c r="A55" s="8">
        <v>41</v>
      </c>
      <c r="B55" s="34">
        <v>1</v>
      </c>
      <c r="C55" s="13">
        <v>0</v>
      </c>
      <c r="D55" s="12">
        <v>1</v>
      </c>
    </row>
    <row r="56" spans="1:4" ht="18" customHeight="1" x14ac:dyDescent="0.15">
      <c r="A56" s="8">
        <v>42</v>
      </c>
      <c r="B56" s="34">
        <v>0</v>
      </c>
      <c r="C56" s="13">
        <v>0</v>
      </c>
      <c r="D56" s="12">
        <v>0</v>
      </c>
    </row>
    <row r="57" spans="1:4" ht="18" customHeight="1" x14ac:dyDescent="0.15">
      <c r="A57" s="8">
        <v>43</v>
      </c>
      <c r="B57" s="34">
        <v>0</v>
      </c>
      <c r="C57" s="13">
        <v>0</v>
      </c>
      <c r="D57" s="12">
        <v>0</v>
      </c>
    </row>
    <row r="58" spans="1:4" ht="18" customHeight="1" x14ac:dyDescent="0.15">
      <c r="A58" s="8">
        <v>44</v>
      </c>
      <c r="B58" s="34">
        <v>0</v>
      </c>
      <c r="C58" s="13">
        <v>0</v>
      </c>
      <c r="D58" s="12">
        <v>0</v>
      </c>
    </row>
    <row r="59" spans="1:4" ht="18" customHeight="1" x14ac:dyDescent="0.15">
      <c r="A59" s="8" t="s">
        <v>46</v>
      </c>
      <c r="B59" s="34">
        <v>1</v>
      </c>
      <c r="C59" s="13">
        <v>0</v>
      </c>
      <c r="D59" s="12">
        <v>1</v>
      </c>
    </row>
    <row r="60" spans="1:4" ht="18" customHeight="1" x14ac:dyDescent="0.15">
      <c r="A60" s="8">
        <v>45</v>
      </c>
      <c r="B60" s="34">
        <v>0</v>
      </c>
      <c r="C60" s="13">
        <v>0</v>
      </c>
      <c r="D60" s="12">
        <v>0</v>
      </c>
    </row>
    <row r="61" spans="1:4" ht="18" customHeight="1" x14ac:dyDescent="0.15">
      <c r="A61" s="8">
        <v>46</v>
      </c>
      <c r="B61" s="34">
        <v>0</v>
      </c>
      <c r="C61" s="13">
        <v>0</v>
      </c>
      <c r="D61" s="12">
        <v>0</v>
      </c>
    </row>
    <row r="62" spans="1:4" ht="18" customHeight="1" x14ac:dyDescent="0.15">
      <c r="A62" s="8">
        <v>47</v>
      </c>
      <c r="B62" s="34">
        <v>0</v>
      </c>
      <c r="C62" s="13">
        <v>1</v>
      </c>
      <c r="D62" s="12">
        <v>1</v>
      </c>
    </row>
    <row r="63" spans="1:4" ht="18" customHeight="1" x14ac:dyDescent="0.15">
      <c r="A63" s="8">
        <v>48</v>
      </c>
      <c r="B63" s="34">
        <v>0</v>
      </c>
      <c r="C63" s="13">
        <v>0</v>
      </c>
      <c r="D63" s="12">
        <v>0</v>
      </c>
    </row>
    <row r="64" spans="1:4" ht="18" customHeight="1" x14ac:dyDescent="0.15">
      <c r="A64" s="8">
        <v>49</v>
      </c>
      <c r="B64" s="34">
        <v>0</v>
      </c>
      <c r="C64" s="13">
        <v>0</v>
      </c>
      <c r="D64" s="12">
        <v>0</v>
      </c>
    </row>
    <row r="65" spans="1:4" ht="18" customHeight="1" x14ac:dyDescent="0.15">
      <c r="A65" s="8" t="s">
        <v>45</v>
      </c>
      <c r="B65" s="34">
        <v>0</v>
      </c>
      <c r="C65" s="13">
        <v>1</v>
      </c>
      <c r="D65" s="12">
        <v>1</v>
      </c>
    </row>
    <row r="66" spans="1:4" ht="18" customHeight="1" x14ac:dyDescent="0.15">
      <c r="A66" s="8">
        <v>50</v>
      </c>
      <c r="B66" s="34">
        <v>1</v>
      </c>
      <c r="C66" s="13">
        <v>0</v>
      </c>
      <c r="D66" s="12">
        <v>1</v>
      </c>
    </row>
    <row r="67" spans="1:4" ht="18" customHeight="1" x14ac:dyDescent="0.15">
      <c r="A67" s="8">
        <v>51</v>
      </c>
      <c r="B67" s="34">
        <v>1</v>
      </c>
      <c r="C67" s="13">
        <v>0</v>
      </c>
      <c r="D67" s="12">
        <v>1</v>
      </c>
    </row>
    <row r="68" spans="1:4" ht="18" customHeight="1" x14ac:dyDescent="0.15">
      <c r="A68" s="8">
        <v>52</v>
      </c>
      <c r="B68" s="34">
        <v>0</v>
      </c>
      <c r="C68" s="13">
        <v>0</v>
      </c>
      <c r="D68" s="12">
        <v>0</v>
      </c>
    </row>
    <row r="69" spans="1:4" ht="18" customHeight="1" x14ac:dyDescent="0.15">
      <c r="A69" s="8">
        <v>53</v>
      </c>
      <c r="B69" s="34">
        <v>1</v>
      </c>
      <c r="C69" s="13">
        <v>0</v>
      </c>
      <c r="D69" s="12">
        <v>1</v>
      </c>
    </row>
    <row r="70" spans="1:4" ht="18" customHeight="1" x14ac:dyDescent="0.15">
      <c r="A70" s="8">
        <v>54</v>
      </c>
      <c r="B70" s="34">
        <v>0</v>
      </c>
      <c r="C70" s="13">
        <v>0</v>
      </c>
      <c r="D70" s="12">
        <v>0</v>
      </c>
    </row>
    <row r="71" spans="1:4" ht="18" customHeight="1" x14ac:dyDescent="0.15">
      <c r="A71" s="8" t="s">
        <v>58</v>
      </c>
      <c r="B71" s="34">
        <v>3</v>
      </c>
      <c r="C71" s="13">
        <v>0</v>
      </c>
      <c r="D71" s="12">
        <v>3</v>
      </c>
    </row>
    <row r="72" spans="1:4" ht="18" customHeight="1" x14ac:dyDescent="0.15">
      <c r="A72" s="8">
        <v>55</v>
      </c>
      <c r="B72" s="34">
        <v>0</v>
      </c>
      <c r="C72" s="13">
        <v>1</v>
      </c>
      <c r="D72" s="12">
        <v>1</v>
      </c>
    </row>
    <row r="73" spans="1:4" ht="18" customHeight="1" x14ac:dyDescent="0.15">
      <c r="A73" s="8">
        <v>56</v>
      </c>
      <c r="B73" s="34">
        <v>0</v>
      </c>
      <c r="C73" s="13">
        <v>0</v>
      </c>
      <c r="D73" s="12">
        <v>0</v>
      </c>
    </row>
    <row r="74" spans="1:4" ht="18" customHeight="1" x14ac:dyDescent="0.15">
      <c r="A74" s="8">
        <v>57</v>
      </c>
      <c r="B74" s="34">
        <v>0</v>
      </c>
      <c r="C74" s="13">
        <v>1</v>
      </c>
      <c r="D74" s="12">
        <v>1</v>
      </c>
    </row>
    <row r="75" spans="1:4" ht="18" customHeight="1" x14ac:dyDescent="0.15">
      <c r="A75" s="8">
        <v>58</v>
      </c>
      <c r="B75" s="34">
        <v>0</v>
      </c>
      <c r="C75" s="13">
        <v>0</v>
      </c>
      <c r="D75" s="12">
        <v>0</v>
      </c>
    </row>
    <row r="76" spans="1:4" ht="18" customHeight="1" x14ac:dyDescent="0.15">
      <c r="A76" s="8">
        <v>59</v>
      </c>
      <c r="B76" s="34">
        <v>0</v>
      </c>
      <c r="C76" s="13">
        <v>0</v>
      </c>
      <c r="D76" s="12">
        <v>0</v>
      </c>
    </row>
    <row r="77" spans="1:4" ht="18" customHeight="1" x14ac:dyDescent="0.15">
      <c r="A77" s="8" t="s">
        <v>71</v>
      </c>
      <c r="B77" s="34">
        <v>0</v>
      </c>
      <c r="C77" s="13">
        <v>2</v>
      </c>
      <c r="D77" s="12">
        <v>2</v>
      </c>
    </row>
    <row r="78" spans="1:4" ht="18" customHeight="1" x14ac:dyDescent="0.15">
      <c r="A78" s="8">
        <v>60</v>
      </c>
      <c r="B78" s="34">
        <v>0</v>
      </c>
      <c r="C78" s="13">
        <v>0</v>
      </c>
      <c r="D78" s="12">
        <v>0</v>
      </c>
    </row>
    <row r="79" spans="1:4" ht="18" customHeight="1" x14ac:dyDescent="0.15">
      <c r="A79" s="8">
        <v>61</v>
      </c>
      <c r="B79" s="34">
        <v>0</v>
      </c>
      <c r="C79" s="13">
        <v>0</v>
      </c>
      <c r="D79" s="12">
        <v>0</v>
      </c>
    </row>
    <row r="80" spans="1:4" ht="18" customHeight="1" x14ac:dyDescent="0.15">
      <c r="A80" s="8">
        <v>62</v>
      </c>
      <c r="B80" s="34">
        <v>1</v>
      </c>
      <c r="C80" s="13">
        <v>0</v>
      </c>
      <c r="D80" s="12">
        <v>1</v>
      </c>
    </row>
    <row r="81" spans="1:4" ht="18" customHeight="1" x14ac:dyDescent="0.15">
      <c r="A81" s="8">
        <v>63</v>
      </c>
      <c r="B81" s="34">
        <v>0</v>
      </c>
      <c r="C81" s="13">
        <v>0</v>
      </c>
      <c r="D81" s="12">
        <v>0</v>
      </c>
    </row>
    <row r="82" spans="1:4" ht="18" customHeight="1" x14ac:dyDescent="0.15">
      <c r="A82" s="8">
        <v>64</v>
      </c>
      <c r="B82" s="34">
        <v>0</v>
      </c>
      <c r="C82" s="13">
        <v>2</v>
      </c>
      <c r="D82" s="12">
        <v>2</v>
      </c>
    </row>
    <row r="83" spans="1:4" ht="18" customHeight="1" x14ac:dyDescent="0.15">
      <c r="A83" s="8" t="s">
        <v>44</v>
      </c>
      <c r="B83" s="34">
        <v>1</v>
      </c>
      <c r="C83" s="13">
        <v>2</v>
      </c>
      <c r="D83" s="12">
        <v>3</v>
      </c>
    </row>
    <row r="84" spans="1:4" ht="18" customHeight="1" x14ac:dyDescent="0.15">
      <c r="A84" s="8" t="s">
        <v>43</v>
      </c>
      <c r="B84" s="34">
        <v>7</v>
      </c>
      <c r="C84" s="13">
        <v>6</v>
      </c>
      <c r="D84" s="12">
        <v>13</v>
      </c>
    </row>
    <row r="85" spans="1:4" ht="18" customHeight="1" x14ac:dyDescent="0.15">
      <c r="A85" s="8">
        <v>65</v>
      </c>
      <c r="B85" s="34">
        <v>1</v>
      </c>
      <c r="C85" s="13">
        <v>0</v>
      </c>
      <c r="D85" s="12">
        <v>1</v>
      </c>
    </row>
    <row r="86" spans="1:4" ht="18" customHeight="1" x14ac:dyDescent="0.15">
      <c r="A86" s="8">
        <v>66</v>
      </c>
      <c r="B86" s="34">
        <v>1</v>
      </c>
      <c r="C86" s="13">
        <v>0</v>
      </c>
      <c r="D86" s="12">
        <v>1</v>
      </c>
    </row>
    <row r="87" spans="1:4" ht="18" customHeight="1" x14ac:dyDescent="0.15">
      <c r="A87" s="8">
        <v>67</v>
      </c>
      <c r="B87" s="34">
        <v>1</v>
      </c>
      <c r="C87" s="13">
        <v>0</v>
      </c>
      <c r="D87" s="12">
        <v>1</v>
      </c>
    </row>
    <row r="88" spans="1:4" ht="18" customHeight="1" x14ac:dyDescent="0.15">
      <c r="A88" s="8">
        <v>68</v>
      </c>
      <c r="B88" s="34">
        <v>0</v>
      </c>
      <c r="C88" s="13">
        <v>0</v>
      </c>
      <c r="D88" s="12">
        <v>0</v>
      </c>
    </row>
    <row r="89" spans="1:4" ht="18" customHeight="1" x14ac:dyDescent="0.15">
      <c r="A89" s="8">
        <v>69</v>
      </c>
      <c r="B89" s="34">
        <v>2</v>
      </c>
      <c r="C89" s="13">
        <v>0</v>
      </c>
      <c r="D89" s="12">
        <v>2</v>
      </c>
    </row>
    <row r="90" spans="1:4" ht="18" customHeight="1" x14ac:dyDescent="0.15">
      <c r="A90" s="8" t="s">
        <v>42</v>
      </c>
      <c r="B90" s="34">
        <v>5</v>
      </c>
      <c r="C90" s="13">
        <v>0</v>
      </c>
      <c r="D90" s="12">
        <v>5</v>
      </c>
    </row>
    <row r="91" spans="1:4" ht="18" customHeight="1" x14ac:dyDescent="0.15">
      <c r="A91" s="8">
        <v>70</v>
      </c>
      <c r="B91" s="34">
        <v>0</v>
      </c>
      <c r="C91" s="13">
        <v>0</v>
      </c>
      <c r="D91" s="12">
        <v>0</v>
      </c>
    </row>
    <row r="92" spans="1:4" ht="18" customHeight="1" x14ac:dyDescent="0.15">
      <c r="A92" s="8">
        <v>71</v>
      </c>
      <c r="B92" s="34">
        <v>2</v>
      </c>
      <c r="C92" s="13">
        <v>0</v>
      </c>
      <c r="D92" s="12">
        <v>2</v>
      </c>
    </row>
    <row r="93" spans="1:4" ht="18" customHeight="1" x14ac:dyDescent="0.15">
      <c r="A93" s="8">
        <v>72</v>
      </c>
      <c r="B93" s="34">
        <v>0</v>
      </c>
      <c r="C93" s="13">
        <v>0</v>
      </c>
      <c r="D93" s="12">
        <v>0</v>
      </c>
    </row>
    <row r="94" spans="1:4" ht="18" customHeight="1" x14ac:dyDescent="0.15">
      <c r="A94" s="8">
        <v>73</v>
      </c>
      <c r="B94" s="34">
        <v>1</v>
      </c>
      <c r="C94" s="13">
        <v>0</v>
      </c>
      <c r="D94" s="12">
        <v>1</v>
      </c>
    </row>
    <row r="95" spans="1:4" ht="18" customHeight="1" x14ac:dyDescent="0.15">
      <c r="A95" s="8">
        <v>74</v>
      </c>
      <c r="B95" s="34">
        <v>0</v>
      </c>
      <c r="C95" s="13">
        <v>0</v>
      </c>
      <c r="D95" s="12">
        <v>0</v>
      </c>
    </row>
    <row r="96" spans="1:4" ht="18" customHeight="1" x14ac:dyDescent="0.15">
      <c r="A96" s="8" t="s">
        <v>41</v>
      </c>
      <c r="B96" s="34">
        <v>3</v>
      </c>
      <c r="C96" s="13">
        <v>0</v>
      </c>
      <c r="D96" s="12">
        <v>3</v>
      </c>
    </row>
    <row r="97" spans="1:4" ht="18" customHeight="1" x14ac:dyDescent="0.15">
      <c r="A97" s="8">
        <v>75</v>
      </c>
      <c r="B97" s="34">
        <v>2</v>
      </c>
      <c r="C97" s="13">
        <v>0</v>
      </c>
      <c r="D97" s="12">
        <v>2</v>
      </c>
    </row>
    <row r="98" spans="1:4" ht="18" customHeight="1" x14ac:dyDescent="0.15">
      <c r="A98" s="8">
        <v>76</v>
      </c>
      <c r="B98" s="34">
        <v>1</v>
      </c>
      <c r="C98" s="13">
        <v>0</v>
      </c>
      <c r="D98" s="12">
        <v>1</v>
      </c>
    </row>
    <row r="99" spans="1:4" ht="18" customHeight="1" x14ac:dyDescent="0.15">
      <c r="A99" s="8">
        <v>77</v>
      </c>
      <c r="B99" s="34">
        <v>0</v>
      </c>
      <c r="C99" s="13">
        <v>1</v>
      </c>
      <c r="D99" s="12">
        <v>1</v>
      </c>
    </row>
    <row r="100" spans="1:4" ht="18" customHeight="1" x14ac:dyDescent="0.15">
      <c r="A100" s="8">
        <v>78</v>
      </c>
      <c r="B100" s="34">
        <v>0</v>
      </c>
      <c r="C100" s="13">
        <v>0</v>
      </c>
      <c r="D100" s="12">
        <v>0</v>
      </c>
    </row>
    <row r="101" spans="1:4" ht="18" customHeight="1" x14ac:dyDescent="0.15">
      <c r="A101" s="8">
        <v>79</v>
      </c>
      <c r="B101" s="34">
        <v>0</v>
      </c>
      <c r="C101" s="13">
        <v>0</v>
      </c>
      <c r="D101" s="12">
        <v>0</v>
      </c>
    </row>
    <row r="102" spans="1:4" ht="18" customHeight="1" x14ac:dyDescent="0.15">
      <c r="A102" s="8" t="s">
        <v>70</v>
      </c>
      <c r="B102" s="34">
        <v>3</v>
      </c>
      <c r="C102" s="13">
        <v>1</v>
      </c>
      <c r="D102" s="12">
        <v>4</v>
      </c>
    </row>
    <row r="103" spans="1:4" ht="18" customHeight="1" x14ac:dyDescent="0.15">
      <c r="A103" s="8">
        <v>80</v>
      </c>
      <c r="B103" s="34">
        <v>0</v>
      </c>
      <c r="C103" s="13">
        <v>0</v>
      </c>
      <c r="D103" s="12">
        <v>0</v>
      </c>
    </row>
    <row r="104" spans="1:4" ht="18" customHeight="1" x14ac:dyDescent="0.15">
      <c r="A104" s="8">
        <v>81</v>
      </c>
      <c r="B104" s="34">
        <v>1</v>
      </c>
      <c r="C104" s="13">
        <v>0</v>
      </c>
      <c r="D104" s="12">
        <v>1</v>
      </c>
    </row>
    <row r="105" spans="1:4" ht="18" customHeight="1" x14ac:dyDescent="0.15">
      <c r="A105" s="8">
        <v>82</v>
      </c>
      <c r="B105" s="34">
        <v>0</v>
      </c>
      <c r="C105" s="13">
        <v>0</v>
      </c>
      <c r="D105" s="12">
        <v>0</v>
      </c>
    </row>
    <row r="106" spans="1:4" ht="18" customHeight="1" x14ac:dyDescent="0.15">
      <c r="A106" s="8">
        <v>83</v>
      </c>
      <c r="B106" s="34">
        <v>1</v>
      </c>
      <c r="C106" s="13">
        <v>2</v>
      </c>
      <c r="D106" s="12">
        <v>3</v>
      </c>
    </row>
    <row r="107" spans="1:4" ht="18" customHeight="1" x14ac:dyDescent="0.15">
      <c r="A107" s="8">
        <v>84</v>
      </c>
      <c r="B107" s="34">
        <v>0</v>
      </c>
      <c r="C107" s="13">
        <v>0</v>
      </c>
      <c r="D107" s="12">
        <v>0</v>
      </c>
    </row>
    <row r="108" spans="1:4" ht="18" customHeight="1" x14ac:dyDescent="0.15">
      <c r="A108" s="8" t="s">
        <v>39</v>
      </c>
      <c r="B108" s="34">
        <v>2</v>
      </c>
      <c r="C108" s="13">
        <v>2</v>
      </c>
      <c r="D108" s="12">
        <v>4</v>
      </c>
    </row>
    <row r="109" spans="1:4" ht="18" customHeight="1" x14ac:dyDescent="0.15">
      <c r="A109" s="8">
        <v>85</v>
      </c>
      <c r="B109" s="34">
        <v>1</v>
      </c>
      <c r="C109" s="13">
        <v>2</v>
      </c>
      <c r="D109" s="12">
        <v>3</v>
      </c>
    </row>
    <row r="110" spans="1:4" ht="18" customHeight="1" x14ac:dyDescent="0.15">
      <c r="A110" s="8">
        <v>86</v>
      </c>
      <c r="B110" s="34">
        <v>1</v>
      </c>
      <c r="C110" s="13">
        <v>0</v>
      </c>
      <c r="D110" s="12">
        <v>1</v>
      </c>
    </row>
    <row r="111" spans="1:4" ht="18" customHeight="1" x14ac:dyDescent="0.15">
      <c r="A111" s="8">
        <v>87</v>
      </c>
      <c r="B111" s="34">
        <v>2</v>
      </c>
      <c r="C111" s="13">
        <v>5</v>
      </c>
      <c r="D111" s="12">
        <v>7</v>
      </c>
    </row>
    <row r="112" spans="1:4" ht="18" customHeight="1" x14ac:dyDescent="0.15">
      <c r="A112" s="8">
        <v>88</v>
      </c>
      <c r="B112" s="34">
        <v>0</v>
      </c>
      <c r="C112" s="13">
        <v>0</v>
      </c>
      <c r="D112" s="12">
        <v>0</v>
      </c>
    </row>
    <row r="113" spans="1:4" ht="18" customHeight="1" x14ac:dyDescent="0.15">
      <c r="A113" s="8">
        <v>89</v>
      </c>
      <c r="B113" s="34">
        <v>1</v>
      </c>
      <c r="C113" s="13">
        <v>0</v>
      </c>
      <c r="D113" s="12">
        <v>1</v>
      </c>
    </row>
    <row r="114" spans="1:4" ht="18" customHeight="1" x14ac:dyDescent="0.15">
      <c r="A114" s="8" t="s">
        <v>38</v>
      </c>
      <c r="B114" s="34">
        <v>5</v>
      </c>
      <c r="C114" s="13">
        <v>7</v>
      </c>
      <c r="D114" s="12">
        <v>12</v>
      </c>
    </row>
    <row r="115" spans="1:4" ht="18" customHeight="1" x14ac:dyDescent="0.15">
      <c r="A115" s="8">
        <v>90</v>
      </c>
      <c r="B115" s="34">
        <v>0</v>
      </c>
      <c r="C115" s="13">
        <v>0</v>
      </c>
      <c r="D115" s="12">
        <v>0</v>
      </c>
    </row>
    <row r="116" spans="1:4" ht="18" customHeight="1" x14ac:dyDescent="0.15">
      <c r="A116" s="8">
        <v>91</v>
      </c>
      <c r="B116" s="34">
        <v>1</v>
      </c>
      <c r="C116" s="13">
        <v>0</v>
      </c>
      <c r="D116" s="12">
        <v>1</v>
      </c>
    </row>
    <row r="117" spans="1:4" ht="18" customHeight="1" x14ac:dyDescent="0.15">
      <c r="A117" s="8">
        <v>92</v>
      </c>
      <c r="B117" s="34">
        <v>0</v>
      </c>
      <c r="C117" s="13">
        <v>0</v>
      </c>
      <c r="D117" s="12">
        <v>0</v>
      </c>
    </row>
    <row r="118" spans="1:4" ht="18" customHeight="1" x14ac:dyDescent="0.15">
      <c r="A118" s="8">
        <v>93</v>
      </c>
      <c r="B118" s="34">
        <v>0</v>
      </c>
      <c r="C118" s="13">
        <v>0</v>
      </c>
      <c r="D118" s="12">
        <v>0</v>
      </c>
    </row>
    <row r="119" spans="1:4" ht="18" customHeight="1" x14ac:dyDescent="0.15">
      <c r="A119" s="8">
        <v>94</v>
      </c>
      <c r="B119" s="34">
        <v>0</v>
      </c>
      <c r="C119" s="13">
        <v>0</v>
      </c>
      <c r="D119" s="12">
        <v>0</v>
      </c>
    </row>
    <row r="120" spans="1:4" ht="18" customHeight="1" x14ac:dyDescent="0.15">
      <c r="A120" s="8" t="s">
        <v>69</v>
      </c>
      <c r="B120" s="34">
        <v>1</v>
      </c>
      <c r="C120" s="13">
        <v>0</v>
      </c>
      <c r="D120" s="12">
        <v>1</v>
      </c>
    </row>
    <row r="121" spans="1:4" ht="18" customHeight="1" x14ac:dyDescent="0.15">
      <c r="A121" s="8">
        <v>95</v>
      </c>
      <c r="B121" s="34">
        <v>0</v>
      </c>
      <c r="C121" s="13">
        <v>0</v>
      </c>
      <c r="D121" s="12">
        <v>0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0</v>
      </c>
      <c r="D123" s="12">
        <v>0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0</v>
      </c>
      <c r="C126" s="13">
        <v>0</v>
      </c>
      <c r="D126" s="12">
        <v>0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19</v>
      </c>
      <c r="C130" s="6">
        <v>11</v>
      </c>
      <c r="D130" s="5">
        <v>30</v>
      </c>
    </row>
    <row r="131" spans="1:4" ht="18" customHeight="1" x14ac:dyDescent="0.15">
      <c r="A131" s="4" t="s">
        <v>0</v>
      </c>
      <c r="B131" s="27">
        <v>29</v>
      </c>
      <c r="C131" s="2">
        <v>17</v>
      </c>
      <c r="D131" s="1">
        <v>4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35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30</v>
      </c>
      <c r="C5" s="44">
        <v>26</v>
      </c>
      <c r="D5" s="43">
        <v>56</v>
      </c>
    </row>
    <row r="6" spans="1:4" ht="18" customHeight="1" x14ac:dyDescent="0.15">
      <c r="A6" s="8">
        <v>1</v>
      </c>
      <c r="B6" s="39">
        <v>37</v>
      </c>
      <c r="C6" s="13">
        <v>36</v>
      </c>
      <c r="D6" s="12">
        <v>73</v>
      </c>
    </row>
    <row r="7" spans="1:4" ht="18" customHeight="1" x14ac:dyDescent="0.15">
      <c r="A7" s="8">
        <v>2</v>
      </c>
      <c r="B7" s="39">
        <v>31</v>
      </c>
      <c r="C7" s="13">
        <v>44</v>
      </c>
      <c r="D7" s="12">
        <v>75</v>
      </c>
    </row>
    <row r="8" spans="1:4" ht="18" customHeight="1" x14ac:dyDescent="0.15">
      <c r="A8" s="8">
        <v>3</v>
      </c>
      <c r="B8" s="39">
        <v>44</v>
      </c>
      <c r="C8" s="13">
        <v>49</v>
      </c>
      <c r="D8" s="12">
        <v>93</v>
      </c>
    </row>
    <row r="9" spans="1:4" ht="18" customHeight="1" x14ac:dyDescent="0.15">
      <c r="A9" s="8">
        <v>4</v>
      </c>
      <c r="B9" s="42">
        <v>38</v>
      </c>
      <c r="C9" s="41">
        <v>47</v>
      </c>
      <c r="D9" s="40">
        <v>85</v>
      </c>
    </row>
    <row r="10" spans="1:4" ht="18" customHeight="1" x14ac:dyDescent="0.15">
      <c r="A10" s="8" t="s">
        <v>76</v>
      </c>
      <c r="B10" s="34">
        <v>180</v>
      </c>
      <c r="C10" s="13">
        <v>202</v>
      </c>
      <c r="D10" s="12">
        <v>382</v>
      </c>
    </row>
    <row r="11" spans="1:4" ht="18" customHeight="1" x14ac:dyDescent="0.15">
      <c r="A11" s="8">
        <v>5</v>
      </c>
      <c r="B11" s="39">
        <v>48</v>
      </c>
      <c r="C11" s="13">
        <v>62</v>
      </c>
      <c r="D11" s="12">
        <v>110</v>
      </c>
    </row>
    <row r="12" spans="1:4" ht="18" customHeight="1" x14ac:dyDescent="0.15">
      <c r="A12" s="8">
        <v>6</v>
      </c>
      <c r="B12" s="39">
        <v>48</v>
      </c>
      <c r="C12" s="13">
        <v>60</v>
      </c>
      <c r="D12" s="12">
        <v>108</v>
      </c>
    </row>
    <row r="13" spans="1:4" ht="18" customHeight="1" x14ac:dyDescent="0.15">
      <c r="A13" s="8">
        <v>7</v>
      </c>
      <c r="B13" s="39">
        <v>62</v>
      </c>
      <c r="C13" s="13">
        <v>65</v>
      </c>
      <c r="D13" s="12">
        <v>127</v>
      </c>
    </row>
    <row r="14" spans="1:4" ht="18" customHeight="1" x14ac:dyDescent="0.15">
      <c r="A14" s="8">
        <v>8</v>
      </c>
      <c r="B14" s="39">
        <v>61</v>
      </c>
      <c r="C14" s="13">
        <v>70</v>
      </c>
      <c r="D14" s="12">
        <v>131</v>
      </c>
    </row>
    <row r="15" spans="1:4" ht="18" customHeight="1" x14ac:dyDescent="0.15">
      <c r="A15" s="8">
        <v>9</v>
      </c>
      <c r="B15" s="39">
        <v>58</v>
      </c>
      <c r="C15" s="13">
        <v>52</v>
      </c>
      <c r="D15" s="12">
        <v>110</v>
      </c>
    </row>
    <row r="16" spans="1:4" ht="18" customHeight="1" x14ac:dyDescent="0.15">
      <c r="A16" s="8" t="s">
        <v>50</v>
      </c>
      <c r="B16" s="34">
        <v>277</v>
      </c>
      <c r="C16" s="13">
        <v>309</v>
      </c>
      <c r="D16" s="12">
        <v>586</v>
      </c>
    </row>
    <row r="17" spans="1:4" ht="18" customHeight="1" x14ac:dyDescent="0.15">
      <c r="A17" s="8">
        <v>10</v>
      </c>
      <c r="B17" s="34">
        <v>71</v>
      </c>
      <c r="C17" s="13">
        <v>69</v>
      </c>
      <c r="D17" s="12">
        <v>140</v>
      </c>
    </row>
    <row r="18" spans="1:4" ht="18" customHeight="1" x14ac:dyDescent="0.15">
      <c r="A18" s="8">
        <v>11</v>
      </c>
      <c r="B18" s="34">
        <v>62</v>
      </c>
      <c r="C18" s="13">
        <v>61</v>
      </c>
      <c r="D18" s="12">
        <v>123</v>
      </c>
    </row>
    <row r="19" spans="1:4" ht="18" customHeight="1" x14ac:dyDescent="0.15">
      <c r="A19" s="8">
        <v>12</v>
      </c>
      <c r="B19" s="34">
        <v>56</v>
      </c>
      <c r="C19" s="13">
        <v>69</v>
      </c>
      <c r="D19" s="12">
        <v>125</v>
      </c>
    </row>
    <row r="20" spans="1:4" ht="18" customHeight="1" x14ac:dyDescent="0.15">
      <c r="A20" s="8">
        <v>13</v>
      </c>
      <c r="B20" s="34">
        <v>76</v>
      </c>
      <c r="C20" s="13">
        <v>80</v>
      </c>
      <c r="D20" s="12">
        <v>156</v>
      </c>
    </row>
    <row r="21" spans="1:4" ht="18" customHeight="1" x14ac:dyDescent="0.15">
      <c r="A21" s="8">
        <v>14</v>
      </c>
      <c r="B21" s="34">
        <v>87</v>
      </c>
      <c r="C21" s="13">
        <v>82</v>
      </c>
      <c r="D21" s="12">
        <v>169</v>
      </c>
    </row>
    <row r="22" spans="1:4" ht="18" customHeight="1" x14ac:dyDescent="0.15">
      <c r="A22" s="8" t="s">
        <v>75</v>
      </c>
      <c r="B22" s="34">
        <v>352</v>
      </c>
      <c r="C22" s="13">
        <v>361</v>
      </c>
      <c r="D22" s="12">
        <v>713</v>
      </c>
    </row>
    <row r="23" spans="1:4" ht="18" customHeight="1" x14ac:dyDescent="0.15">
      <c r="A23" s="8" t="s">
        <v>65</v>
      </c>
      <c r="B23" s="34">
        <v>809</v>
      </c>
      <c r="C23" s="13">
        <v>872</v>
      </c>
      <c r="D23" s="12">
        <v>1681</v>
      </c>
    </row>
    <row r="24" spans="1:4" ht="18" customHeight="1" x14ac:dyDescent="0.15">
      <c r="A24" s="8">
        <v>15</v>
      </c>
      <c r="B24" s="34">
        <v>74</v>
      </c>
      <c r="C24" s="13">
        <v>71</v>
      </c>
      <c r="D24" s="12">
        <v>145</v>
      </c>
    </row>
    <row r="25" spans="1:4" ht="18" customHeight="1" x14ac:dyDescent="0.15">
      <c r="A25" s="8">
        <v>16</v>
      </c>
      <c r="B25" s="34">
        <v>87</v>
      </c>
      <c r="C25" s="13">
        <v>69</v>
      </c>
      <c r="D25" s="12">
        <v>156</v>
      </c>
    </row>
    <row r="26" spans="1:4" ht="18" customHeight="1" x14ac:dyDescent="0.15">
      <c r="A26" s="8">
        <v>17</v>
      </c>
      <c r="B26" s="34">
        <v>93</v>
      </c>
      <c r="C26" s="13">
        <v>84</v>
      </c>
      <c r="D26" s="12">
        <v>177</v>
      </c>
    </row>
    <row r="27" spans="1:4" ht="18" customHeight="1" x14ac:dyDescent="0.15">
      <c r="A27" s="8">
        <v>18</v>
      </c>
      <c r="B27" s="34">
        <v>99</v>
      </c>
      <c r="C27" s="13">
        <v>90</v>
      </c>
      <c r="D27" s="12">
        <v>189</v>
      </c>
    </row>
    <row r="28" spans="1:4" ht="18" customHeight="1" x14ac:dyDescent="0.15">
      <c r="A28" s="8">
        <v>19</v>
      </c>
      <c r="B28" s="34">
        <v>75</v>
      </c>
      <c r="C28" s="13">
        <v>96</v>
      </c>
      <c r="D28" s="12">
        <v>171</v>
      </c>
    </row>
    <row r="29" spans="1:4" ht="18" customHeight="1" x14ac:dyDescent="0.15">
      <c r="A29" s="8" t="s">
        <v>48</v>
      </c>
      <c r="B29" s="34">
        <v>428</v>
      </c>
      <c r="C29" s="13">
        <v>410</v>
      </c>
      <c r="D29" s="12">
        <v>838</v>
      </c>
    </row>
    <row r="30" spans="1:4" ht="18" customHeight="1" x14ac:dyDescent="0.15">
      <c r="A30" s="8">
        <v>20</v>
      </c>
      <c r="B30" s="34">
        <v>99</v>
      </c>
      <c r="C30" s="13">
        <v>95</v>
      </c>
      <c r="D30" s="12">
        <v>194</v>
      </c>
    </row>
    <row r="31" spans="1:4" ht="18" customHeight="1" x14ac:dyDescent="0.15">
      <c r="A31" s="8">
        <v>21</v>
      </c>
      <c r="B31" s="34">
        <v>90</v>
      </c>
      <c r="C31" s="13">
        <v>75</v>
      </c>
      <c r="D31" s="12">
        <v>165</v>
      </c>
    </row>
    <row r="32" spans="1:4" ht="18" customHeight="1" x14ac:dyDescent="0.15">
      <c r="A32" s="8">
        <v>22</v>
      </c>
      <c r="B32" s="34">
        <v>85</v>
      </c>
      <c r="C32" s="13">
        <v>89</v>
      </c>
      <c r="D32" s="12">
        <v>174</v>
      </c>
    </row>
    <row r="33" spans="1:4" ht="18" customHeight="1" x14ac:dyDescent="0.15">
      <c r="A33" s="8">
        <v>23</v>
      </c>
      <c r="B33" s="34">
        <v>90</v>
      </c>
      <c r="C33" s="13">
        <v>103</v>
      </c>
      <c r="D33" s="12">
        <v>193</v>
      </c>
    </row>
    <row r="34" spans="1:4" ht="18" customHeight="1" x14ac:dyDescent="0.15">
      <c r="A34" s="8">
        <v>24</v>
      </c>
      <c r="B34" s="34">
        <v>108</v>
      </c>
      <c r="C34" s="13">
        <v>87</v>
      </c>
      <c r="D34" s="12">
        <v>195</v>
      </c>
    </row>
    <row r="35" spans="1:4" ht="18" customHeight="1" x14ac:dyDescent="0.15">
      <c r="A35" s="8" t="s">
        <v>74</v>
      </c>
      <c r="B35" s="34">
        <v>472</v>
      </c>
      <c r="C35" s="13">
        <v>449</v>
      </c>
      <c r="D35" s="12">
        <v>921</v>
      </c>
    </row>
    <row r="36" spans="1:4" ht="18" customHeight="1" x14ac:dyDescent="0.15">
      <c r="A36" s="8">
        <v>25</v>
      </c>
      <c r="B36" s="34">
        <v>93</v>
      </c>
      <c r="C36" s="13">
        <v>61</v>
      </c>
      <c r="D36" s="12">
        <v>154</v>
      </c>
    </row>
    <row r="37" spans="1:4" ht="18" customHeight="1" x14ac:dyDescent="0.15">
      <c r="A37" s="8">
        <v>26</v>
      </c>
      <c r="B37" s="34">
        <v>105</v>
      </c>
      <c r="C37" s="13">
        <v>69</v>
      </c>
      <c r="D37" s="12">
        <v>174</v>
      </c>
    </row>
    <row r="38" spans="1:4" ht="18" customHeight="1" x14ac:dyDescent="0.15">
      <c r="A38" s="8">
        <v>27</v>
      </c>
      <c r="B38" s="34">
        <v>82</v>
      </c>
      <c r="C38" s="13">
        <v>64</v>
      </c>
      <c r="D38" s="12">
        <v>146</v>
      </c>
    </row>
    <row r="39" spans="1:4" ht="18" customHeight="1" x14ac:dyDescent="0.15">
      <c r="A39" s="8">
        <v>28</v>
      </c>
      <c r="B39" s="34">
        <v>76</v>
      </c>
      <c r="C39" s="13">
        <v>55</v>
      </c>
      <c r="D39" s="12">
        <v>131</v>
      </c>
    </row>
    <row r="40" spans="1:4" ht="18" customHeight="1" x14ac:dyDescent="0.15">
      <c r="A40" s="8">
        <v>29</v>
      </c>
      <c r="B40" s="34">
        <v>70</v>
      </c>
      <c r="C40" s="13">
        <v>45</v>
      </c>
      <c r="D40" s="12">
        <v>115</v>
      </c>
    </row>
    <row r="41" spans="1:4" ht="18" customHeight="1" x14ac:dyDescent="0.15">
      <c r="A41" s="8" t="s">
        <v>73</v>
      </c>
      <c r="B41" s="34">
        <v>426</v>
      </c>
      <c r="C41" s="13">
        <v>294</v>
      </c>
      <c r="D41" s="12">
        <v>720</v>
      </c>
    </row>
    <row r="42" spans="1:4" ht="18" customHeight="1" x14ac:dyDescent="0.15">
      <c r="A42" s="8">
        <v>30</v>
      </c>
      <c r="B42" s="34">
        <v>78</v>
      </c>
      <c r="C42" s="13">
        <v>47</v>
      </c>
      <c r="D42" s="12">
        <v>125</v>
      </c>
    </row>
    <row r="43" spans="1:4" ht="18" customHeight="1" x14ac:dyDescent="0.15">
      <c r="A43" s="8">
        <v>31</v>
      </c>
      <c r="B43" s="34">
        <v>69</v>
      </c>
      <c r="C43" s="13">
        <v>57</v>
      </c>
      <c r="D43" s="12">
        <v>126</v>
      </c>
    </row>
    <row r="44" spans="1:4" ht="18" customHeight="1" x14ac:dyDescent="0.15">
      <c r="A44" s="8">
        <v>32</v>
      </c>
      <c r="B44" s="34">
        <v>61</v>
      </c>
      <c r="C44" s="13">
        <v>45</v>
      </c>
      <c r="D44" s="12">
        <v>106</v>
      </c>
    </row>
    <row r="45" spans="1:4" ht="18" customHeight="1" x14ac:dyDescent="0.15">
      <c r="A45" s="8">
        <v>33</v>
      </c>
      <c r="B45" s="34">
        <v>82</v>
      </c>
      <c r="C45" s="13">
        <v>67</v>
      </c>
      <c r="D45" s="12">
        <v>149</v>
      </c>
    </row>
    <row r="46" spans="1:4" ht="18" customHeight="1" x14ac:dyDescent="0.15">
      <c r="A46" s="8">
        <v>34</v>
      </c>
      <c r="B46" s="34">
        <v>86</v>
      </c>
      <c r="C46" s="13">
        <v>73</v>
      </c>
      <c r="D46" s="12">
        <v>159</v>
      </c>
    </row>
    <row r="47" spans="1:4" ht="18" customHeight="1" x14ac:dyDescent="0.15">
      <c r="A47" s="8" t="s">
        <v>61</v>
      </c>
      <c r="B47" s="34">
        <v>376</v>
      </c>
      <c r="C47" s="13">
        <v>289</v>
      </c>
      <c r="D47" s="12">
        <v>665</v>
      </c>
    </row>
    <row r="48" spans="1:4" ht="18" customHeight="1" x14ac:dyDescent="0.15">
      <c r="A48" s="8">
        <v>35</v>
      </c>
      <c r="B48" s="34">
        <v>65</v>
      </c>
      <c r="C48" s="13">
        <v>59</v>
      </c>
      <c r="D48" s="12">
        <v>124</v>
      </c>
    </row>
    <row r="49" spans="1:4" ht="18" customHeight="1" x14ac:dyDescent="0.15">
      <c r="A49" s="8">
        <v>36</v>
      </c>
      <c r="B49" s="34">
        <v>85</v>
      </c>
      <c r="C49" s="13">
        <v>71</v>
      </c>
      <c r="D49" s="12">
        <v>156</v>
      </c>
    </row>
    <row r="50" spans="1:4" ht="18" customHeight="1" x14ac:dyDescent="0.15">
      <c r="A50" s="8">
        <v>37</v>
      </c>
      <c r="B50" s="34">
        <v>84</v>
      </c>
      <c r="C50" s="13">
        <v>82</v>
      </c>
      <c r="D50" s="12">
        <v>166</v>
      </c>
    </row>
    <row r="51" spans="1:4" ht="18" customHeight="1" x14ac:dyDescent="0.15">
      <c r="A51" s="8">
        <v>38</v>
      </c>
      <c r="B51" s="34">
        <v>88</v>
      </c>
      <c r="C51" s="13">
        <v>89</v>
      </c>
      <c r="D51" s="12">
        <v>177</v>
      </c>
    </row>
    <row r="52" spans="1:4" ht="18" customHeight="1" x14ac:dyDescent="0.15">
      <c r="A52" s="8">
        <v>39</v>
      </c>
      <c r="B52" s="34">
        <v>78</v>
      </c>
      <c r="C52" s="13">
        <v>86</v>
      </c>
      <c r="D52" s="12">
        <v>164</v>
      </c>
    </row>
    <row r="53" spans="1:4" ht="18" customHeight="1" x14ac:dyDescent="0.15">
      <c r="A53" s="8" t="s">
        <v>72</v>
      </c>
      <c r="B53" s="34">
        <v>400</v>
      </c>
      <c r="C53" s="13">
        <v>387</v>
      </c>
      <c r="D53" s="12">
        <v>787</v>
      </c>
    </row>
    <row r="54" spans="1:4" ht="18" customHeight="1" x14ac:dyDescent="0.15">
      <c r="A54" s="8">
        <v>40</v>
      </c>
      <c r="B54" s="34">
        <v>90</v>
      </c>
      <c r="C54" s="13">
        <v>99</v>
      </c>
      <c r="D54" s="12">
        <v>189</v>
      </c>
    </row>
    <row r="55" spans="1:4" ht="18" customHeight="1" x14ac:dyDescent="0.15">
      <c r="A55" s="8">
        <v>41</v>
      </c>
      <c r="B55" s="34">
        <v>125</v>
      </c>
      <c r="C55" s="13">
        <v>96</v>
      </c>
      <c r="D55" s="12">
        <v>221</v>
      </c>
    </row>
    <row r="56" spans="1:4" ht="18" customHeight="1" x14ac:dyDescent="0.15">
      <c r="A56" s="8">
        <v>42</v>
      </c>
      <c r="B56" s="34">
        <v>115</v>
      </c>
      <c r="C56" s="13">
        <v>82</v>
      </c>
      <c r="D56" s="12">
        <v>197</v>
      </c>
    </row>
    <row r="57" spans="1:4" ht="18" customHeight="1" x14ac:dyDescent="0.15">
      <c r="A57" s="8">
        <v>43</v>
      </c>
      <c r="B57" s="34">
        <v>105</v>
      </c>
      <c r="C57" s="13">
        <v>117</v>
      </c>
      <c r="D57" s="12">
        <v>222</v>
      </c>
    </row>
    <row r="58" spans="1:4" ht="18" customHeight="1" x14ac:dyDescent="0.15">
      <c r="A58" s="8">
        <v>44</v>
      </c>
      <c r="B58" s="34">
        <v>114</v>
      </c>
      <c r="C58" s="13">
        <v>117</v>
      </c>
      <c r="D58" s="12">
        <v>231</v>
      </c>
    </row>
    <row r="59" spans="1:4" ht="18" customHeight="1" x14ac:dyDescent="0.15">
      <c r="A59" s="8" t="s">
        <v>46</v>
      </c>
      <c r="B59" s="34">
        <v>549</v>
      </c>
      <c r="C59" s="13">
        <v>511</v>
      </c>
      <c r="D59" s="12">
        <v>1060</v>
      </c>
    </row>
    <row r="60" spans="1:4" ht="18" customHeight="1" x14ac:dyDescent="0.15">
      <c r="A60" s="8">
        <v>45</v>
      </c>
      <c r="B60" s="34">
        <v>119</v>
      </c>
      <c r="C60" s="13">
        <v>92</v>
      </c>
      <c r="D60" s="12">
        <v>211</v>
      </c>
    </row>
    <row r="61" spans="1:4" ht="18" customHeight="1" x14ac:dyDescent="0.15">
      <c r="A61" s="8">
        <v>46</v>
      </c>
      <c r="B61" s="34">
        <v>118</v>
      </c>
      <c r="C61" s="13">
        <v>128</v>
      </c>
      <c r="D61" s="12">
        <v>246</v>
      </c>
    </row>
    <row r="62" spans="1:4" ht="18" customHeight="1" x14ac:dyDescent="0.15">
      <c r="A62" s="8">
        <v>47</v>
      </c>
      <c r="B62" s="34">
        <v>123</v>
      </c>
      <c r="C62" s="13">
        <v>126</v>
      </c>
      <c r="D62" s="12">
        <v>249</v>
      </c>
    </row>
    <row r="63" spans="1:4" ht="18" customHeight="1" x14ac:dyDescent="0.15">
      <c r="A63" s="8">
        <v>48</v>
      </c>
      <c r="B63" s="34">
        <v>139</v>
      </c>
      <c r="C63" s="13">
        <v>135</v>
      </c>
      <c r="D63" s="12">
        <v>274</v>
      </c>
    </row>
    <row r="64" spans="1:4" ht="18" customHeight="1" x14ac:dyDescent="0.15">
      <c r="A64" s="8">
        <v>49</v>
      </c>
      <c r="B64" s="34">
        <v>144</v>
      </c>
      <c r="C64" s="13">
        <v>129</v>
      </c>
      <c r="D64" s="12">
        <v>273</v>
      </c>
    </row>
    <row r="65" spans="1:4" ht="18" customHeight="1" x14ac:dyDescent="0.15">
      <c r="A65" s="8" t="s">
        <v>45</v>
      </c>
      <c r="B65" s="34">
        <v>643</v>
      </c>
      <c r="C65" s="13">
        <v>610</v>
      </c>
      <c r="D65" s="12">
        <v>1253</v>
      </c>
    </row>
    <row r="66" spans="1:4" ht="18" customHeight="1" x14ac:dyDescent="0.15">
      <c r="A66" s="8">
        <v>50</v>
      </c>
      <c r="B66" s="34">
        <v>155</v>
      </c>
      <c r="C66" s="13">
        <v>131</v>
      </c>
      <c r="D66" s="12">
        <v>286</v>
      </c>
    </row>
    <row r="67" spans="1:4" ht="18" customHeight="1" x14ac:dyDescent="0.15">
      <c r="A67" s="8">
        <v>51</v>
      </c>
      <c r="B67" s="34">
        <v>139</v>
      </c>
      <c r="C67" s="13">
        <v>136</v>
      </c>
      <c r="D67" s="12">
        <v>275</v>
      </c>
    </row>
    <row r="68" spans="1:4" ht="18" customHeight="1" x14ac:dyDescent="0.15">
      <c r="A68" s="8">
        <v>52</v>
      </c>
      <c r="B68" s="34">
        <v>151</v>
      </c>
      <c r="C68" s="13">
        <v>127</v>
      </c>
      <c r="D68" s="12">
        <v>278</v>
      </c>
    </row>
    <row r="69" spans="1:4" ht="18" customHeight="1" x14ac:dyDescent="0.15">
      <c r="A69" s="8">
        <v>53</v>
      </c>
      <c r="B69" s="34">
        <v>133</v>
      </c>
      <c r="C69" s="13">
        <v>124</v>
      </c>
      <c r="D69" s="12">
        <v>257</v>
      </c>
    </row>
    <row r="70" spans="1:4" ht="18" customHeight="1" x14ac:dyDescent="0.15">
      <c r="A70" s="8">
        <v>54</v>
      </c>
      <c r="B70" s="34">
        <v>111</v>
      </c>
      <c r="C70" s="13">
        <v>120</v>
      </c>
      <c r="D70" s="12">
        <v>231</v>
      </c>
    </row>
    <row r="71" spans="1:4" ht="18" customHeight="1" x14ac:dyDescent="0.15">
      <c r="A71" s="8" t="s">
        <v>58</v>
      </c>
      <c r="B71" s="34">
        <v>689</v>
      </c>
      <c r="C71" s="13">
        <v>638</v>
      </c>
      <c r="D71" s="12">
        <v>1327</v>
      </c>
    </row>
    <row r="72" spans="1:4" ht="18" customHeight="1" x14ac:dyDescent="0.15">
      <c r="A72" s="8">
        <v>55</v>
      </c>
      <c r="B72" s="34">
        <v>106</v>
      </c>
      <c r="C72" s="13">
        <v>126</v>
      </c>
      <c r="D72" s="12">
        <v>232</v>
      </c>
    </row>
    <row r="73" spans="1:4" ht="18" customHeight="1" x14ac:dyDescent="0.15">
      <c r="A73" s="8">
        <v>56</v>
      </c>
      <c r="B73" s="34">
        <v>105</v>
      </c>
      <c r="C73" s="13">
        <v>102</v>
      </c>
      <c r="D73" s="12">
        <v>207</v>
      </c>
    </row>
    <row r="74" spans="1:4" ht="18" customHeight="1" x14ac:dyDescent="0.15">
      <c r="A74" s="8">
        <v>57</v>
      </c>
      <c r="B74" s="34">
        <v>102</v>
      </c>
      <c r="C74" s="13">
        <v>101</v>
      </c>
      <c r="D74" s="12">
        <v>203</v>
      </c>
    </row>
    <row r="75" spans="1:4" ht="18" customHeight="1" x14ac:dyDescent="0.15">
      <c r="A75" s="8">
        <v>58</v>
      </c>
      <c r="B75" s="34">
        <v>141</v>
      </c>
      <c r="C75" s="13">
        <v>123</v>
      </c>
      <c r="D75" s="12">
        <v>264</v>
      </c>
    </row>
    <row r="76" spans="1:4" ht="18" customHeight="1" x14ac:dyDescent="0.15">
      <c r="A76" s="8">
        <v>59</v>
      </c>
      <c r="B76" s="34">
        <v>116</v>
      </c>
      <c r="C76" s="13">
        <v>115</v>
      </c>
      <c r="D76" s="12">
        <v>231</v>
      </c>
    </row>
    <row r="77" spans="1:4" ht="18" customHeight="1" x14ac:dyDescent="0.15">
      <c r="A77" s="8" t="s">
        <v>71</v>
      </c>
      <c r="B77" s="34">
        <v>570</v>
      </c>
      <c r="C77" s="13">
        <v>567</v>
      </c>
      <c r="D77" s="12">
        <v>1137</v>
      </c>
    </row>
    <row r="78" spans="1:4" ht="18" customHeight="1" x14ac:dyDescent="0.15">
      <c r="A78" s="8">
        <v>60</v>
      </c>
      <c r="B78" s="34">
        <v>99</v>
      </c>
      <c r="C78" s="13">
        <v>99</v>
      </c>
      <c r="D78" s="12">
        <v>198</v>
      </c>
    </row>
    <row r="79" spans="1:4" ht="18" customHeight="1" x14ac:dyDescent="0.15">
      <c r="A79" s="8">
        <v>61</v>
      </c>
      <c r="B79" s="34">
        <v>119</v>
      </c>
      <c r="C79" s="13">
        <v>105</v>
      </c>
      <c r="D79" s="12">
        <v>224</v>
      </c>
    </row>
    <row r="80" spans="1:4" ht="18" customHeight="1" x14ac:dyDescent="0.15">
      <c r="A80" s="8">
        <v>62</v>
      </c>
      <c r="B80" s="34">
        <v>132</v>
      </c>
      <c r="C80" s="13">
        <v>124</v>
      </c>
      <c r="D80" s="12">
        <v>256</v>
      </c>
    </row>
    <row r="81" spans="1:4" ht="18" customHeight="1" x14ac:dyDescent="0.15">
      <c r="A81" s="8">
        <v>63</v>
      </c>
      <c r="B81" s="34">
        <v>111</v>
      </c>
      <c r="C81" s="13">
        <v>112</v>
      </c>
      <c r="D81" s="12">
        <v>223</v>
      </c>
    </row>
    <row r="82" spans="1:4" ht="18" customHeight="1" x14ac:dyDescent="0.15">
      <c r="A82" s="8">
        <v>64</v>
      </c>
      <c r="B82" s="34">
        <v>116</v>
      </c>
      <c r="C82" s="13">
        <v>127</v>
      </c>
      <c r="D82" s="12">
        <v>243</v>
      </c>
    </row>
    <row r="83" spans="1:4" ht="18" customHeight="1" x14ac:dyDescent="0.15">
      <c r="A83" s="8" t="s">
        <v>44</v>
      </c>
      <c r="B83" s="34">
        <v>577</v>
      </c>
      <c r="C83" s="13">
        <v>567</v>
      </c>
      <c r="D83" s="12">
        <v>1144</v>
      </c>
    </row>
    <row r="84" spans="1:4" ht="18" customHeight="1" x14ac:dyDescent="0.15">
      <c r="A84" s="8" t="s">
        <v>43</v>
      </c>
      <c r="B84" s="34">
        <v>5130</v>
      </c>
      <c r="C84" s="13">
        <v>4722</v>
      </c>
      <c r="D84" s="12">
        <v>9852</v>
      </c>
    </row>
    <row r="85" spans="1:4" ht="18" customHeight="1" x14ac:dyDescent="0.15">
      <c r="A85" s="8">
        <v>65</v>
      </c>
      <c r="B85" s="34">
        <v>139</v>
      </c>
      <c r="C85" s="13">
        <v>123</v>
      </c>
      <c r="D85" s="12">
        <v>262</v>
      </c>
    </row>
    <row r="86" spans="1:4" ht="18" customHeight="1" x14ac:dyDescent="0.15">
      <c r="A86" s="8">
        <v>66</v>
      </c>
      <c r="B86" s="34">
        <v>118</v>
      </c>
      <c r="C86" s="13">
        <v>120</v>
      </c>
      <c r="D86" s="12">
        <v>238</v>
      </c>
    </row>
    <row r="87" spans="1:4" ht="18" customHeight="1" x14ac:dyDescent="0.15">
      <c r="A87" s="8">
        <v>67</v>
      </c>
      <c r="B87" s="34">
        <v>128</v>
      </c>
      <c r="C87" s="13">
        <v>149</v>
      </c>
      <c r="D87" s="12">
        <v>277</v>
      </c>
    </row>
    <row r="88" spans="1:4" ht="18" customHeight="1" x14ac:dyDescent="0.15">
      <c r="A88" s="8">
        <v>68</v>
      </c>
      <c r="B88" s="34">
        <v>164</v>
      </c>
      <c r="C88" s="13">
        <v>153</v>
      </c>
      <c r="D88" s="12">
        <v>317</v>
      </c>
    </row>
    <row r="89" spans="1:4" ht="18" customHeight="1" x14ac:dyDescent="0.15">
      <c r="A89" s="8">
        <v>69</v>
      </c>
      <c r="B89" s="34">
        <v>156</v>
      </c>
      <c r="C89" s="13">
        <v>160</v>
      </c>
      <c r="D89" s="12">
        <v>316</v>
      </c>
    </row>
    <row r="90" spans="1:4" ht="18" customHeight="1" x14ac:dyDescent="0.15">
      <c r="A90" s="8" t="s">
        <v>42</v>
      </c>
      <c r="B90" s="34">
        <v>705</v>
      </c>
      <c r="C90" s="13">
        <v>705</v>
      </c>
      <c r="D90" s="12">
        <v>1410</v>
      </c>
    </row>
    <row r="91" spans="1:4" ht="18" customHeight="1" x14ac:dyDescent="0.15">
      <c r="A91" s="8">
        <v>70</v>
      </c>
      <c r="B91" s="34">
        <v>163</v>
      </c>
      <c r="C91" s="13">
        <v>152</v>
      </c>
      <c r="D91" s="12">
        <v>315</v>
      </c>
    </row>
    <row r="92" spans="1:4" ht="18" customHeight="1" x14ac:dyDescent="0.15">
      <c r="A92" s="8">
        <v>71</v>
      </c>
      <c r="B92" s="34">
        <v>165</v>
      </c>
      <c r="C92" s="13">
        <v>161</v>
      </c>
      <c r="D92" s="12">
        <v>326</v>
      </c>
    </row>
    <row r="93" spans="1:4" ht="18" customHeight="1" x14ac:dyDescent="0.15">
      <c r="A93" s="8">
        <v>72</v>
      </c>
      <c r="B93" s="34">
        <v>169</v>
      </c>
      <c r="C93" s="13">
        <v>183</v>
      </c>
      <c r="D93" s="12">
        <v>352</v>
      </c>
    </row>
    <row r="94" spans="1:4" ht="18" customHeight="1" x14ac:dyDescent="0.15">
      <c r="A94" s="8">
        <v>73</v>
      </c>
      <c r="B94" s="34">
        <v>213</v>
      </c>
      <c r="C94" s="13">
        <v>191</v>
      </c>
      <c r="D94" s="12">
        <v>404</v>
      </c>
    </row>
    <row r="95" spans="1:4" ht="18" customHeight="1" x14ac:dyDescent="0.15">
      <c r="A95" s="8">
        <v>74</v>
      </c>
      <c r="B95" s="34">
        <v>188</v>
      </c>
      <c r="C95" s="13">
        <v>173</v>
      </c>
      <c r="D95" s="12">
        <v>361</v>
      </c>
    </row>
    <row r="96" spans="1:4" ht="18" customHeight="1" x14ac:dyDescent="0.15">
      <c r="A96" s="8" t="s">
        <v>41</v>
      </c>
      <c r="B96" s="34">
        <v>898</v>
      </c>
      <c r="C96" s="13">
        <v>860</v>
      </c>
      <c r="D96" s="12">
        <v>1758</v>
      </c>
    </row>
    <row r="97" spans="1:4" ht="18" customHeight="1" x14ac:dyDescent="0.15">
      <c r="A97" s="8">
        <v>75</v>
      </c>
      <c r="B97" s="34">
        <v>205</v>
      </c>
      <c r="C97" s="13">
        <v>220</v>
      </c>
      <c r="D97" s="12">
        <v>425</v>
      </c>
    </row>
    <row r="98" spans="1:4" ht="18" customHeight="1" x14ac:dyDescent="0.15">
      <c r="A98" s="8">
        <v>76</v>
      </c>
      <c r="B98" s="34">
        <v>127</v>
      </c>
      <c r="C98" s="13">
        <v>141</v>
      </c>
      <c r="D98" s="12">
        <v>268</v>
      </c>
    </row>
    <row r="99" spans="1:4" ht="18" customHeight="1" x14ac:dyDescent="0.15">
      <c r="A99" s="8">
        <v>77</v>
      </c>
      <c r="B99" s="34">
        <v>79</v>
      </c>
      <c r="C99" s="13">
        <v>83</v>
      </c>
      <c r="D99" s="12">
        <v>162</v>
      </c>
    </row>
    <row r="100" spans="1:4" ht="18" customHeight="1" x14ac:dyDescent="0.15">
      <c r="A100" s="8">
        <v>78</v>
      </c>
      <c r="B100" s="34">
        <v>96</v>
      </c>
      <c r="C100" s="13">
        <v>132</v>
      </c>
      <c r="D100" s="12">
        <v>228</v>
      </c>
    </row>
    <row r="101" spans="1:4" ht="18" customHeight="1" x14ac:dyDescent="0.15">
      <c r="A101" s="8">
        <v>79</v>
      </c>
      <c r="B101" s="34">
        <v>123</v>
      </c>
      <c r="C101" s="13">
        <v>123</v>
      </c>
      <c r="D101" s="12">
        <v>246</v>
      </c>
    </row>
    <row r="102" spans="1:4" ht="18" customHeight="1" x14ac:dyDescent="0.15">
      <c r="A102" s="8" t="s">
        <v>70</v>
      </c>
      <c r="B102" s="34">
        <v>630</v>
      </c>
      <c r="C102" s="13">
        <v>699</v>
      </c>
      <c r="D102" s="12">
        <v>1329</v>
      </c>
    </row>
    <row r="103" spans="1:4" ht="18" customHeight="1" x14ac:dyDescent="0.15">
      <c r="A103" s="8">
        <v>80</v>
      </c>
      <c r="B103" s="34">
        <v>90</v>
      </c>
      <c r="C103" s="13">
        <v>110</v>
      </c>
      <c r="D103" s="12">
        <v>200</v>
      </c>
    </row>
    <row r="104" spans="1:4" ht="18" customHeight="1" x14ac:dyDescent="0.15">
      <c r="A104" s="8">
        <v>81</v>
      </c>
      <c r="B104" s="34">
        <v>117</v>
      </c>
      <c r="C104" s="13">
        <v>120</v>
      </c>
      <c r="D104" s="12">
        <v>237</v>
      </c>
    </row>
    <row r="105" spans="1:4" ht="18" customHeight="1" x14ac:dyDescent="0.15">
      <c r="A105" s="8">
        <v>82</v>
      </c>
      <c r="B105" s="34">
        <v>81</v>
      </c>
      <c r="C105" s="13">
        <v>106</v>
      </c>
      <c r="D105" s="12">
        <v>187</v>
      </c>
    </row>
    <row r="106" spans="1:4" ht="18" customHeight="1" x14ac:dyDescent="0.15">
      <c r="A106" s="8">
        <v>83</v>
      </c>
      <c r="B106" s="34">
        <v>56</v>
      </c>
      <c r="C106" s="13">
        <v>97</v>
      </c>
      <c r="D106" s="12">
        <v>153</v>
      </c>
    </row>
    <row r="107" spans="1:4" ht="18" customHeight="1" x14ac:dyDescent="0.15">
      <c r="A107" s="8">
        <v>84</v>
      </c>
      <c r="B107" s="34">
        <v>55</v>
      </c>
      <c r="C107" s="13">
        <v>100</v>
      </c>
      <c r="D107" s="12">
        <v>155</v>
      </c>
    </row>
    <row r="108" spans="1:4" ht="18" customHeight="1" x14ac:dyDescent="0.15">
      <c r="A108" s="8" t="s">
        <v>39</v>
      </c>
      <c r="B108" s="34">
        <v>399</v>
      </c>
      <c r="C108" s="13">
        <v>533</v>
      </c>
      <c r="D108" s="12">
        <v>932</v>
      </c>
    </row>
    <row r="109" spans="1:4" ht="18" customHeight="1" x14ac:dyDescent="0.15">
      <c r="A109" s="8">
        <v>85</v>
      </c>
      <c r="B109" s="34">
        <v>65</v>
      </c>
      <c r="C109" s="13">
        <v>103</v>
      </c>
      <c r="D109" s="12">
        <v>168</v>
      </c>
    </row>
    <row r="110" spans="1:4" ht="18" customHeight="1" x14ac:dyDescent="0.15">
      <c r="A110" s="8">
        <v>86</v>
      </c>
      <c r="B110" s="34">
        <v>61</v>
      </c>
      <c r="C110" s="13">
        <v>104</v>
      </c>
      <c r="D110" s="12">
        <v>165</v>
      </c>
    </row>
    <row r="111" spans="1:4" ht="18" customHeight="1" x14ac:dyDescent="0.15">
      <c r="A111" s="8">
        <v>87</v>
      </c>
      <c r="B111" s="34">
        <v>60</v>
      </c>
      <c r="C111" s="13">
        <v>97</v>
      </c>
      <c r="D111" s="12">
        <v>157</v>
      </c>
    </row>
    <row r="112" spans="1:4" ht="18" customHeight="1" x14ac:dyDescent="0.15">
      <c r="A112" s="8">
        <v>88</v>
      </c>
      <c r="B112" s="34">
        <v>41</v>
      </c>
      <c r="C112" s="13">
        <v>91</v>
      </c>
      <c r="D112" s="12">
        <v>132</v>
      </c>
    </row>
    <row r="113" spans="1:4" ht="18" customHeight="1" x14ac:dyDescent="0.15">
      <c r="A113" s="8">
        <v>89</v>
      </c>
      <c r="B113" s="34">
        <v>40</v>
      </c>
      <c r="C113" s="13">
        <v>95</v>
      </c>
      <c r="D113" s="12">
        <v>135</v>
      </c>
    </row>
    <row r="114" spans="1:4" ht="18" customHeight="1" x14ac:dyDescent="0.15">
      <c r="A114" s="8" t="s">
        <v>38</v>
      </c>
      <c r="B114" s="34">
        <v>267</v>
      </c>
      <c r="C114" s="13">
        <v>490</v>
      </c>
      <c r="D114" s="12">
        <v>757</v>
      </c>
    </row>
    <row r="115" spans="1:4" ht="18" customHeight="1" x14ac:dyDescent="0.15">
      <c r="A115" s="8">
        <v>90</v>
      </c>
      <c r="B115" s="34">
        <v>35</v>
      </c>
      <c r="C115" s="13">
        <v>85</v>
      </c>
      <c r="D115" s="12">
        <v>120</v>
      </c>
    </row>
    <row r="116" spans="1:4" ht="18" customHeight="1" x14ac:dyDescent="0.15">
      <c r="A116" s="8">
        <v>91</v>
      </c>
      <c r="B116" s="34">
        <v>23</v>
      </c>
      <c r="C116" s="13">
        <v>77</v>
      </c>
      <c r="D116" s="12">
        <v>100</v>
      </c>
    </row>
    <row r="117" spans="1:4" ht="18" customHeight="1" x14ac:dyDescent="0.15">
      <c r="A117" s="8">
        <v>92</v>
      </c>
      <c r="B117" s="34">
        <v>24</v>
      </c>
      <c r="C117" s="13">
        <v>66</v>
      </c>
      <c r="D117" s="12">
        <v>90</v>
      </c>
    </row>
    <row r="118" spans="1:4" ht="18" customHeight="1" x14ac:dyDescent="0.15">
      <c r="A118" s="8">
        <v>93</v>
      </c>
      <c r="B118" s="34">
        <v>23</v>
      </c>
      <c r="C118" s="13">
        <v>53</v>
      </c>
      <c r="D118" s="12">
        <v>76</v>
      </c>
    </row>
    <row r="119" spans="1:4" ht="18" customHeight="1" x14ac:dyDescent="0.15">
      <c r="A119" s="8">
        <v>94</v>
      </c>
      <c r="B119" s="34">
        <v>21</v>
      </c>
      <c r="C119" s="13">
        <v>45</v>
      </c>
      <c r="D119" s="12">
        <v>66</v>
      </c>
    </row>
    <row r="120" spans="1:4" ht="18" customHeight="1" x14ac:dyDescent="0.15">
      <c r="A120" s="8" t="s">
        <v>69</v>
      </c>
      <c r="B120" s="34">
        <v>126</v>
      </c>
      <c r="C120" s="13">
        <v>326</v>
      </c>
      <c r="D120" s="12">
        <v>452</v>
      </c>
    </row>
    <row r="121" spans="1:4" ht="18" customHeight="1" x14ac:dyDescent="0.15">
      <c r="A121" s="8">
        <v>95</v>
      </c>
      <c r="B121" s="34">
        <v>11</v>
      </c>
      <c r="C121" s="13">
        <v>41</v>
      </c>
      <c r="D121" s="12">
        <v>52</v>
      </c>
    </row>
    <row r="122" spans="1:4" ht="18" customHeight="1" x14ac:dyDescent="0.15">
      <c r="A122" s="8">
        <v>96</v>
      </c>
      <c r="B122" s="34">
        <v>7</v>
      </c>
      <c r="C122" s="13">
        <v>25</v>
      </c>
      <c r="D122" s="12">
        <v>32</v>
      </c>
    </row>
    <row r="123" spans="1:4" ht="18" customHeight="1" x14ac:dyDescent="0.15">
      <c r="A123" s="8">
        <v>97</v>
      </c>
      <c r="B123" s="34">
        <v>5</v>
      </c>
      <c r="C123" s="13">
        <v>31</v>
      </c>
      <c r="D123" s="12">
        <v>36</v>
      </c>
    </row>
    <row r="124" spans="1:4" ht="18" customHeight="1" x14ac:dyDescent="0.15">
      <c r="A124" s="8">
        <v>98</v>
      </c>
      <c r="B124" s="34">
        <v>2</v>
      </c>
      <c r="C124" s="13">
        <v>10</v>
      </c>
      <c r="D124" s="12">
        <v>12</v>
      </c>
    </row>
    <row r="125" spans="1:4" ht="18" customHeight="1" x14ac:dyDescent="0.15">
      <c r="A125" s="8">
        <v>99</v>
      </c>
      <c r="B125" s="34">
        <v>1</v>
      </c>
      <c r="C125" s="13">
        <v>9</v>
      </c>
      <c r="D125" s="12">
        <v>10</v>
      </c>
    </row>
    <row r="126" spans="1:4" ht="18" customHeight="1" x14ac:dyDescent="0.15">
      <c r="A126" s="8" t="s">
        <v>68</v>
      </c>
      <c r="B126" s="34">
        <v>26</v>
      </c>
      <c r="C126" s="13">
        <v>116</v>
      </c>
      <c r="D126" s="12">
        <v>142</v>
      </c>
    </row>
    <row r="127" spans="1:4" ht="18" customHeight="1" x14ac:dyDescent="0.15">
      <c r="A127" s="8">
        <v>100</v>
      </c>
      <c r="B127" s="34">
        <v>0</v>
      </c>
      <c r="C127" s="13">
        <v>11</v>
      </c>
      <c r="D127" s="12">
        <v>11</v>
      </c>
    </row>
    <row r="128" spans="1:4" ht="18" customHeight="1" x14ac:dyDescent="0.15">
      <c r="A128" s="15" t="s">
        <v>37</v>
      </c>
      <c r="B128" s="34">
        <v>3</v>
      </c>
      <c r="C128" s="13">
        <v>10</v>
      </c>
      <c r="D128" s="12">
        <v>13</v>
      </c>
    </row>
    <row r="129" spans="1:4" ht="18" customHeight="1" x14ac:dyDescent="0.15">
      <c r="A129" s="8" t="s">
        <v>36</v>
      </c>
      <c r="B129" s="34">
        <v>3</v>
      </c>
      <c r="C129" s="13">
        <v>21</v>
      </c>
      <c r="D129" s="12">
        <v>24</v>
      </c>
    </row>
    <row r="130" spans="1:4" ht="18" customHeight="1" x14ac:dyDescent="0.15">
      <c r="A130" s="8" t="s">
        <v>35</v>
      </c>
      <c r="B130" s="28">
        <v>3054</v>
      </c>
      <c r="C130" s="6">
        <v>3750</v>
      </c>
      <c r="D130" s="5">
        <v>6804</v>
      </c>
    </row>
    <row r="131" spans="1:4" ht="18" customHeight="1" x14ac:dyDescent="0.15">
      <c r="A131" s="4" t="s">
        <v>0</v>
      </c>
      <c r="B131" s="27">
        <v>8993</v>
      </c>
      <c r="C131" s="2">
        <v>9344</v>
      </c>
      <c r="D131" s="1">
        <v>1833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4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44</v>
      </c>
      <c r="C5" s="44">
        <v>41</v>
      </c>
      <c r="D5" s="43">
        <v>85</v>
      </c>
    </row>
    <row r="6" spans="1:4" ht="18" customHeight="1" x14ac:dyDescent="0.15">
      <c r="A6" s="8">
        <v>1</v>
      </c>
      <c r="B6" s="39">
        <v>37</v>
      </c>
      <c r="C6" s="13">
        <v>33</v>
      </c>
      <c r="D6" s="12">
        <v>70</v>
      </c>
    </row>
    <row r="7" spans="1:4" ht="18" customHeight="1" x14ac:dyDescent="0.15">
      <c r="A7" s="8">
        <v>2</v>
      </c>
      <c r="B7" s="39">
        <v>43</v>
      </c>
      <c r="C7" s="13">
        <v>51</v>
      </c>
      <c r="D7" s="12">
        <v>94</v>
      </c>
    </row>
    <row r="8" spans="1:4" ht="18" customHeight="1" x14ac:dyDescent="0.15">
      <c r="A8" s="8">
        <v>3</v>
      </c>
      <c r="B8" s="39">
        <v>38</v>
      </c>
      <c r="C8" s="13">
        <v>35</v>
      </c>
      <c r="D8" s="12">
        <v>73</v>
      </c>
    </row>
    <row r="9" spans="1:4" ht="18" customHeight="1" x14ac:dyDescent="0.15">
      <c r="A9" s="8">
        <v>4</v>
      </c>
      <c r="B9" s="42">
        <v>48</v>
      </c>
      <c r="C9" s="41">
        <v>47</v>
      </c>
      <c r="D9" s="40">
        <v>95</v>
      </c>
    </row>
    <row r="10" spans="1:4" ht="18" customHeight="1" x14ac:dyDescent="0.15">
      <c r="A10" s="8" t="s">
        <v>76</v>
      </c>
      <c r="B10" s="34">
        <v>210</v>
      </c>
      <c r="C10" s="13">
        <v>207</v>
      </c>
      <c r="D10" s="12">
        <v>417</v>
      </c>
    </row>
    <row r="11" spans="1:4" ht="18" customHeight="1" x14ac:dyDescent="0.15">
      <c r="A11" s="8">
        <v>5</v>
      </c>
      <c r="B11" s="39">
        <v>46</v>
      </c>
      <c r="C11" s="13">
        <v>49</v>
      </c>
      <c r="D11" s="12">
        <v>95</v>
      </c>
    </row>
    <row r="12" spans="1:4" ht="18" customHeight="1" x14ac:dyDescent="0.15">
      <c r="A12" s="8">
        <v>6</v>
      </c>
      <c r="B12" s="39">
        <v>56</v>
      </c>
      <c r="C12" s="13">
        <v>49</v>
      </c>
      <c r="D12" s="12">
        <v>105</v>
      </c>
    </row>
    <row r="13" spans="1:4" ht="18" customHeight="1" x14ac:dyDescent="0.15">
      <c r="A13" s="8">
        <v>7</v>
      </c>
      <c r="B13" s="39">
        <v>50</v>
      </c>
      <c r="C13" s="13">
        <v>36</v>
      </c>
      <c r="D13" s="12">
        <v>86</v>
      </c>
    </row>
    <row r="14" spans="1:4" ht="18" customHeight="1" x14ac:dyDescent="0.15">
      <c r="A14" s="8">
        <v>8</v>
      </c>
      <c r="B14" s="39">
        <v>48</v>
      </c>
      <c r="C14" s="13">
        <v>45</v>
      </c>
      <c r="D14" s="12">
        <v>93</v>
      </c>
    </row>
    <row r="15" spans="1:4" ht="18" customHeight="1" x14ac:dyDescent="0.15">
      <c r="A15" s="8">
        <v>9</v>
      </c>
      <c r="B15" s="39">
        <v>53</v>
      </c>
      <c r="C15" s="13">
        <v>59</v>
      </c>
      <c r="D15" s="12">
        <v>112</v>
      </c>
    </row>
    <row r="16" spans="1:4" ht="18" customHeight="1" x14ac:dyDescent="0.15">
      <c r="A16" s="8" t="s">
        <v>50</v>
      </c>
      <c r="B16" s="34">
        <v>253</v>
      </c>
      <c r="C16" s="13">
        <v>238</v>
      </c>
      <c r="D16" s="12">
        <v>491</v>
      </c>
    </row>
    <row r="17" spans="1:4" ht="18" customHeight="1" x14ac:dyDescent="0.15">
      <c r="A17" s="8">
        <v>10</v>
      </c>
      <c r="B17" s="34">
        <v>49</v>
      </c>
      <c r="C17" s="13">
        <v>52</v>
      </c>
      <c r="D17" s="12">
        <v>101</v>
      </c>
    </row>
    <row r="18" spans="1:4" ht="18" customHeight="1" x14ac:dyDescent="0.15">
      <c r="A18" s="8">
        <v>11</v>
      </c>
      <c r="B18" s="34">
        <v>74</v>
      </c>
      <c r="C18" s="13">
        <v>59</v>
      </c>
      <c r="D18" s="12">
        <v>133</v>
      </c>
    </row>
    <row r="19" spans="1:4" ht="18" customHeight="1" x14ac:dyDescent="0.15">
      <c r="A19" s="8">
        <v>12</v>
      </c>
      <c r="B19" s="34">
        <v>65</v>
      </c>
      <c r="C19" s="13">
        <v>60</v>
      </c>
      <c r="D19" s="12">
        <v>125</v>
      </c>
    </row>
    <row r="20" spans="1:4" ht="18" customHeight="1" x14ac:dyDescent="0.15">
      <c r="A20" s="8">
        <v>13</v>
      </c>
      <c r="B20" s="34">
        <v>60</v>
      </c>
      <c r="C20" s="13">
        <v>82</v>
      </c>
      <c r="D20" s="12">
        <v>142</v>
      </c>
    </row>
    <row r="21" spans="1:4" ht="18" customHeight="1" x14ac:dyDescent="0.15">
      <c r="A21" s="8">
        <v>14</v>
      </c>
      <c r="B21" s="34">
        <v>85</v>
      </c>
      <c r="C21" s="13">
        <v>75</v>
      </c>
      <c r="D21" s="12">
        <v>160</v>
      </c>
    </row>
    <row r="22" spans="1:4" ht="18" customHeight="1" x14ac:dyDescent="0.15">
      <c r="A22" s="8" t="s">
        <v>75</v>
      </c>
      <c r="B22" s="34">
        <v>333</v>
      </c>
      <c r="C22" s="13">
        <v>328</v>
      </c>
      <c r="D22" s="12">
        <v>661</v>
      </c>
    </row>
    <row r="23" spans="1:4" ht="18" customHeight="1" x14ac:dyDescent="0.15">
      <c r="A23" s="8" t="s">
        <v>330</v>
      </c>
      <c r="B23" s="34">
        <v>796</v>
      </c>
      <c r="C23" s="13">
        <v>773</v>
      </c>
      <c r="D23" s="12">
        <v>1569</v>
      </c>
    </row>
    <row r="24" spans="1:4" ht="18" customHeight="1" x14ac:dyDescent="0.15">
      <c r="A24" s="8">
        <v>15</v>
      </c>
      <c r="B24" s="34">
        <v>90</v>
      </c>
      <c r="C24" s="13">
        <v>76</v>
      </c>
      <c r="D24" s="12">
        <v>166</v>
      </c>
    </row>
    <row r="25" spans="1:4" ht="18" customHeight="1" x14ac:dyDescent="0.15">
      <c r="A25" s="8">
        <v>16</v>
      </c>
      <c r="B25" s="34">
        <v>87</v>
      </c>
      <c r="C25" s="13">
        <v>92</v>
      </c>
      <c r="D25" s="12">
        <v>179</v>
      </c>
    </row>
    <row r="26" spans="1:4" ht="18" customHeight="1" x14ac:dyDescent="0.15">
      <c r="A26" s="8">
        <v>17</v>
      </c>
      <c r="B26" s="34">
        <v>83</v>
      </c>
      <c r="C26" s="13">
        <v>72</v>
      </c>
      <c r="D26" s="12">
        <v>155</v>
      </c>
    </row>
    <row r="27" spans="1:4" ht="18" customHeight="1" x14ac:dyDescent="0.15">
      <c r="A27" s="8">
        <v>18</v>
      </c>
      <c r="B27" s="34">
        <v>82</v>
      </c>
      <c r="C27" s="13">
        <v>91</v>
      </c>
      <c r="D27" s="12">
        <v>173</v>
      </c>
    </row>
    <row r="28" spans="1:4" ht="18" customHeight="1" x14ac:dyDescent="0.15">
      <c r="A28" s="8">
        <v>19</v>
      </c>
      <c r="B28" s="34">
        <v>87</v>
      </c>
      <c r="C28" s="13">
        <v>79</v>
      </c>
      <c r="D28" s="12">
        <v>166</v>
      </c>
    </row>
    <row r="29" spans="1:4" ht="18" customHeight="1" x14ac:dyDescent="0.15">
      <c r="A29" s="8" t="s">
        <v>339</v>
      </c>
      <c r="B29" s="34">
        <v>429</v>
      </c>
      <c r="C29" s="13">
        <v>410</v>
      </c>
      <c r="D29" s="12">
        <v>839</v>
      </c>
    </row>
    <row r="30" spans="1:4" ht="18" customHeight="1" x14ac:dyDescent="0.15">
      <c r="A30" s="8">
        <v>20</v>
      </c>
      <c r="B30" s="34">
        <v>62</v>
      </c>
      <c r="C30" s="13">
        <v>67</v>
      </c>
      <c r="D30" s="12">
        <v>129</v>
      </c>
    </row>
    <row r="31" spans="1:4" ht="18" customHeight="1" x14ac:dyDescent="0.15">
      <c r="A31" s="8">
        <v>21</v>
      </c>
      <c r="B31" s="34">
        <v>66</v>
      </c>
      <c r="C31" s="13">
        <v>69</v>
      </c>
      <c r="D31" s="12">
        <v>135</v>
      </c>
    </row>
    <row r="32" spans="1:4" ht="18" customHeight="1" x14ac:dyDescent="0.15">
      <c r="A32" s="8">
        <v>22</v>
      </c>
      <c r="B32" s="34">
        <v>75</v>
      </c>
      <c r="C32" s="13">
        <v>57</v>
      </c>
      <c r="D32" s="12">
        <v>132</v>
      </c>
    </row>
    <row r="33" spans="1:4" ht="18" customHeight="1" x14ac:dyDescent="0.15">
      <c r="A33" s="8">
        <v>23</v>
      </c>
      <c r="B33" s="34">
        <v>75</v>
      </c>
      <c r="C33" s="13">
        <v>66</v>
      </c>
      <c r="D33" s="12">
        <v>141</v>
      </c>
    </row>
    <row r="34" spans="1:4" ht="18" customHeight="1" x14ac:dyDescent="0.15">
      <c r="A34" s="8">
        <v>24</v>
      </c>
      <c r="B34" s="34">
        <v>71</v>
      </c>
      <c r="C34" s="13">
        <v>65</v>
      </c>
      <c r="D34" s="12">
        <v>136</v>
      </c>
    </row>
    <row r="35" spans="1:4" ht="18" customHeight="1" x14ac:dyDescent="0.15">
      <c r="A35" s="8" t="s">
        <v>74</v>
      </c>
      <c r="B35" s="34">
        <v>349</v>
      </c>
      <c r="C35" s="13">
        <v>324</v>
      </c>
      <c r="D35" s="12">
        <v>673</v>
      </c>
    </row>
    <row r="36" spans="1:4" ht="18" customHeight="1" x14ac:dyDescent="0.15">
      <c r="A36" s="8">
        <v>25</v>
      </c>
      <c r="B36" s="34">
        <v>80</v>
      </c>
      <c r="C36" s="13">
        <v>60</v>
      </c>
      <c r="D36" s="12">
        <v>140</v>
      </c>
    </row>
    <row r="37" spans="1:4" ht="18" customHeight="1" x14ac:dyDescent="0.15">
      <c r="A37" s="8">
        <v>26</v>
      </c>
      <c r="B37" s="34">
        <v>72</v>
      </c>
      <c r="C37" s="13">
        <v>56</v>
      </c>
      <c r="D37" s="12">
        <v>128</v>
      </c>
    </row>
    <row r="38" spans="1:4" ht="18" customHeight="1" x14ac:dyDescent="0.15">
      <c r="A38" s="8">
        <v>27</v>
      </c>
      <c r="B38" s="34">
        <v>63</v>
      </c>
      <c r="C38" s="13">
        <v>59</v>
      </c>
      <c r="D38" s="12">
        <v>122</v>
      </c>
    </row>
    <row r="39" spans="1:4" ht="18" customHeight="1" x14ac:dyDescent="0.15">
      <c r="A39" s="8">
        <v>28</v>
      </c>
      <c r="B39" s="34">
        <v>69</v>
      </c>
      <c r="C39" s="13">
        <v>66</v>
      </c>
      <c r="D39" s="12">
        <v>135</v>
      </c>
    </row>
    <row r="40" spans="1:4" ht="18" customHeight="1" x14ac:dyDescent="0.15">
      <c r="A40" s="8">
        <v>29</v>
      </c>
      <c r="B40" s="34">
        <v>60</v>
      </c>
      <c r="C40" s="13">
        <v>52</v>
      </c>
      <c r="D40" s="12">
        <v>112</v>
      </c>
    </row>
    <row r="41" spans="1:4" ht="18" customHeight="1" x14ac:dyDescent="0.15">
      <c r="A41" s="8" t="s">
        <v>73</v>
      </c>
      <c r="B41" s="34">
        <v>344</v>
      </c>
      <c r="C41" s="13">
        <v>293</v>
      </c>
      <c r="D41" s="12">
        <v>637</v>
      </c>
    </row>
    <row r="42" spans="1:4" ht="18" customHeight="1" x14ac:dyDescent="0.15">
      <c r="A42" s="8">
        <v>30</v>
      </c>
      <c r="B42" s="34">
        <v>74</v>
      </c>
      <c r="C42" s="13">
        <v>55</v>
      </c>
      <c r="D42" s="12">
        <v>129</v>
      </c>
    </row>
    <row r="43" spans="1:4" ht="18" customHeight="1" x14ac:dyDescent="0.15">
      <c r="A43" s="8">
        <v>31</v>
      </c>
      <c r="B43" s="34">
        <v>60</v>
      </c>
      <c r="C43" s="13">
        <v>40</v>
      </c>
      <c r="D43" s="12">
        <v>100</v>
      </c>
    </row>
    <row r="44" spans="1:4" ht="18" customHeight="1" x14ac:dyDescent="0.15">
      <c r="A44" s="8">
        <v>32</v>
      </c>
      <c r="B44" s="34">
        <v>65</v>
      </c>
      <c r="C44" s="13">
        <v>53</v>
      </c>
      <c r="D44" s="12">
        <v>118</v>
      </c>
    </row>
    <row r="45" spans="1:4" ht="18" customHeight="1" x14ac:dyDescent="0.15">
      <c r="A45" s="8">
        <v>33</v>
      </c>
      <c r="B45" s="34">
        <v>67</v>
      </c>
      <c r="C45" s="13">
        <v>52</v>
      </c>
      <c r="D45" s="12">
        <v>119</v>
      </c>
    </row>
    <row r="46" spans="1:4" ht="18" customHeight="1" x14ac:dyDescent="0.15">
      <c r="A46" s="8">
        <v>34</v>
      </c>
      <c r="B46" s="34">
        <v>47</v>
      </c>
      <c r="C46" s="13">
        <v>47</v>
      </c>
      <c r="D46" s="12">
        <v>94</v>
      </c>
    </row>
    <row r="47" spans="1:4" ht="18" customHeight="1" x14ac:dyDescent="0.15">
      <c r="A47" s="8" t="s">
        <v>61</v>
      </c>
      <c r="B47" s="34">
        <v>313</v>
      </c>
      <c r="C47" s="13">
        <v>247</v>
      </c>
      <c r="D47" s="12">
        <v>560</v>
      </c>
    </row>
    <row r="48" spans="1:4" ht="18" customHeight="1" x14ac:dyDescent="0.15">
      <c r="A48" s="8">
        <v>35</v>
      </c>
      <c r="B48" s="34">
        <v>66</v>
      </c>
      <c r="C48" s="13">
        <v>65</v>
      </c>
      <c r="D48" s="12">
        <v>131</v>
      </c>
    </row>
    <row r="49" spans="1:4" ht="18" customHeight="1" x14ac:dyDescent="0.15">
      <c r="A49" s="8">
        <v>36</v>
      </c>
      <c r="B49" s="34">
        <v>77</v>
      </c>
      <c r="C49" s="13">
        <v>66</v>
      </c>
      <c r="D49" s="12">
        <v>143</v>
      </c>
    </row>
    <row r="50" spans="1:4" ht="18" customHeight="1" x14ac:dyDescent="0.15">
      <c r="A50" s="8">
        <v>37</v>
      </c>
      <c r="B50" s="34">
        <v>68</v>
      </c>
      <c r="C50" s="13">
        <v>68</v>
      </c>
      <c r="D50" s="12">
        <v>136</v>
      </c>
    </row>
    <row r="51" spans="1:4" ht="18" customHeight="1" x14ac:dyDescent="0.15">
      <c r="A51" s="8">
        <v>38</v>
      </c>
      <c r="B51" s="34">
        <v>72</v>
      </c>
      <c r="C51" s="13">
        <v>72</v>
      </c>
      <c r="D51" s="12">
        <v>144</v>
      </c>
    </row>
    <row r="52" spans="1:4" ht="18" customHeight="1" x14ac:dyDescent="0.15">
      <c r="A52" s="8">
        <v>39</v>
      </c>
      <c r="B52" s="34">
        <v>68</v>
      </c>
      <c r="C52" s="13">
        <v>68</v>
      </c>
      <c r="D52" s="12">
        <v>136</v>
      </c>
    </row>
    <row r="53" spans="1:4" ht="18" customHeight="1" x14ac:dyDescent="0.15">
      <c r="A53" s="8" t="s">
        <v>72</v>
      </c>
      <c r="B53" s="34">
        <v>351</v>
      </c>
      <c r="C53" s="13">
        <v>339</v>
      </c>
      <c r="D53" s="12">
        <v>690</v>
      </c>
    </row>
    <row r="54" spans="1:4" ht="18" customHeight="1" x14ac:dyDescent="0.15">
      <c r="A54" s="8">
        <v>40</v>
      </c>
      <c r="B54" s="34">
        <v>72</v>
      </c>
      <c r="C54" s="13">
        <v>71</v>
      </c>
      <c r="D54" s="12">
        <v>143</v>
      </c>
    </row>
    <row r="55" spans="1:4" ht="18" customHeight="1" x14ac:dyDescent="0.15">
      <c r="A55" s="8">
        <v>41</v>
      </c>
      <c r="B55" s="34">
        <v>71</v>
      </c>
      <c r="C55" s="13">
        <v>77</v>
      </c>
      <c r="D55" s="12">
        <v>148</v>
      </c>
    </row>
    <row r="56" spans="1:4" ht="18" customHeight="1" x14ac:dyDescent="0.15">
      <c r="A56" s="8">
        <v>42</v>
      </c>
      <c r="B56" s="34">
        <v>75</v>
      </c>
      <c r="C56" s="13">
        <v>74</v>
      </c>
      <c r="D56" s="12">
        <v>149</v>
      </c>
    </row>
    <row r="57" spans="1:4" ht="18" customHeight="1" x14ac:dyDescent="0.15">
      <c r="A57" s="8">
        <v>43</v>
      </c>
      <c r="B57" s="34">
        <v>78</v>
      </c>
      <c r="C57" s="13">
        <v>96</v>
      </c>
      <c r="D57" s="12">
        <v>174</v>
      </c>
    </row>
    <row r="58" spans="1:4" ht="18" customHeight="1" x14ac:dyDescent="0.15">
      <c r="A58" s="8">
        <v>44</v>
      </c>
      <c r="B58" s="34">
        <v>78</v>
      </c>
      <c r="C58" s="13">
        <v>84</v>
      </c>
      <c r="D58" s="12">
        <v>162</v>
      </c>
    </row>
    <row r="59" spans="1:4" ht="18" customHeight="1" x14ac:dyDescent="0.15">
      <c r="A59" s="8" t="s">
        <v>46</v>
      </c>
      <c r="B59" s="34">
        <v>374</v>
      </c>
      <c r="C59" s="13">
        <v>402</v>
      </c>
      <c r="D59" s="12">
        <v>776</v>
      </c>
    </row>
    <row r="60" spans="1:4" ht="18" customHeight="1" x14ac:dyDescent="0.15">
      <c r="A60" s="8">
        <v>45</v>
      </c>
      <c r="B60" s="34">
        <v>112</v>
      </c>
      <c r="C60" s="13">
        <v>100</v>
      </c>
      <c r="D60" s="12">
        <v>212</v>
      </c>
    </row>
    <row r="61" spans="1:4" ht="18" customHeight="1" x14ac:dyDescent="0.15">
      <c r="A61" s="8">
        <v>46</v>
      </c>
      <c r="B61" s="34">
        <v>103</v>
      </c>
      <c r="C61" s="13">
        <v>110</v>
      </c>
      <c r="D61" s="12">
        <v>213</v>
      </c>
    </row>
    <row r="62" spans="1:4" ht="18" customHeight="1" x14ac:dyDescent="0.15">
      <c r="A62" s="8">
        <v>47</v>
      </c>
      <c r="B62" s="34">
        <v>130</v>
      </c>
      <c r="C62" s="13">
        <v>110</v>
      </c>
      <c r="D62" s="12">
        <v>240</v>
      </c>
    </row>
    <row r="63" spans="1:4" ht="18" customHeight="1" x14ac:dyDescent="0.15">
      <c r="A63" s="8">
        <v>48</v>
      </c>
      <c r="B63" s="34">
        <v>105</v>
      </c>
      <c r="C63" s="13">
        <v>106</v>
      </c>
      <c r="D63" s="12">
        <v>211</v>
      </c>
    </row>
    <row r="64" spans="1:4" ht="18" customHeight="1" x14ac:dyDescent="0.15">
      <c r="A64" s="8">
        <v>49</v>
      </c>
      <c r="B64" s="34">
        <v>126</v>
      </c>
      <c r="C64" s="13">
        <v>122</v>
      </c>
      <c r="D64" s="12">
        <v>248</v>
      </c>
    </row>
    <row r="65" spans="1:4" ht="18" customHeight="1" x14ac:dyDescent="0.15">
      <c r="A65" s="8" t="s">
        <v>45</v>
      </c>
      <c r="B65" s="34">
        <v>576</v>
      </c>
      <c r="C65" s="13">
        <v>548</v>
      </c>
      <c r="D65" s="12">
        <v>1124</v>
      </c>
    </row>
    <row r="66" spans="1:4" ht="18" customHeight="1" x14ac:dyDescent="0.15">
      <c r="A66" s="8">
        <v>50</v>
      </c>
      <c r="B66" s="34">
        <v>129</v>
      </c>
      <c r="C66" s="13">
        <v>129</v>
      </c>
      <c r="D66" s="12">
        <v>258</v>
      </c>
    </row>
    <row r="67" spans="1:4" ht="18" customHeight="1" x14ac:dyDescent="0.15">
      <c r="A67" s="8">
        <v>51</v>
      </c>
      <c r="B67" s="34">
        <v>95</v>
      </c>
      <c r="C67" s="13">
        <v>119</v>
      </c>
      <c r="D67" s="12">
        <v>214</v>
      </c>
    </row>
    <row r="68" spans="1:4" ht="18" customHeight="1" x14ac:dyDescent="0.15">
      <c r="A68" s="8">
        <v>52</v>
      </c>
      <c r="B68" s="34">
        <v>127</v>
      </c>
      <c r="C68" s="13">
        <v>90</v>
      </c>
      <c r="D68" s="12">
        <v>217</v>
      </c>
    </row>
    <row r="69" spans="1:4" ht="18" customHeight="1" x14ac:dyDescent="0.15">
      <c r="A69" s="8">
        <v>53</v>
      </c>
      <c r="B69" s="34">
        <v>111</v>
      </c>
      <c r="C69" s="13">
        <v>81</v>
      </c>
      <c r="D69" s="12">
        <v>192</v>
      </c>
    </row>
    <row r="70" spans="1:4" ht="18" customHeight="1" x14ac:dyDescent="0.15">
      <c r="A70" s="8">
        <v>54</v>
      </c>
      <c r="B70" s="34">
        <v>106</v>
      </c>
      <c r="C70" s="13">
        <v>98</v>
      </c>
      <c r="D70" s="12">
        <v>204</v>
      </c>
    </row>
    <row r="71" spans="1:4" ht="18" customHeight="1" x14ac:dyDescent="0.15">
      <c r="A71" s="8" t="s">
        <v>58</v>
      </c>
      <c r="B71" s="34">
        <v>568</v>
      </c>
      <c r="C71" s="13">
        <v>517</v>
      </c>
      <c r="D71" s="12">
        <v>1085</v>
      </c>
    </row>
    <row r="72" spans="1:4" ht="18" customHeight="1" x14ac:dyDescent="0.15">
      <c r="A72" s="8">
        <v>55</v>
      </c>
      <c r="B72" s="34">
        <v>73</v>
      </c>
      <c r="C72" s="13">
        <v>92</v>
      </c>
      <c r="D72" s="12">
        <v>165</v>
      </c>
    </row>
    <row r="73" spans="1:4" ht="18" customHeight="1" x14ac:dyDescent="0.15">
      <c r="A73" s="8">
        <v>56</v>
      </c>
      <c r="B73" s="34">
        <v>70</v>
      </c>
      <c r="C73" s="13">
        <v>73</v>
      </c>
      <c r="D73" s="12">
        <v>143</v>
      </c>
    </row>
    <row r="74" spans="1:4" ht="18" customHeight="1" x14ac:dyDescent="0.15">
      <c r="A74" s="8">
        <v>57</v>
      </c>
      <c r="B74" s="34">
        <v>63</v>
      </c>
      <c r="C74" s="13">
        <v>77</v>
      </c>
      <c r="D74" s="12">
        <v>140</v>
      </c>
    </row>
    <row r="75" spans="1:4" ht="18" customHeight="1" x14ac:dyDescent="0.15">
      <c r="A75" s="8">
        <v>58</v>
      </c>
      <c r="B75" s="34">
        <v>70</v>
      </c>
      <c r="C75" s="13">
        <v>87</v>
      </c>
      <c r="D75" s="12">
        <v>157</v>
      </c>
    </row>
    <row r="76" spans="1:4" ht="18" customHeight="1" x14ac:dyDescent="0.15">
      <c r="A76" s="8">
        <v>59</v>
      </c>
      <c r="B76" s="34">
        <v>71</v>
      </c>
      <c r="C76" s="13">
        <v>67</v>
      </c>
      <c r="D76" s="12">
        <v>138</v>
      </c>
    </row>
    <row r="77" spans="1:4" ht="18" customHeight="1" x14ac:dyDescent="0.15">
      <c r="A77" s="8" t="s">
        <v>71</v>
      </c>
      <c r="B77" s="34">
        <v>347</v>
      </c>
      <c r="C77" s="13">
        <v>396</v>
      </c>
      <c r="D77" s="12">
        <v>743</v>
      </c>
    </row>
    <row r="78" spans="1:4" ht="18" customHeight="1" x14ac:dyDescent="0.15">
      <c r="A78" s="8">
        <v>60</v>
      </c>
      <c r="B78" s="34">
        <v>60</v>
      </c>
      <c r="C78" s="13">
        <v>79</v>
      </c>
      <c r="D78" s="12">
        <v>139</v>
      </c>
    </row>
    <row r="79" spans="1:4" ht="18" customHeight="1" x14ac:dyDescent="0.15">
      <c r="A79" s="8">
        <v>61</v>
      </c>
      <c r="B79" s="34">
        <v>79</v>
      </c>
      <c r="C79" s="13">
        <v>55</v>
      </c>
      <c r="D79" s="12">
        <v>134</v>
      </c>
    </row>
    <row r="80" spans="1:4" ht="18" customHeight="1" x14ac:dyDescent="0.15">
      <c r="A80" s="8">
        <v>62</v>
      </c>
      <c r="B80" s="34">
        <v>54</v>
      </c>
      <c r="C80" s="13">
        <v>74</v>
      </c>
      <c r="D80" s="12">
        <v>128</v>
      </c>
    </row>
    <row r="81" spans="1:4" ht="18" customHeight="1" x14ac:dyDescent="0.15">
      <c r="A81" s="8">
        <v>63</v>
      </c>
      <c r="B81" s="34">
        <v>54</v>
      </c>
      <c r="C81" s="13">
        <v>62</v>
      </c>
      <c r="D81" s="12">
        <v>116</v>
      </c>
    </row>
    <row r="82" spans="1:4" ht="18" customHeight="1" x14ac:dyDescent="0.15">
      <c r="A82" s="8">
        <v>64</v>
      </c>
      <c r="B82" s="34">
        <v>62</v>
      </c>
      <c r="C82" s="13">
        <v>63</v>
      </c>
      <c r="D82" s="12">
        <v>125</v>
      </c>
    </row>
    <row r="83" spans="1:4" ht="18" customHeight="1" x14ac:dyDescent="0.15">
      <c r="A83" s="8" t="s">
        <v>44</v>
      </c>
      <c r="B83" s="34">
        <v>309</v>
      </c>
      <c r="C83" s="13">
        <v>333</v>
      </c>
      <c r="D83" s="12">
        <v>642</v>
      </c>
    </row>
    <row r="84" spans="1:4" ht="18" customHeight="1" x14ac:dyDescent="0.15">
      <c r="A84" s="8" t="s">
        <v>43</v>
      </c>
      <c r="B84" s="34">
        <v>3960</v>
      </c>
      <c r="C84" s="13">
        <v>3809</v>
      </c>
      <c r="D84" s="12">
        <v>7769</v>
      </c>
    </row>
    <row r="85" spans="1:4" ht="18" customHeight="1" x14ac:dyDescent="0.15">
      <c r="A85" s="8">
        <v>65</v>
      </c>
      <c r="B85" s="34">
        <v>49</v>
      </c>
      <c r="C85" s="13">
        <v>56</v>
      </c>
      <c r="D85" s="12">
        <v>105</v>
      </c>
    </row>
    <row r="86" spans="1:4" ht="18" customHeight="1" x14ac:dyDescent="0.15">
      <c r="A86" s="8">
        <v>66</v>
      </c>
      <c r="B86" s="34">
        <v>58</v>
      </c>
      <c r="C86" s="13">
        <v>48</v>
      </c>
      <c r="D86" s="12">
        <v>106</v>
      </c>
    </row>
    <row r="87" spans="1:4" ht="18" customHeight="1" x14ac:dyDescent="0.15">
      <c r="A87" s="8">
        <v>67</v>
      </c>
      <c r="B87" s="34">
        <v>52</v>
      </c>
      <c r="C87" s="13">
        <v>64</v>
      </c>
      <c r="D87" s="12">
        <v>116</v>
      </c>
    </row>
    <row r="88" spans="1:4" ht="18" customHeight="1" x14ac:dyDescent="0.15">
      <c r="A88" s="8">
        <v>68</v>
      </c>
      <c r="B88" s="34">
        <v>76</v>
      </c>
      <c r="C88" s="13">
        <v>67</v>
      </c>
      <c r="D88" s="12">
        <v>143</v>
      </c>
    </row>
    <row r="89" spans="1:4" ht="18" customHeight="1" x14ac:dyDescent="0.15">
      <c r="A89" s="8">
        <v>69</v>
      </c>
      <c r="B89" s="34">
        <v>68</v>
      </c>
      <c r="C89" s="13">
        <v>71</v>
      </c>
      <c r="D89" s="12">
        <v>139</v>
      </c>
    </row>
    <row r="90" spans="1:4" ht="18" customHeight="1" x14ac:dyDescent="0.15">
      <c r="A90" s="8" t="s">
        <v>42</v>
      </c>
      <c r="B90" s="34">
        <v>303</v>
      </c>
      <c r="C90" s="13">
        <v>306</v>
      </c>
      <c r="D90" s="12">
        <v>609</v>
      </c>
    </row>
    <row r="91" spans="1:4" ht="18" customHeight="1" x14ac:dyDescent="0.15">
      <c r="A91" s="8">
        <v>70</v>
      </c>
      <c r="B91" s="34">
        <v>61</v>
      </c>
      <c r="C91" s="13">
        <v>61</v>
      </c>
      <c r="D91" s="12">
        <v>122</v>
      </c>
    </row>
    <row r="92" spans="1:4" ht="18" customHeight="1" x14ac:dyDescent="0.15">
      <c r="A92" s="8">
        <v>71</v>
      </c>
      <c r="B92" s="34">
        <v>60</v>
      </c>
      <c r="C92" s="13">
        <v>64</v>
      </c>
      <c r="D92" s="12">
        <v>124</v>
      </c>
    </row>
    <row r="93" spans="1:4" ht="18" customHeight="1" x14ac:dyDescent="0.15">
      <c r="A93" s="8">
        <v>72</v>
      </c>
      <c r="B93" s="34">
        <v>73</v>
      </c>
      <c r="C93" s="13">
        <v>71</v>
      </c>
      <c r="D93" s="12">
        <v>144</v>
      </c>
    </row>
    <row r="94" spans="1:4" ht="18" customHeight="1" x14ac:dyDescent="0.15">
      <c r="A94" s="8">
        <v>73</v>
      </c>
      <c r="B94" s="34">
        <v>55</v>
      </c>
      <c r="C94" s="13">
        <v>69</v>
      </c>
      <c r="D94" s="12">
        <v>124</v>
      </c>
    </row>
    <row r="95" spans="1:4" ht="18" customHeight="1" x14ac:dyDescent="0.15">
      <c r="A95" s="8">
        <v>74</v>
      </c>
      <c r="B95" s="34">
        <v>84</v>
      </c>
      <c r="C95" s="13">
        <v>97</v>
      </c>
      <c r="D95" s="12">
        <v>181</v>
      </c>
    </row>
    <row r="96" spans="1:4" ht="18" customHeight="1" x14ac:dyDescent="0.15">
      <c r="A96" s="8" t="s">
        <v>338</v>
      </c>
      <c r="B96" s="34">
        <v>333</v>
      </c>
      <c r="C96" s="13">
        <v>362</v>
      </c>
      <c r="D96" s="12">
        <v>695</v>
      </c>
    </row>
    <row r="97" spans="1:4" ht="18" customHeight="1" x14ac:dyDescent="0.15">
      <c r="A97" s="8">
        <v>75</v>
      </c>
      <c r="B97" s="34">
        <v>71</v>
      </c>
      <c r="C97" s="13">
        <v>92</v>
      </c>
      <c r="D97" s="12">
        <v>163</v>
      </c>
    </row>
    <row r="98" spans="1:4" ht="18" customHeight="1" x14ac:dyDescent="0.15">
      <c r="A98" s="8">
        <v>76</v>
      </c>
      <c r="B98" s="34">
        <v>38</v>
      </c>
      <c r="C98" s="13">
        <v>59</v>
      </c>
      <c r="D98" s="12">
        <v>97</v>
      </c>
    </row>
    <row r="99" spans="1:4" ht="18" customHeight="1" x14ac:dyDescent="0.15">
      <c r="A99" s="8">
        <v>77</v>
      </c>
      <c r="B99" s="34">
        <v>31</v>
      </c>
      <c r="C99" s="13">
        <v>32</v>
      </c>
      <c r="D99" s="12">
        <v>63</v>
      </c>
    </row>
    <row r="100" spans="1:4" ht="18" customHeight="1" x14ac:dyDescent="0.15">
      <c r="A100" s="8">
        <v>78</v>
      </c>
      <c r="B100" s="34">
        <v>42</v>
      </c>
      <c r="C100" s="13">
        <v>51</v>
      </c>
      <c r="D100" s="12">
        <v>93</v>
      </c>
    </row>
    <row r="101" spans="1:4" ht="18" customHeight="1" x14ac:dyDescent="0.15">
      <c r="A101" s="8">
        <v>79</v>
      </c>
      <c r="B101" s="34">
        <v>40</v>
      </c>
      <c r="C101" s="13">
        <v>44</v>
      </c>
      <c r="D101" s="12">
        <v>84</v>
      </c>
    </row>
    <row r="102" spans="1:4" ht="18" customHeight="1" x14ac:dyDescent="0.15">
      <c r="A102" s="8" t="s">
        <v>70</v>
      </c>
      <c r="B102" s="34">
        <v>222</v>
      </c>
      <c r="C102" s="13">
        <v>278</v>
      </c>
      <c r="D102" s="12">
        <v>500</v>
      </c>
    </row>
    <row r="103" spans="1:4" ht="18" customHeight="1" x14ac:dyDescent="0.15">
      <c r="A103" s="8">
        <v>80</v>
      </c>
      <c r="B103" s="34">
        <v>39</v>
      </c>
      <c r="C103" s="13">
        <v>43</v>
      </c>
      <c r="D103" s="12">
        <v>82</v>
      </c>
    </row>
    <row r="104" spans="1:4" ht="18" customHeight="1" x14ac:dyDescent="0.15">
      <c r="A104" s="8">
        <v>81</v>
      </c>
      <c r="B104" s="34">
        <v>32</v>
      </c>
      <c r="C104" s="13">
        <v>48</v>
      </c>
      <c r="D104" s="12">
        <v>80</v>
      </c>
    </row>
    <row r="105" spans="1:4" ht="18" customHeight="1" x14ac:dyDescent="0.15">
      <c r="A105" s="8">
        <v>82</v>
      </c>
      <c r="B105" s="34">
        <v>32</v>
      </c>
      <c r="C105" s="13">
        <v>58</v>
      </c>
      <c r="D105" s="12">
        <v>90</v>
      </c>
    </row>
    <row r="106" spans="1:4" ht="18" customHeight="1" x14ac:dyDescent="0.15">
      <c r="A106" s="8">
        <v>83</v>
      </c>
      <c r="B106" s="34">
        <v>28</v>
      </c>
      <c r="C106" s="13">
        <v>36</v>
      </c>
      <c r="D106" s="12">
        <v>64</v>
      </c>
    </row>
    <row r="107" spans="1:4" ht="18" customHeight="1" x14ac:dyDescent="0.15">
      <c r="A107" s="8">
        <v>84</v>
      </c>
      <c r="B107" s="34">
        <v>22</v>
      </c>
      <c r="C107" s="13">
        <v>32</v>
      </c>
      <c r="D107" s="12">
        <v>54</v>
      </c>
    </row>
    <row r="108" spans="1:4" ht="18" customHeight="1" x14ac:dyDescent="0.15">
      <c r="A108" s="8" t="s">
        <v>337</v>
      </c>
      <c r="B108" s="34">
        <v>153</v>
      </c>
      <c r="C108" s="13">
        <v>217</v>
      </c>
      <c r="D108" s="12">
        <v>370</v>
      </c>
    </row>
    <row r="109" spans="1:4" ht="18" customHeight="1" x14ac:dyDescent="0.15">
      <c r="A109" s="8">
        <v>85</v>
      </c>
      <c r="B109" s="34">
        <v>17</v>
      </c>
      <c r="C109" s="13">
        <v>28</v>
      </c>
      <c r="D109" s="12">
        <v>45</v>
      </c>
    </row>
    <row r="110" spans="1:4" ht="18" customHeight="1" x14ac:dyDescent="0.15">
      <c r="A110" s="8">
        <v>86</v>
      </c>
      <c r="B110" s="34">
        <v>20</v>
      </c>
      <c r="C110" s="13">
        <v>28</v>
      </c>
      <c r="D110" s="12">
        <v>48</v>
      </c>
    </row>
    <row r="111" spans="1:4" ht="18" customHeight="1" x14ac:dyDescent="0.15">
      <c r="A111" s="8">
        <v>87</v>
      </c>
      <c r="B111" s="34">
        <v>18</v>
      </c>
      <c r="C111" s="13">
        <v>34</v>
      </c>
      <c r="D111" s="12">
        <v>52</v>
      </c>
    </row>
    <row r="112" spans="1:4" ht="18" customHeight="1" x14ac:dyDescent="0.15">
      <c r="A112" s="8">
        <v>88</v>
      </c>
      <c r="B112" s="34">
        <v>14</v>
      </c>
      <c r="C112" s="13">
        <v>32</v>
      </c>
      <c r="D112" s="12">
        <v>46</v>
      </c>
    </row>
    <row r="113" spans="1:4" ht="18" customHeight="1" x14ac:dyDescent="0.15">
      <c r="A113" s="8">
        <v>89</v>
      </c>
      <c r="B113" s="34">
        <v>10</v>
      </c>
      <c r="C113" s="13">
        <v>24</v>
      </c>
      <c r="D113" s="12">
        <v>34</v>
      </c>
    </row>
    <row r="114" spans="1:4" ht="18" customHeight="1" x14ac:dyDescent="0.15">
      <c r="A114" s="8" t="s">
        <v>38</v>
      </c>
      <c r="B114" s="34">
        <v>79</v>
      </c>
      <c r="C114" s="13">
        <v>146</v>
      </c>
      <c r="D114" s="12">
        <v>225</v>
      </c>
    </row>
    <row r="115" spans="1:4" ht="18" customHeight="1" x14ac:dyDescent="0.15">
      <c r="A115" s="8">
        <v>90</v>
      </c>
      <c r="B115" s="34">
        <v>8</v>
      </c>
      <c r="C115" s="13">
        <v>37</v>
      </c>
      <c r="D115" s="12">
        <v>45</v>
      </c>
    </row>
    <row r="116" spans="1:4" ht="18" customHeight="1" x14ac:dyDescent="0.15">
      <c r="A116" s="8">
        <v>91</v>
      </c>
      <c r="B116" s="34">
        <v>12</v>
      </c>
      <c r="C116" s="13">
        <v>26</v>
      </c>
      <c r="D116" s="12">
        <v>38</v>
      </c>
    </row>
    <row r="117" spans="1:4" ht="18" customHeight="1" x14ac:dyDescent="0.15">
      <c r="A117" s="8">
        <v>92</v>
      </c>
      <c r="B117" s="34">
        <v>6</v>
      </c>
      <c r="C117" s="13">
        <v>26</v>
      </c>
      <c r="D117" s="12">
        <v>32</v>
      </c>
    </row>
    <row r="118" spans="1:4" ht="18" customHeight="1" x14ac:dyDescent="0.15">
      <c r="A118" s="8">
        <v>93</v>
      </c>
      <c r="B118" s="34">
        <v>8</v>
      </c>
      <c r="C118" s="13">
        <v>15</v>
      </c>
      <c r="D118" s="12">
        <v>23</v>
      </c>
    </row>
    <row r="119" spans="1:4" ht="18" customHeight="1" x14ac:dyDescent="0.15">
      <c r="A119" s="8">
        <v>94</v>
      </c>
      <c r="B119" s="34">
        <v>3</v>
      </c>
      <c r="C119" s="13">
        <v>20</v>
      </c>
      <c r="D119" s="12">
        <v>23</v>
      </c>
    </row>
    <row r="120" spans="1:4" ht="18" customHeight="1" x14ac:dyDescent="0.15">
      <c r="A120" s="8" t="s">
        <v>69</v>
      </c>
      <c r="B120" s="34">
        <v>37</v>
      </c>
      <c r="C120" s="13">
        <v>124</v>
      </c>
      <c r="D120" s="12">
        <v>161</v>
      </c>
    </row>
    <row r="121" spans="1:4" ht="18" customHeight="1" x14ac:dyDescent="0.15">
      <c r="A121" s="8">
        <v>95</v>
      </c>
      <c r="B121" s="34">
        <v>5</v>
      </c>
      <c r="C121" s="13">
        <v>10</v>
      </c>
      <c r="D121" s="12">
        <v>15</v>
      </c>
    </row>
    <row r="122" spans="1:4" ht="18" customHeight="1" x14ac:dyDescent="0.15">
      <c r="A122" s="8">
        <v>96</v>
      </c>
      <c r="B122" s="34">
        <v>1</v>
      </c>
      <c r="C122" s="13">
        <v>6</v>
      </c>
      <c r="D122" s="12">
        <v>7</v>
      </c>
    </row>
    <row r="123" spans="1:4" ht="18" customHeight="1" x14ac:dyDescent="0.15">
      <c r="A123" s="8">
        <v>97</v>
      </c>
      <c r="B123" s="34">
        <v>1</v>
      </c>
      <c r="C123" s="13">
        <v>2</v>
      </c>
      <c r="D123" s="12">
        <v>3</v>
      </c>
    </row>
    <row r="124" spans="1:4" ht="18" customHeight="1" x14ac:dyDescent="0.15">
      <c r="A124" s="8">
        <v>98</v>
      </c>
      <c r="B124" s="34">
        <v>0</v>
      </c>
      <c r="C124" s="13">
        <v>2</v>
      </c>
      <c r="D124" s="12">
        <v>2</v>
      </c>
    </row>
    <row r="125" spans="1:4" ht="18" customHeight="1" x14ac:dyDescent="0.15">
      <c r="A125" s="8">
        <v>99</v>
      </c>
      <c r="B125" s="34">
        <v>1</v>
      </c>
      <c r="C125" s="13">
        <v>5</v>
      </c>
      <c r="D125" s="12">
        <v>6</v>
      </c>
    </row>
    <row r="126" spans="1:4" ht="18" customHeight="1" x14ac:dyDescent="0.15">
      <c r="A126" s="8" t="s">
        <v>68</v>
      </c>
      <c r="B126" s="34">
        <v>8</v>
      </c>
      <c r="C126" s="13">
        <v>25</v>
      </c>
      <c r="D126" s="12">
        <v>33</v>
      </c>
    </row>
    <row r="127" spans="1:4" ht="18" customHeight="1" x14ac:dyDescent="0.15">
      <c r="A127" s="8">
        <v>100</v>
      </c>
      <c r="B127" s="34">
        <v>1</v>
      </c>
      <c r="C127" s="13">
        <v>4</v>
      </c>
      <c r="D127" s="12">
        <v>5</v>
      </c>
    </row>
    <row r="128" spans="1:4" ht="18" customHeight="1" x14ac:dyDescent="0.15">
      <c r="A128" s="15" t="s">
        <v>336</v>
      </c>
      <c r="B128" s="34">
        <v>2</v>
      </c>
      <c r="C128" s="13">
        <v>3</v>
      </c>
      <c r="D128" s="12">
        <v>5</v>
      </c>
    </row>
    <row r="129" spans="1:4" ht="18" customHeight="1" x14ac:dyDescent="0.15">
      <c r="A129" s="8" t="s">
        <v>36</v>
      </c>
      <c r="B129" s="34">
        <v>3</v>
      </c>
      <c r="C129" s="13">
        <v>7</v>
      </c>
      <c r="D129" s="12">
        <v>10</v>
      </c>
    </row>
    <row r="130" spans="1:4" ht="18" customHeight="1" x14ac:dyDescent="0.15">
      <c r="A130" s="8" t="s">
        <v>323</v>
      </c>
      <c r="B130" s="28">
        <v>1138</v>
      </c>
      <c r="C130" s="6">
        <v>1465</v>
      </c>
      <c r="D130" s="5">
        <v>2603</v>
      </c>
    </row>
    <row r="131" spans="1:4" ht="18" customHeight="1" x14ac:dyDescent="0.15">
      <c r="A131" s="4" t="s">
        <v>0</v>
      </c>
      <c r="B131" s="27">
        <v>5894</v>
      </c>
      <c r="C131" s="2">
        <v>6047</v>
      </c>
      <c r="D131" s="1">
        <v>11941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4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53</v>
      </c>
      <c r="C5" s="44">
        <v>40</v>
      </c>
      <c r="D5" s="43">
        <v>93</v>
      </c>
    </row>
    <row r="6" spans="1:4" ht="18" customHeight="1" x14ac:dyDescent="0.15">
      <c r="A6" s="8">
        <v>1</v>
      </c>
      <c r="B6" s="39">
        <v>45</v>
      </c>
      <c r="C6" s="13">
        <v>40</v>
      </c>
      <c r="D6" s="12">
        <v>85</v>
      </c>
    </row>
    <row r="7" spans="1:4" ht="18" customHeight="1" x14ac:dyDescent="0.15">
      <c r="A7" s="8">
        <v>2</v>
      </c>
      <c r="B7" s="39">
        <v>49</v>
      </c>
      <c r="C7" s="13">
        <v>58</v>
      </c>
      <c r="D7" s="12">
        <v>107</v>
      </c>
    </row>
    <row r="8" spans="1:4" ht="18" customHeight="1" x14ac:dyDescent="0.15">
      <c r="A8" s="8">
        <v>3</v>
      </c>
      <c r="B8" s="39">
        <v>51</v>
      </c>
      <c r="C8" s="13">
        <v>41</v>
      </c>
      <c r="D8" s="12">
        <v>92</v>
      </c>
    </row>
    <row r="9" spans="1:4" ht="18" customHeight="1" x14ac:dyDescent="0.15">
      <c r="A9" s="8">
        <v>4</v>
      </c>
      <c r="B9" s="42">
        <v>58</v>
      </c>
      <c r="C9" s="41">
        <v>49</v>
      </c>
      <c r="D9" s="40">
        <v>107</v>
      </c>
    </row>
    <row r="10" spans="1:4" ht="18" customHeight="1" x14ac:dyDescent="0.15">
      <c r="A10" s="8" t="s">
        <v>76</v>
      </c>
      <c r="B10" s="34">
        <v>256</v>
      </c>
      <c r="C10" s="13">
        <v>228</v>
      </c>
      <c r="D10" s="12">
        <v>484</v>
      </c>
    </row>
    <row r="11" spans="1:4" ht="18" customHeight="1" x14ac:dyDescent="0.15">
      <c r="A11" s="8">
        <v>5</v>
      </c>
      <c r="B11" s="39">
        <v>57</v>
      </c>
      <c r="C11" s="13">
        <v>56</v>
      </c>
      <c r="D11" s="12">
        <v>113</v>
      </c>
    </row>
    <row r="12" spans="1:4" ht="18" customHeight="1" x14ac:dyDescent="0.15">
      <c r="A12" s="8">
        <v>6</v>
      </c>
      <c r="B12" s="39">
        <v>67</v>
      </c>
      <c r="C12" s="13">
        <v>52</v>
      </c>
      <c r="D12" s="12">
        <v>119</v>
      </c>
    </row>
    <row r="13" spans="1:4" ht="18" customHeight="1" x14ac:dyDescent="0.15">
      <c r="A13" s="8">
        <v>7</v>
      </c>
      <c r="B13" s="39">
        <v>78</v>
      </c>
      <c r="C13" s="13">
        <v>62</v>
      </c>
      <c r="D13" s="12">
        <v>140</v>
      </c>
    </row>
    <row r="14" spans="1:4" ht="18" customHeight="1" x14ac:dyDescent="0.15">
      <c r="A14" s="8">
        <v>8</v>
      </c>
      <c r="B14" s="39">
        <v>53</v>
      </c>
      <c r="C14" s="13">
        <v>53</v>
      </c>
      <c r="D14" s="12">
        <v>106</v>
      </c>
    </row>
    <row r="15" spans="1:4" ht="18" customHeight="1" x14ac:dyDescent="0.15">
      <c r="A15" s="8">
        <v>9</v>
      </c>
      <c r="B15" s="39">
        <v>67</v>
      </c>
      <c r="C15" s="13">
        <v>79</v>
      </c>
      <c r="D15" s="12">
        <v>146</v>
      </c>
    </row>
    <row r="16" spans="1:4" ht="18" customHeight="1" x14ac:dyDescent="0.15">
      <c r="A16" s="8" t="s">
        <v>50</v>
      </c>
      <c r="B16" s="34">
        <v>322</v>
      </c>
      <c r="C16" s="13">
        <v>302</v>
      </c>
      <c r="D16" s="12">
        <v>624</v>
      </c>
    </row>
    <row r="17" spans="1:4" ht="18" customHeight="1" x14ac:dyDescent="0.15">
      <c r="A17" s="8">
        <v>10</v>
      </c>
      <c r="B17" s="34">
        <v>62</v>
      </c>
      <c r="C17" s="13">
        <v>77</v>
      </c>
      <c r="D17" s="12">
        <v>139</v>
      </c>
    </row>
    <row r="18" spans="1:4" ht="18" customHeight="1" x14ac:dyDescent="0.15">
      <c r="A18" s="8">
        <v>11</v>
      </c>
      <c r="B18" s="34">
        <v>68</v>
      </c>
      <c r="C18" s="13">
        <v>68</v>
      </c>
      <c r="D18" s="12">
        <v>136</v>
      </c>
    </row>
    <row r="19" spans="1:4" ht="18" customHeight="1" x14ac:dyDescent="0.15">
      <c r="A19" s="8">
        <v>12</v>
      </c>
      <c r="B19" s="34">
        <v>90</v>
      </c>
      <c r="C19" s="13">
        <v>56</v>
      </c>
      <c r="D19" s="12">
        <v>146</v>
      </c>
    </row>
    <row r="20" spans="1:4" ht="18" customHeight="1" x14ac:dyDescent="0.15">
      <c r="A20" s="8">
        <v>13</v>
      </c>
      <c r="B20" s="34">
        <v>83</v>
      </c>
      <c r="C20" s="13">
        <v>88</v>
      </c>
      <c r="D20" s="12">
        <v>171</v>
      </c>
    </row>
    <row r="21" spans="1:4" ht="18" customHeight="1" x14ac:dyDescent="0.15">
      <c r="A21" s="8">
        <v>14</v>
      </c>
      <c r="B21" s="34">
        <v>71</v>
      </c>
      <c r="C21" s="13">
        <v>68</v>
      </c>
      <c r="D21" s="12">
        <v>139</v>
      </c>
    </row>
    <row r="22" spans="1:4" ht="18" customHeight="1" x14ac:dyDescent="0.15">
      <c r="A22" s="8" t="s">
        <v>75</v>
      </c>
      <c r="B22" s="34">
        <v>374</v>
      </c>
      <c r="C22" s="13">
        <v>357</v>
      </c>
      <c r="D22" s="12">
        <v>731</v>
      </c>
    </row>
    <row r="23" spans="1:4" ht="18" customHeight="1" x14ac:dyDescent="0.15">
      <c r="A23" s="8" t="s">
        <v>65</v>
      </c>
      <c r="B23" s="34">
        <v>952</v>
      </c>
      <c r="C23" s="13">
        <v>887</v>
      </c>
      <c r="D23" s="12">
        <v>1839</v>
      </c>
    </row>
    <row r="24" spans="1:4" ht="18" customHeight="1" x14ac:dyDescent="0.15">
      <c r="A24" s="8">
        <v>15</v>
      </c>
      <c r="B24" s="34">
        <v>73</v>
      </c>
      <c r="C24" s="13">
        <v>74</v>
      </c>
      <c r="D24" s="12">
        <v>147</v>
      </c>
    </row>
    <row r="25" spans="1:4" ht="18" customHeight="1" x14ac:dyDescent="0.15">
      <c r="A25" s="8">
        <v>16</v>
      </c>
      <c r="B25" s="34">
        <v>83</v>
      </c>
      <c r="C25" s="13">
        <v>65</v>
      </c>
      <c r="D25" s="12">
        <v>148</v>
      </c>
    </row>
    <row r="26" spans="1:4" ht="18" customHeight="1" x14ac:dyDescent="0.15">
      <c r="A26" s="8">
        <v>17</v>
      </c>
      <c r="B26" s="34">
        <v>65</v>
      </c>
      <c r="C26" s="13">
        <v>77</v>
      </c>
      <c r="D26" s="12">
        <v>142</v>
      </c>
    </row>
    <row r="27" spans="1:4" ht="18" customHeight="1" x14ac:dyDescent="0.15">
      <c r="A27" s="8">
        <v>18</v>
      </c>
      <c r="B27" s="34">
        <v>73</v>
      </c>
      <c r="C27" s="13">
        <v>70</v>
      </c>
      <c r="D27" s="12">
        <v>143</v>
      </c>
    </row>
    <row r="28" spans="1:4" ht="18" customHeight="1" x14ac:dyDescent="0.15">
      <c r="A28" s="8">
        <v>19</v>
      </c>
      <c r="B28" s="34">
        <v>71</v>
      </c>
      <c r="C28" s="13">
        <v>60</v>
      </c>
      <c r="D28" s="12">
        <v>131</v>
      </c>
    </row>
    <row r="29" spans="1:4" ht="18" customHeight="1" x14ac:dyDescent="0.15">
      <c r="A29" s="8" t="s">
        <v>48</v>
      </c>
      <c r="B29" s="34">
        <v>365</v>
      </c>
      <c r="C29" s="13">
        <v>346</v>
      </c>
      <c r="D29" s="12">
        <v>711</v>
      </c>
    </row>
    <row r="30" spans="1:4" ht="18" customHeight="1" x14ac:dyDescent="0.15">
      <c r="A30" s="8">
        <v>20</v>
      </c>
      <c r="B30" s="34">
        <v>66</v>
      </c>
      <c r="C30" s="13">
        <v>62</v>
      </c>
      <c r="D30" s="12">
        <v>128</v>
      </c>
    </row>
    <row r="31" spans="1:4" ht="18" customHeight="1" x14ac:dyDescent="0.15">
      <c r="A31" s="8">
        <v>21</v>
      </c>
      <c r="B31" s="34">
        <v>60</v>
      </c>
      <c r="C31" s="13">
        <v>56</v>
      </c>
      <c r="D31" s="12">
        <v>116</v>
      </c>
    </row>
    <row r="32" spans="1:4" ht="18" customHeight="1" x14ac:dyDescent="0.15">
      <c r="A32" s="8">
        <v>22</v>
      </c>
      <c r="B32" s="34">
        <v>75</v>
      </c>
      <c r="C32" s="13">
        <v>52</v>
      </c>
      <c r="D32" s="12">
        <v>127</v>
      </c>
    </row>
    <row r="33" spans="1:4" ht="18" customHeight="1" x14ac:dyDescent="0.15">
      <c r="A33" s="8">
        <v>23</v>
      </c>
      <c r="B33" s="34">
        <v>56</v>
      </c>
      <c r="C33" s="13">
        <v>65</v>
      </c>
      <c r="D33" s="12">
        <v>121</v>
      </c>
    </row>
    <row r="34" spans="1:4" ht="18" customHeight="1" x14ac:dyDescent="0.15">
      <c r="A34" s="8">
        <v>24</v>
      </c>
      <c r="B34" s="34">
        <v>62</v>
      </c>
      <c r="C34" s="13">
        <v>66</v>
      </c>
      <c r="D34" s="12">
        <v>128</v>
      </c>
    </row>
    <row r="35" spans="1:4" ht="18" customHeight="1" x14ac:dyDescent="0.15">
      <c r="A35" s="8" t="s">
        <v>348</v>
      </c>
      <c r="B35" s="34">
        <v>319</v>
      </c>
      <c r="C35" s="13">
        <v>301</v>
      </c>
      <c r="D35" s="12">
        <v>620</v>
      </c>
    </row>
    <row r="36" spans="1:4" ht="18" customHeight="1" x14ac:dyDescent="0.15">
      <c r="A36" s="8">
        <v>25</v>
      </c>
      <c r="B36" s="34">
        <v>52</v>
      </c>
      <c r="C36" s="13">
        <v>59</v>
      </c>
      <c r="D36" s="12">
        <v>111</v>
      </c>
    </row>
    <row r="37" spans="1:4" ht="18" customHeight="1" x14ac:dyDescent="0.15">
      <c r="A37" s="8">
        <v>26</v>
      </c>
      <c r="B37" s="34">
        <v>61</v>
      </c>
      <c r="C37" s="13">
        <v>78</v>
      </c>
      <c r="D37" s="12">
        <v>139</v>
      </c>
    </row>
    <row r="38" spans="1:4" ht="18" customHeight="1" x14ac:dyDescent="0.15">
      <c r="A38" s="8">
        <v>27</v>
      </c>
      <c r="B38" s="34">
        <v>80</v>
      </c>
      <c r="C38" s="13">
        <v>75</v>
      </c>
      <c r="D38" s="12">
        <v>155</v>
      </c>
    </row>
    <row r="39" spans="1:4" ht="18" customHeight="1" x14ac:dyDescent="0.15">
      <c r="A39" s="8">
        <v>28</v>
      </c>
      <c r="B39" s="34">
        <v>80</v>
      </c>
      <c r="C39" s="13">
        <v>67</v>
      </c>
      <c r="D39" s="12">
        <v>147</v>
      </c>
    </row>
    <row r="40" spans="1:4" ht="18" customHeight="1" x14ac:dyDescent="0.15">
      <c r="A40" s="8">
        <v>29</v>
      </c>
      <c r="B40" s="34">
        <v>70</v>
      </c>
      <c r="C40" s="13">
        <v>70</v>
      </c>
      <c r="D40" s="12">
        <v>140</v>
      </c>
    </row>
    <row r="41" spans="1:4" ht="18" customHeight="1" x14ac:dyDescent="0.15">
      <c r="A41" s="8" t="s">
        <v>228</v>
      </c>
      <c r="B41" s="34">
        <v>343</v>
      </c>
      <c r="C41" s="13">
        <v>349</v>
      </c>
      <c r="D41" s="12">
        <v>692</v>
      </c>
    </row>
    <row r="42" spans="1:4" ht="18" customHeight="1" x14ac:dyDescent="0.15">
      <c r="A42" s="8">
        <v>30</v>
      </c>
      <c r="B42" s="34">
        <v>64</v>
      </c>
      <c r="C42" s="13">
        <v>60</v>
      </c>
      <c r="D42" s="12">
        <v>124</v>
      </c>
    </row>
    <row r="43" spans="1:4" ht="18" customHeight="1" x14ac:dyDescent="0.15">
      <c r="A43" s="8">
        <v>31</v>
      </c>
      <c r="B43" s="34">
        <v>77</v>
      </c>
      <c r="C43" s="13">
        <v>65</v>
      </c>
      <c r="D43" s="12">
        <v>142</v>
      </c>
    </row>
    <row r="44" spans="1:4" ht="18" customHeight="1" x14ac:dyDescent="0.15">
      <c r="A44" s="8">
        <v>32</v>
      </c>
      <c r="B44" s="34">
        <v>78</v>
      </c>
      <c r="C44" s="13">
        <v>64</v>
      </c>
      <c r="D44" s="12">
        <v>142</v>
      </c>
    </row>
    <row r="45" spans="1:4" ht="18" customHeight="1" x14ac:dyDescent="0.15">
      <c r="A45" s="8">
        <v>33</v>
      </c>
      <c r="B45" s="34">
        <v>70</v>
      </c>
      <c r="C45" s="13">
        <v>66</v>
      </c>
      <c r="D45" s="12">
        <v>136</v>
      </c>
    </row>
    <row r="46" spans="1:4" ht="18" customHeight="1" x14ac:dyDescent="0.15">
      <c r="A46" s="8">
        <v>34</v>
      </c>
      <c r="B46" s="34">
        <v>65</v>
      </c>
      <c r="C46" s="13">
        <v>44</v>
      </c>
      <c r="D46" s="12">
        <v>109</v>
      </c>
    </row>
    <row r="47" spans="1:4" ht="18" customHeight="1" x14ac:dyDescent="0.15">
      <c r="A47" s="8" t="s">
        <v>112</v>
      </c>
      <c r="B47" s="34">
        <v>354</v>
      </c>
      <c r="C47" s="13">
        <v>299</v>
      </c>
      <c r="D47" s="12">
        <v>653</v>
      </c>
    </row>
    <row r="48" spans="1:4" ht="18" customHeight="1" x14ac:dyDescent="0.15">
      <c r="A48" s="8">
        <v>35</v>
      </c>
      <c r="B48" s="34">
        <v>61</v>
      </c>
      <c r="C48" s="13">
        <v>59</v>
      </c>
      <c r="D48" s="12">
        <v>120</v>
      </c>
    </row>
    <row r="49" spans="1:4" ht="18" customHeight="1" x14ac:dyDescent="0.15">
      <c r="A49" s="8">
        <v>36</v>
      </c>
      <c r="B49" s="34">
        <v>69</v>
      </c>
      <c r="C49" s="13">
        <v>69</v>
      </c>
      <c r="D49" s="12">
        <v>138</v>
      </c>
    </row>
    <row r="50" spans="1:4" ht="18" customHeight="1" x14ac:dyDescent="0.15">
      <c r="A50" s="8">
        <v>37</v>
      </c>
      <c r="B50" s="34">
        <v>62</v>
      </c>
      <c r="C50" s="13">
        <v>70</v>
      </c>
      <c r="D50" s="12">
        <v>132</v>
      </c>
    </row>
    <row r="51" spans="1:4" ht="18" customHeight="1" x14ac:dyDescent="0.15">
      <c r="A51" s="8">
        <v>38</v>
      </c>
      <c r="B51" s="34">
        <v>65</v>
      </c>
      <c r="C51" s="13">
        <v>79</v>
      </c>
      <c r="D51" s="12">
        <v>144</v>
      </c>
    </row>
    <row r="52" spans="1:4" ht="18" customHeight="1" x14ac:dyDescent="0.15">
      <c r="A52" s="8">
        <v>39</v>
      </c>
      <c r="B52" s="34">
        <v>89</v>
      </c>
      <c r="C52" s="13">
        <v>99</v>
      </c>
      <c r="D52" s="12">
        <v>188</v>
      </c>
    </row>
    <row r="53" spans="1:4" ht="18" customHeight="1" x14ac:dyDescent="0.15">
      <c r="A53" s="8" t="s">
        <v>328</v>
      </c>
      <c r="B53" s="34">
        <v>346</v>
      </c>
      <c r="C53" s="13">
        <v>376</v>
      </c>
      <c r="D53" s="12">
        <v>722</v>
      </c>
    </row>
    <row r="54" spans="1:4" ht="18" customHeight="1" x14ac:dyDescent="0.15">
      <c r="A54" s="8">
        <v>40</v>
      </c>
      <c r="B54" s="34">
        <v>89</v>
      </c>
      <c r="C54" s="13">
        <v>87</v>
      </c>
      <c r="D54" s="12">
        <v>176</v>
      </c>
    </row>
    <row r="55" spans="1:4" ht="18" customHeight="1" x14ac:dyDescent="0.15">
      <c r="A55" s="8">
        <v>41</v>
      </c>
      <c r="B55" s="34">
        <v>72</v>
      </c>
      <c r="C55" s="13">
        <v>90</v>
      </c>
      <c r="D55" s="12">
        <v>162</v>
      </c>
    </row>
    <row r="56" spans="1:4" ht="18" customHeight="1" x14ac:dyDescent="0.15">
      <c r="A56" s="8">
        <v>42</v>
      </c>
      <c r="B56" s="34">
        <v>95</v>
      </c>
      <c r="C56" s="13">
        <v>87</v>
      </c>
      <c r="D56" s="12">
        <v>182</v>
      </c>
    </row>
    <row r="57" spans="1:4" ht="18" customHeight="1" x14ac:dyDescent="0.15">
      <c r="A57" s="8">
        <v>43</v>
      </c>
      <c r="B57" s="34">
        <v>98</v>
      </c>
      <c r="C57" s="13">
        <v>87</v>
      </c>
      <c r="D57" s="12">
        <v>185</v>
      </c>
    </row>
    <row r="58" spans="1:4" ht="18" customHeight="1" x14ac:dyDescent="0.15">
      <c r="A58" s="8">
        <v>44</v>
      </c>
      <c r="B58" s="34">
        <v>106</v>
      </c>
      <c r="C58" s="13">
        <v>134</v>
      </c>
      <c r="D58" s="12">
        <v>240</v>
      </c>
    </row>
    <row r="59" spans="1:4" ht="18" customHeight="1" x14ac:dyDescent="0.15">
      <c r="A59" s="8" t="s">
        <v>347</v>
      </c>
      <c r="B59" s="34">
        <v>460</v>
      </c>
      <c r="C59" s="13">
        <v>485</v>
      </c>
      <c r="D59" s="12">
        <v>945</v>
      </c>
    </row>
    <row r="60" spans="1:4" ht="18" customHeight="1" x14ac:dyDescent="0.15">
      <c r="A60" s="8">
        <v>45</v>
      </c>
      <c r="B60" s="34">
        <v>127</v>
      </c>
      <c r="C60" s="13">
        <v>97</v>
      </c>
      <c r="D60" s="12">
        <v>224</v>
      </c>
    </row>
    <row r="61" spans="1:4" ht="18" customHeight="1" x14ac:dyDescent="0.15">
      <c r="A61" s="8">
        <v>46</v>
      </c>
      <c r="B61" s="34">
        <v>110</v>
      </c>
      <c r="C61" s="13">
        <v>124</v>
      </c>
      <c r="D61" s="12">
        <v>234</v>
      </c>
    </row>
    <row r="62" spans="1:4" ht="18" customHeight="1" x14ac:dyDescent="0.15">
      <c r="A62" s="8">
        <v>47</v>
      </c>
      <c r="B62" s="34">
        <v>110</v>
      </c>
      <c r="C62" s="13">
        <v>101</v>
      </c>
      <c r="D62" s="12">
        <v>211</v>
      </c>
    </row>
    <row r="63" spans="1:4" ht="18" customHeight="1" x14ac:dyDescent="0.15">
      <c r="A63" s="8">
        <v>48</v>
      </c>
      <c r="B63" s="34">
        <v>110</v>
      </c>
      <c r="C63" s="13">
        <v>112</v>
      </c>
      <c r="D63" s="12">
        <v>222</v>
      </c>
    </row>
    <row r="64" spans="1:4" ht="18" customHeight="1" x14ac:dyDescent="0.15">
      <c r="A64" s="8">
        <v>49</v>
      </c>
      <c r="B64" s="34">
        <v>125</v>
      </c>
      <c r="C64" s="13">
        <v>114</v>
      </c>
      <c r="D64" s="12">
        <v>239</v>
      </c>
    </row>
    <row r="65" spans="1:4" ht="18" customHeight="1" x14ac:dyDescent="0.15">
      <c r="A65" s="8" t="s">
        <v>346</v>
      </c>
      <c r="B65" s="34">
        <v>582</v>
      </c>
      <c r="C65" s="13">
        <v>548</v>
      </c>
      <c r="D65" s="12">
        <v>1130</v>
      </c>
    </row>
    <row r="66" spans="1:4" ht="18" customHeight="1" x14ac:dyDescent="0.15">
      <c r="A66" s="8">
        <v>50</v>
      </c>
      <c r="B66" s="34">
        <v>119</v>
      </c>
      <c r="C66" s="13">
        <v>122</v>
      </c>
      <c r="D66" s="12">
        <v>241</v>
      </c>
    </row>
    <row r="67" spans="1:4" ht="18" customHeight="1" x14ac:dyDescent="0.15">
      <c r="A67" s="8">
        <v>51</v>
      </c>
      <c r="B67" s="34">
        <v>100</v>
      </c>
      <c r="C67" s="13">
        <v>113</v>
      </c>
      <c r="D67" s="12">
        <v>213</v>
      </c>
    </row>
    <row r="68" spans="1:4" ht="18" customHeight="1" x14ac:dyDescent="0.15">
      <c r="A68" s="8">
        <v>52</v>
      </c>
      <c r="B68" s="34">
        <v>85</v>
      </c>
      <c r="C68" s="13">
        <v>102</v>
      </c>
      <c r="D68" s="12">
        <v>187</v>
      </c>
    </row>
    <row r="69" spans="1:4" ht="18" customHeight="1" x14ac:dyDescent="0.15">
      <c r="A69" s="8">
        <v>53</v>
      </c>
      <c r="B69" s="34">
        <v>83</v>
      </c>
      <c r="C69" s="13">
        <v>86</v>
      </c>
      <c r="D69" s="12">
        <v>169</v>
      </c>
    </row>
    <row r="70" spans="1:4" ht="18" customHeight="1" x14ac:dyDescent="0.15">
      <c r="A70" s="8">
        <v>54</v>
      </c>
      <c r="B70" s="34">
        <v>105</v>
      </c>
      <c r="C70" s="13">
        <v>84</v>
      </c>
      <c r="D70" s="12">
        <v>189</v>
      </c>
    </row>
    <row r="71" spans="1:4" ht="18" customHeight="1" x14ac:dyDescent="0.15">
      <c r="A71" s="8" t="s">
        <v>345</v>
      </c>
      <c r="B71" s="34">
        <v>492</v>
      </c>
      <c r="C71" s="13">
        <v>507</v>
      </c>
      <c r="D71" s="12">
        <v>999</v>
      </c>
    </row>
    <row r="72" spans="1:4" ht="18" customHeight="1" x14ac:dyDescent="0.15">
      <c r="A72" s="8">
        <v>55</v>
      </c>
      <c r="B72" s="34">
        <v>72</v>
      </c>
      <c r="C72" s="13">
        <v>64</v>
      </c>
      <c r="D72" s="12">
        <v>136</v>
      </c>
    </row>
    <row r="73" spans="1:4" ht="18" customHeight="1" x14ac:dyDescent="0.15">
      <c r="A73" s="8">
        <v>56</v>
      </c>
      <c r="B73" s="34">
        <v>55</v>
      </c>
      <c r="C73" s="13">
        <v>55</v>
      </c>
      <c r="D73" s="12">
        <v>110</v>
      </c>
    </row>
    <row r="74" spans="1:4" ht="18" customHeight="1" x14ac:dyDescent="0.15">
      <c r="A74" s="8">
        <v>57</v>
      </c>
      <c r="B74" s="34">
        <v>58</v>
      </c>
      <c r="C74" s="13">
        <v>72</v>
      </c>
      <c r="D74" s="12">
        <v>130</v>
      </c>
    </row>
    <row r="75" spans="1:4" ht="18" customHeight="1" x14ac:dyDescent="0.15">
      <c r="A75" s="8">
        <v>58</v>
      </c>
      <c r="B75" s="34">
        <v>51</v>
      </c>
      <c r="C75" s="13">
        <v>68</v>
      </c>
      <c r="D75" s="12">
        <v>119</v>
      </c>
    </row>
    <row r="76" spans="1:4" ht="18" customHeight="1" x14ac:dyDescent="0.15">
      <c r="A76" s="8">
        <v>59</v>
      </c>
      <c r="B76" s="34">
        <v>72</v>
      </c>
      <c r="C76" s="13">
        <v>70</v>
      </c>
      <c r="D76" s="12">
        <v>142</v>
      </c>
    </row>
    <row r="77" spans="1:4" ht="18" customHeight="1" x14ac:dyDescent="0.15">
      <c r="A77" s="8" t="s">
        <v>71</v>
      </c>
      <c r="B77" s="34">
        <v>308</v>
      </c>
      <c r="C77" s="13">
        <v>329</v>
      </c>
      <c r="D77" s="12">
        <v>637</v>
      </c>
    </row>
    <row r="78" spans="1:4" ht="18" customHeight="1" x14ac:dyDescent="0.15">
      <c r="A78" s="8">
        <v>60</v>
      </c>
      <c r="B78" s="34">
        <v>61</v>
      </c>
      <c r="C78" s="13">
        <v>61</v>
      </c>
      <c r="D78" s="12">
        <v>122</v>
      </c>
    </row>
    <row r="79" spans="1:4" ht="18" customHeight="1" x14ac:dyDescent="0.15">
      <c r="A79" s="8">
        <v>61</v>
      </c>
      <c r="B79" s="34">
        <v>63</v>
      </c>
      <c r="C79" s="13">
        <v>61</v>
      </c>
      <c r="D79" s="12">
        <v>124</v>
      </c>
    </row>
    <row r="80" spans="1:4" ht="18" customHeight="1" x14ac:dyDescent="0.15">
      <c r="A80" s="8">
        <v>62</v>
      </c>
      <c r="B80" s="34">
        <v>63</v>
      </c>
      <c r="C80" s="13">
        <v>65</v>
      </c>
      <c r="D80" s="12">
        <v>128</v>
      </c>
    </row>
    <row r="81" spans="1:4" ht="18" customHeight="1" x14ac:dyDescent="0.15">
      <c r="A81" s="8">
        <v>63</v>
      </c>
      <c r="B81" s="34">
        <v>61</v>
      </c>
      <c r="C81" s="13">
        <v>49</v>
      </c>
      <c r="D81" s="12">
        <v>110</v>
      </c>
    </row>
    <row r="82" spans="1:4" ht="18" customHeight="1" x14ac:dyDescent="0.15">
      <c r="A82" s="8">
        <v>64</v>
      </c>
      <c r="B82" s="34">
        <v>49</v>
      </c>
      <c r="C82" s="13">
        <v>54</v>
      </c>
      <c r="D82" s="12">
        <v>103</v>
      </c>
    </row>
    <row r="83" spans="1:4" ht="18" customHeight="1" x14ac:dyDescent="0.15">
      <c r="A83" s="8" t="s">
        <v>44</v>
      </c>
      <c r="B83" s="34">
        <v>297</v>
      </c>
      <c r="C83" s="13">
        <v>290</v>
      </c>
      <c r="D83" s="12">
        <v>587</v>
      </c>
    </row>
    <row r="84" spans="1:4" ht="18" customHeight="1" x14ac:dyDescent="0.15">
      <c r="A84" s="8" t="s">
        <v>344</v>
      </c>
      <c r="B84" s="34">
        <v>3866</v>
      </c>
      <c r="C84" s="13">
        <v>3830</v>
      </c>
      <c r="D84" s="12">
        <v>7696</v>
      </c>
    </row>
    <row r="85" spans="1:4" ht="18" customHeight="1" x14ac:dyDescent="0.15">
      <c r="A85" s="8">
        <v>65</v>
      </c>
      <c r="B85" s="34">
        <v>47</v>
      </c>
      <c r="C85" s="13">
        <v>47</v>
      </c>
      <c r="D85" s="12">
        <v>94</v>
      </c>
    </row>
    <row r="86" spans="1:4" ht="18" customHeight="1" x14ac:dyDescent="0.15">
      <c r="A86" s="8">
        <v>66</v>
      </c>
      <c r="B86" s="34">
        <v>41</v>
      </c>
      <c r="C86" s="13">
        <v>57</v>
      </c>
      <c r="D86" s="12">
        <v>98</v>
      </c>
    </row>
    <row r="87" spans="1:4" ht="18" customHeight="1" x14ac:dyDescent="0.15">
      <c r="A87" s="8">
        <v>67</v>
      </c>
      <c r="B87" s="34">
        <v>65</v>
      </c>
      <c r="C87" s="13">
        <v>56</v>
      </c>
      <c r="D87" s="12">
        <v>121</v>
      </c>
    </row>
    <row r="88" spans="1:4" ht="18" customHeight="1" x14ac:dyDescent="0.15">
      <c r="A88" s="8">
        <v>68</v>
      </c>
      <c r="B88" s="34">
        <v>51</v>
      </c>
      <c r="C88" s="13">
        <v>58</v>
      </c>
      <c r="D88" s="12">
        <v>109</v>
      </c>
    </row>
    <row r="89" spans="1:4" ht="18" customHeight="1" x14ac:dyDescent="0.15">
      <c r="A89" s="8">
        <v>69</v>
      </c>
      <c r="B89" s="34">
        <v>51</v>
      </c>
      <c r="C89" s="13">
        <v>67</v>
      </c>
      <c r="D89" s="12">
        <v>118</v>
      </c>
    </row>
    <row r="90" spans="1:4" ht="18" customHeight="1" x14ac:dyDescent="0.15">
      <c r="A90" s="8" t="s">
        <v>343</v>
      </c>
      <c r="B90" s="34">
        <v>255</v>
      </c>
      <c r="C90" s="13">
        <v>285</v>
      </c>
      <c r="D90" s="12">
        <v>540</v>
      </c>
    </row>
    <row r="91" spans="1:4" ht="18" customHeight="1" x14ac:dyDescent="0.15">
      <c r="A91" s="8">
        <v>70</v>
      </c>
      <c r="B91" s="34">
        <v>60</v>
      </c>
      <c r="C91" s="13">
        <v>52</v>
      </c>
      <c r="D91" s="12">
        <v>112</v>
      </c>
    </row>
    <row r="92" spans="1:4" ht="18" customHeight="1" x14ac:dyDescent="0.15">
      <c r="A92" s="8">
        <v>71</v>
      </c>
      <c r="B92" s="34">
        <v>43</v>
      </c>
      <c r="C92" s="13">
        <v>59</v>
      </c>
      <c r="D92" s="12">
        <v>102</v>
      </c>
    </row>
    <row r="93" spans="1:4" ht="18" customHeight="1" x14ac:dyDescent="0.15">
      <c r="A93" s="8">
        <v>72</v>
      </c>
      <c r="B93" s="34">
        <v>57</v>
      </c>
      <c r="C93" s="13">
        <v>68</v>
      </c>
      <c r="D93" s="12">
        <v>125</v>
      </c>
    </row>
    <row r="94" spans="1:4" ht="18" customHeight="1" x14ac:dyDescent="0.15">
      <c r="A94" s="8">
        <v>73</v>
      </c>
      <c r="B94" s="34">
        <v>55</v>
      </c>
      <c r="C94" s="13">
        <v>68</v>
      </c>
      <c r="D94" s="12">
        <v>123</v>
      </c>
    </row>
    <row r="95" spans="1:4" ht="18" customHeight="1" x14ac:dyDescent="0.15">
      <c r="A95" s="8">
        <v>74</v>
      </c>
      <c r="B95" s="34">
        <v>54</v>
      </c>
      <c r="C95" s="13">
        <v>65</v>
      </c>
      <c r="D95" s="12">
        <v>119</v>
      </c>
    </row>
    <row r="96" spans="1:4" ht="18" customHeight="1" x14ac:dyDescent="0.15">
      <c r="A96" s="8" t="s">
        <v>338</v>
      </c>
      <c r="B96" s="34">
        <v>269</v>
      </c>
      <c r="C96" s="13">
        <v>312</v>
      </c>
      <c r="D96" s="12">
        <v>581</v>
      </c>
    </row>
    <row r="97" spans="1:4" ht="18" customHeight="1" x14ac:dyDescent="0.15">
      <c r="A97" s="8">
        <v>75</v>
      </c>
      <c r="B97" s="34">
        <v>51</v>
      </c>
      <c r="C97" s="13">
        <v>81</v>
      </c>
      <c r="D97" s="12">
        <v>132</v>
      </c>
    </row>
    <row r="98" spans="1:4" ht="18" customHeight="1" x14ac:dyDescent="0.15">
      <c r="A98" s="8">
        <v>76</v>
      </c>
      <c r="B98" s="34">
        <v>51</v>
      </c>
      <c r="C98" s="13">
        <v>58</v>
      </c>
      <c r="D98" s="12">
        <v>109</v>
      </c>
    </row>
    <row r="99" spans="1:4" ht="18" customHeight="1" x14ac:dyDescent="0.15">
      <c r="A99" s="8">
        <v>77</v>
      </c>
      <c r="B99" s="34">
        <v>23</v>
      </c>
      <c r="C99" s="13">
        <v>26</v>
      </c>
      <c r="D99" s="12">
        <v>49</v>
      </c>
    </row>
    <row r="100" spans="1:4" ht="18" customHeight="1" x14ac:dyDescent="0.15">
      <c r="A100" s="8">
        <v>78</v>
      </c>
      <c r="B100" s="34">
        <v>41</v>
      </c>
      <c r="C100" s="13">
        <v>43</v>
      </c>
      <c r="D100" s="12">
        <v>84</v>
      </c>
    </row>
    <row r="101" spans="1:4" ht="18" customHeight="1" x14ac:dyDescent="0.15">
      <c r="A101" s="8">
        <v>79</v>
      </c>
      <c r="B101" s="34">
        <v>32</v>
      </c>
      <c r="C101" s="13">
        <v>45</v>
      </c>
      <c r="D101" s="12">
        <v>77</v>
      </c>
    </row>
    <row r="102" spans="1:4" ht="18" customHeight="1" x14ac:dyDescent="0.15">
      <c r="A102" s="8" t="s">
        <v>342</v>
      </c>
      <c r="B102" s="34">
        <v>198</v>
      </c>
      <c r="C102" s="13">
        <v>253</v>
      </c>
      <c r="D102" s="12">
        <v>451</v>
      </c>
    </row>
    <row r="103" spans="1:4" ht="18" customHeight="1" x14ac:dyDescent="0.15">
      <c r="A103" s="8">
        <v>80</v>
      </c>
      <c r="B103" s="34">
        <v>49</v>
      </c>
      <c r="C103" s="13">
        <v>55</v>
      </c>
      <c r="D103" s="12">
        <v>104</v>
      </c>
    </row>
    <row r="104" spans="1:4" ht="18" customHeight="1" x14ac:dyDescent="0.15">
      <c r="A104" s="8">
        <v>81</v>
      </c>
      <c r="B104" s="34">
        <v>35</v>
      </c>
      <c r="C104" s="13">
        <v>33</v>
      </c>
      <c r="D104" s="12">
        <v>68</v>
      </c>
    </row>
    <row r="105" spans="1:4" ht="18" customHeight="1" x14ac:dyDescent="0.15">
      <c r="A105" s="8">
        <v>82</v>
      </c>
      <c r="B105" s="34">
        <v>33</v>
      </c>
      <c r="C105" s="13">
        <v>39</v>
      </c>
      <c r="D105" s="12">
        <v>72</v>
      </c>
    </row>
    <row r="106" spans="1:4" ht="18" customHeight="1" x14ac:dyDescent="0.15">
      <c r="A106" s="8">
        <v>83</v>
      </c>
      <c r="B106" s="34">
        <v>18</v>
      </c>
      <c r="C106" s="13">
        <v>32</v>
      </c>
      <c r="D106" s="12">
        <v>50</v>
      </c>
    </row>
    <row r="107" spans="1:4" ht="18" customHeight="1" x14ac:dyDescent="0.15">
      <c r="A107" s="8">
        <v>84</v>
      </c>
      <c r="B107" s="34">
        <v>18</v>
      </c>
      <c r="C107" s="13">
        <v>31</v>
      </c>
      <c r="D107" s="12">
        <v>49</v>
      </c>
    </row>
    <row r="108" spans="1:4" ht="18" customHeight="1" x14ac:dyDescent="0.15">
      <c r="A108" s="8" t="s">
        <v>337</v>
      </c>
      <c r="B108" s="34">
        <v>153</v>
      </c>
      <c r="C108" s="13">
        <v>190</v>
      </c>
      <c r="D108" s="12">
        <v>343</v>
      </c>
    </row>
    <row r="109" spans="1:4" ht="18" customHeight="1" x14ac:dyDescent="0.15">
      <c r="A109" s="8">
        <v>85</v>
      </c>
      <c r="B109" s="34">
        <v>30</v>
      </c>
      <c r="C109" s="13">
        <v>29</v>
      </c>
      <c r="D109" s="12">
        <v>59</v>
      </c>
    </row>
    <row r="110" spans="1:4" ht="18" customHeight="1" x14ac:dyDescent="0.15">
      <c r="A110" s="8">
        <v>86</v>
      </c>
      <c r="B110" s="34">
        <v>15</v>
      </c>
      <c r="C110" s="13">
        <v>22</v>
      </c>
      <c r="D110" s="12">
        <v>37</v>
      </c>
    </row>
    <row r="111" spans="1:4" ht="18" customHeight="1" x14ac:dyDescent="0.15">
      <c r="A111" s="8">
        <v>87</v>
      </c>
      <c r="B111" s="34">
        <v>11</v>
      </c>
      <c r="C111" s="13">
        <v>40</v>
      </c>
      <c r="D111" s="12">
        <v>51</v>
      </c>
    </row>
    <row r="112" spans="1:4" ht="18" customHeight="1" x14ac:dyDescent="0.15">
      <c r="A112" s="8">
        <v>88</v>
      </c>
      <c r="B112" s="34">
        <v>15</v>
      </c>
      <c r="C112" s="13">
        <v>20</v>
      </c>
      <c r="D112" s="12">
        <v>35</v>
      </c>
    </row>
    <row r="113" spans="1:4" ht="18" customHeight="1" x14ac:dyDescent="0.15">
      <c r="A113" s="8">
        <v>89</v>
      </c>
      <c r="B113" s="34">
        <v>14</v>
      </c>
      <c r="C113" s="13">
        <v>30</v>
      </c>
      <c r="D113" s="12">
        <v>44</v>
      </c>
    </row>
    <row r="114" spans="1:4" ht="18" customHeight="1" x14ac:dyDescent="0.15">
      <c r="A114" s="8" t="s">
        <v>38</v>
      </c>
      <c r="B114" s="34">
        <v>85</v>
      </c>
      <c r="C114" s="13">
        <v>141</v>
      </c>
      <c r="D114" s="12">
        <v>226</v>
      </c>
    </row>
    <row r="115" spans="1:4" ht="18" customHeight="1" x14ac:dyDescent="0.15">
      <c r="A115" s="8">
        <v>90</v>
      </c>
      <c r="B115" s="34">
        <v>9</v>
      </c>
      <c r="C115" s="13">
        <v>34</v>
      </c>
      <c r="D115" s="12">
        <v>43</v>
      </c>
    </row>
    <row r="116" spans="1:4" ht="18" customHeight="1" x14ac:dyDescent="0.15">
      <c r="A116" s="8">
        <v>91</v>
      </c>
      <c r="B116" s="34">
        <v>4</v>
      </c>
      <c r="C116" s="13">
        <v>18</v>
      </c>
      <c r="D116" s="12">
        <v>22</v>
      </c>
    </row>
    <row r="117" spans="1:4" ht="18" customHeight="1" x14ac:dyDescent="0.15">
      <c r="A117" s="8">
        <v>92</v>
      </c>
      <c r="B117" s="34">
        <v>3</v>
      </c>
      <c r="C117" s="13">
        <v>20</v>
      </c>
      <c r="D117" s="12">
        <v>23</v>
      </c>
    </row>
    <row r="118" spans="1:4" ht="18" customHeight="1" x14ac:dyDescent="0.15">
      <c r="A118" s="8">
        <v>93</v>
      </c>
      <c r="B118" s="34">
        <v>4</v>
      </c>
      <c r="C118" s="13">
        <v>10</v>
      </c>
      <c r="D118" s="12">
        <v>14</v>
      </c>
    </row>
    <row r="119" spans="1:4" ht="18" customHeight="1" x14ac:dyDescent="0.15">
      <c r="A119" s="8">
        <v>94</v>
      </c>
      <c r="B119" s="34">
        <v>4</v>
      </c>
      <c r="C119" s="13">
        <v>12</v>
      </c>
      <c r="D119" s="12">
        <v>16</v>
      </c>
    </row>
    <row r="120" spans="1:4" ht="18" customHeight="1" x14ac:dyDescent="0.15">
      <c r="A120" s="8" t="s">
        <v>341</v>
      </c>
      <c r="B120" s="34">
        <v>24</v>
      </c>
      <c r="C120" s="13">
        <v>94</v>
      </c>
      <c r="D120" s="12">
        <v>118</v>
      </c>
    </row>
    <row r="121" spans="1:4" ht="18" customHeight="1" x14ac:dyDescent="0.15">
      <c r="A121" s="8">
        <v>95</v>
      </c>
      <c r="B121" s="34">
        <v>1</v>
      </c>
      <c r="C121" s="13">
        <v>8</v>
      </c>
      <c r="D121" s="12">
        <v>9</v>
      </c>
    </row>
    <row r="122" spans="1:4" ht="18" customHeight="1" x14ac:dyDescent="0.15">
      <c r="A122" s="8">
        <v>96</v>
      </c>
      <c r="B122" s="34">
        <v>5</v>
      </c>
      <c r="C122" s="13">
        <v>12</v>
      </c>
      <c r="D122" s="12">
        <v>17</v>
      </c>
    </row>
    <row r="123" spans="1:4" ht="18" customHeight="1" x14ac:dyDescent="0.15">
      <c r="A123" s="8">
        <v>97</v>
      </c>
      <c r="B123" s="34">
        <v>1</v>
      </c>
      <c r="C123" s="13">
        <v>5</v>
      </c>
      <c r="D123" s="12">
        <v>6</v>
      </c>
    </row>
    <row r="124" spans="1:4" ht="18" customHeight="1" x14ac:dyDescent="0.15">
      <c r="A124" s="8">
        <v>98</v>
      </c>
      <c r="B124" s="34">
        <v>2</v>
      </c>
      <c r="C124" s="13">
        <v>9</v>
      </c>
      <c r="D124" s="12">
        <v>11</v>
      </c>
    </row>
    <row r="125" spans="1:4" ht="18" customHeight="1" x14ac:dyDescent="0.15">
      <c r="A125" s="8">
        <v>99</v>
      </c>
      <c r="B125" s="34">
        <v>2</v>
      </c>
      <c r="C125" s="13">
        <v>2</v>
      </c>
      <c r="D125" s="12">
        <v>4</v>
      </c>
    </row>
    <row r="126" spans="1:4" ht="18" customHeight="1" x14ac:dyDescent="0.15">
      <c r="A126" s="8" t="s">
        <v>68</v>
      </c>
      <c r="B126" s="34">
        <v>11</v>
      </c>
      <c r="C126" s="13">
        <v>36</v>
      </c>
      <c r="D126" s="12">
        <v>47</v>
      </c>
    </row>
    <row r="127" spans="1:4" ht="18" customHeight="1" x14ac:dyDescent="0.15">
      <c r="A127" s="8">
        <v>100</v>
      </c>
      <c r="B127" s="34">
        <v>0</v>
      </c>
      <c r="C127" s="13">
        <v>2</v>
      </c>
      <c r="D127" s="12">
        <v>2</v>
      </c>
    </row>
    <row r="128" spans="1:4" ht="18" customHeight="1" x14ac:dyDescent="0.15">
      <c r="A128" s="15" t="s">
        <v>37</v>
      </c>
      <c r="B128" s="34">
        <v>0</v>
      </c>
      <c r="C128" s="13">
        <v>9</v>
      </c>
      <c r="D128" s="12">
        <v>9</v>
      </c>
    </row>
    <row r="129" spans="1:4" ht="18" customHeight="1" x14ac:dyDescent="0.15">
      <c r="A129" s="8" t="s">
        <v>324</v>
      </c>
      <c r="B129" s="34">
        <v>0</v>
      </c>
      <c r="C129" s="13">
        <v>11</v>
      </c>
      <c r="D129" s="12">
        <v>11</v>
      </c>
    </row>
    <row r="130" spans="1:4" ht="18" customHeight="1" x14ac:dyDescent="0.15">
      <c r="A130" s="8" t="s">
        <v>323</v>
      </c>
      <c r="B130" s="28">
        <v>995</v>
      </c>
      <c r="C130" s="6">
        <v>1322</v>
      </c>
      <c r="D130" s="5">
        <v>2317</v>
      </c>
    </row>
    <row r="131" spans="1:4" ht="18" customHeight="1" x14ac:dyDescent="0.15">
      <c r="A131" s="4" t="s">
        <v>0</v>
      </c>
      <c r="B131" s="27">
        <v>5813</v>
      </c>
      <c r="C131" s="2">
        <v>6039</v>
      </c>
      <c r="D131" s="1">
        <v>1185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5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7</v>
      </c>
      <c r="C5" s="44">
        <v>2</v>
      </c>
      <c r="D5" s="43">
        <v>9</v>
      </c>
    </row>
    <row r="6" spans="1:4" ht="18" customHeight="1" x14ac:dyDescent="0.15">
      <c r="A6" s="8">
        <v>1</v>
      </c>
      <c r="B6" s="39">
        <v>5</v>
      </c>
      <c r="C6" s="13">
        <v>4</v>
      </c>
      <c r="D6" s="12">
        <v>9</v>
      </c>
    </row>
    <row r="7" spans="1:4" ht="18" customHeight="1" x14ac:dyDescent="0.15">
      <c r="A7" s="8">
        <v>2</v>
      </c>
      <c r="B7" s="39">
        <v>5</v>
      </c>
      <c r="C7" s="13">
        <v>9</v>
      </c>
      <c r="D7" s="12">
        <v>14</v>
      </c>
    </row>
    <row r="8" spans="1:4" ht="18" customHeight="1" x14ac:dyDescent="0.15">
      <c r="A8" s="8">
        <v>3</v>
      </c>
      <c r="B8" s="39">
        <v>8</v>
      </c>
      <c r="C8" s="13">
        <v>5</v>
      </c>
      <c r="D8" s="12">
        <v>13</v>
      </c>
    </row>
    <row r="9" spans="1:4" ht="18" customHeight="1" x14ac:dyDescent="0.15">
      <c r="A9" s="8">
        <v>4</v>
      </c>
      <c r="B9" s="42">
        <v>6</v>
      </c>
      <c r="C9" s="41">
        <v>7</v>
      </c>
      <c r="D9" s="40">
        <v>13</v>
      </c>
    </row>
    <row r="10" spans="1:4" ht="18" customHeight="1" x14ac:dyDescent="0.15">
      <c r="A10" s="8" t="s">
        <v>76</v>
      </c>
      <c r="B10" s="34">
        <v>31</v>
      </c>
      <c r="C10" s="13">
        <v>27</v>
      </c>
      <c r="D10" s="12">
        <v>58</v>
      </c>
    </row>
    <row r="11" spans="1:4" ht="18" customHeight="1" x14ac:dyDescent="0.15">
      <c r="A11" s="8">
        <v>5</v>
      </c>
      <c r="B11" s="39">
        <v>8</v>
      </c>
      <c r="C11" s="13">
        <v>4</v>
      </c>
      <c r="D11" s="12">
        <v>12</v>
      </c>
    </row>
    <row r="12" spans="1:4" ht="18" customHeight="1" x14ac:dyDescent="0.15">
      <c r="A12" s="8">
        <v>6</v>
      </c>
      <c r="B12" s="39">
        <v>7</v>
      </c>
      <c r="C12" s="13">
        <v>6</v>
      </c>
      <c r="D12" s="12">
        <v>13</v>
      </c>
    </row>
    <row r="13" spans="1:4" ht="18" customHeight="1" x14ac:dyDescent="0.15">
      <c r="A13" s="8">
        <v>7</v>
      </c>
      <c r="B13" s="39">
        <v>4</v>
      </c>
      <c r="C13" s="13">
        <v>5</v>
      </c>
      <c r="D13" s="12">
        <v>9</v>
      </c>
    </row>
    <row r="14" spans="1:4" ht="18" customHeight="1" x14ac:dyDescent="0.15">
      <c r="A14" s="8">
        <v>8</v>
      </c>
      <c r="B14" s="39">
        <v>3</v>
      </c>
      <c r="C14" s="13">
        <v>6</v>
      </c>
      <c r="D14" s="12">
        <v>9</v>
      </c>
    </row>
    <row r="15" spans="1:4" ht="18" customHeight="1" x14ac:dyDescent="0.15">
      <c r="A15" s="8">
        <v>9</v>
      </c>
      <c r="B15" s="39">
        <v>4</v>
      </c>
      <c r="C15" s="13">
        <v>7</v>
      </c>
      <c r="D15" s="12">
        <v>11</v>
      </c>
    </row>
    <row r="16" spans="1:4" ht="18" customHeight="1" x14ac:dyDescent="0.15">
      <c r="A16" s="8" t="s">
        <v>50</v>
      </c>
      <c r="B16" s="34">
        <v>26</v>
      </c>
      <c r="C16" s="13">
        <v>28</v>
      </c>
      <c r="D16" s="12">
        <v>54</v>
      </c>
    </row>
    <row r="17" spans="1:4" ht="18" customHeight="1" x14ac:dyDescent="0.15">
      <c r="A17" s="8">
        <v>10</v>
      </c>
      <c r="B17" s="34">
        <v>9</v>
      </c>
      <c r="C17" s="13">
        <v>3</v>
      </c>
      <c r="D17" s="12">
        <v>12</v>
      </c>
    </row>
    <row r="18" spans="1:4" ht="18" customHeight="1" x14ac:dyDescent="0.15">
      <c r="A18" s="8">
        <v>11</v>
      </c>
      <c r="B18" s="34">
        <v>1</v>
      </c>
      <c r="C18" s="13">
        <v>6</v>
      </c>
      <c r="D18" s="12">
        <v>7</v>
      </c>
    </row>
    <row r="19" spans="1:4" ht="18" customHeight="1" x14ac:dyDescent="0.15">
      <c r="A19" s="8">
        <v>12</v>
      </c>
      <c r="B19" s="34">
        <v>4</v>
      </c>
      <c r="C19" s="13">
        <v>2</v>
      </c>
      <c r="D19" s="12">
        <v>6</v>
      </c>
    </row>
    <row r="20" spans="1:4" ht="18" customHeight="1" x14ac:dyDescent="0.15">
      <c r="A20" s="8">
        <v>13</v>
      </c>
      <c r="B20" s="34">
        <v>1</v>
      </c>
      <c r="C20" s="13">
        <v>3</v>
      </c>
      <c r="D20" s="12">
        <v>4</v>
      </c>
    </row>
    <row r="21" spans="1:4" ht="18" customHeight="1" x14ac:dyDescent="0.15">
      <c r="A21" s="8">
        <v>14</v>
      </c>
      <c r="B21" s="34">
        <v>4</v>
      </c>
      <c r="C21" s="13">
        <v>5</v>
      </c>
      <c r="D21" s="12">
        <v>9</v>
      </c>
    </row>
    <row r="22" spans="1:4" ht="18" customHeight="1" x14ac:dyDescent="0.15">
      <c r="A22" s="8" t="s">
        <v>75</v>
      </c>
      <c r="B22" s="34">
        <v>19</v>
      </c>
      <c r="C22" s="13">
        <v>19</v>
      </c>
      <c r="D22" s="12">
        <v>38</v>
      </c>
    </row>
    <row r="23" spans="1:4" ht="18" customHeight="1" x14ac:dyDescent="0.15">
      <c r="A23" s="8" t="s">
        <v>65</v>
      </c>
      <c r="B23" s="34">
        <v>76</v>
      </c>
      <c r="C23" s="13">
        <v>74</v>
      </c>
      <c r="D23" s="12">
        <v>150</v>
      </c>
    </row>
    <row r="24" spans="1:4" ht="18" customHeight="1" x14ac:dyDescent="0.15">
      <c r="A24" s="8">
        <v>15</v>
      </c>
      <c r="B24" s="34">
        <v>7</v>
      </c>
      <c r="C24" s="13">
        <v>3</v>
      </c>
      <c r="D24" s="12">
        <v>10</v>
      </c>
    </row>
    <row r="25" spans="1:4" ht="18" customHeight="1" x14ac:dyDescent="0.15">
      <c r="A25" s="8">
        <v>16</v>
      </c>
      <c r="B25" s="34">
        <v>1</v>
      </c>
      <c r="C25" s="13">
        <v>1</v>
      </c>
      <c r="D25" s="12">
        <v>2</v>
      </c>
    </row>
    <row r="26" spans="1:4" ht="18" customHeight="1" x14ac:dyDescent="0.15">
      <c r="A26" s="8">
        <v>17</v>
      </c>
      <c r="B26" s="34">
        <v>3</v>
      </c>
      <c r="C26" s="13">
        <v>7</v>
      </c>
      <c r="D26" s="12">
        <v>10</v>
      </c>
    </row>
    <row r="27" spans="1:4" ht="18" customHeight="1" x14ac:dyDescent="0.15">
      <c r="A27" s="8">
        <v>18</v>
      </c>
      <c r="B27" s="34">
        <v>3</v>
      </c>
      <c r="C27" s="13">
        <v>6</v>
      </c>
      <c r="D27" s="12">
        <v>9</v>
      </c>
    </row>
    <row r="28" spans="1:4" ht="18" customHeight="1" x14ac:dyDescent="0.15">
      <c r="A28" s="8">
        <v>19</v>
      </c>
      <c r="B28" s="34">
        <v>1</v>
      </c>
      <c r="C28" s="13">
        <v>3</v>
      </c>
      <c r="D28" s="12">
        <v>4</v>
      </c>
    </row>
    <row r="29" spans="1:4" ht="18" customHeight="1" x14ac:dyDescent="0.15">
      <c r="A29" s="8" t="s">
        <v>48</v>
      </c>
      <c r="B29" s="34">
        <v>15</v>
      </c>
      <c r="C29" s="13">
        <v>20</v>
      </c>
      <c r="D29" s="12">
        <v>35</v>
      </c>
    </row>
    <row r="30" spans="1:4" ht="18" customHeight="1" x14ac:dyDescent="0.15">
      <c r="A30" s="8">
        <v>20</v>
      </c>
      <c r="B30" s="34">
        <v>7</v>
      </c>
      <c r="C30" s="13">
        <v>11</v>
      </c>
      <c r="D30" s="12">
        <v>18</v>
      </c>
    </row>
    <row r="31" spans="1:4" ht="18" customHeight="1" x14ac:dyDescent="0.15">
      <c r="A31" s="8">
        <v>21</v>
      </c>
      <c r="B31" s="34">
        <v>5</v>
      </c>
      <c r="C31" s="13">
        <v>3</v>
      </c>
      <c r="D31" s="12">
        <v>8</v>
      </c>
    </row>
    <row r="32" spans="1:4" ht="18" customHeight="1" x14ac:dyDescent="0.15">
      <c r="A32" s="8">
        <v>22</v>
      </c>
      <c r="B32" s="34">
        <v>7</v>
      </c>
      <c r="C32" s="13">
        <v>8</v>
      </c>
      <c r="D32" s="12">
        <v>15</v>
      </c>
    </row>
    <row r="33" spans="1:4" ht="18" customHeight="1" x14ac:dyDescent="0.15">
      <c r="A33" s="8">
        <v>23</v>
      </c>
      <c r="B33" s="34">
        <v>4</v>
      </c>
      <c r="C33" s="13">
        <v>8</v>
      </c>
      <c r="D33" s="12">
        <v>12</v>
      </c>
    </row>
    <row r="34" spans="1:4" ht="18" customHeight="1" x14ac:dyDescent="0.15">
      <c r="A34" s="8">
        <v>24</v>
      </c>
      <c r="B34" s="34">
        <v>5</v>
      </c>
      <c r="C34" s="13">
        <v>4</v>
      </c>
      <c r="D34" s="12">
        <v>9</v>
      </c>
    </row>
    <row r="35" spans="1:4" ht="18" customHeight="1" x14ac:dyDescent="0.15">
      <c r="A35" s="8" t="s">
        <v>74</v>
      </c>
      <c r="B35" s="34">
        <v>28</v>
      </c>
      <c r="C35" s="13">
        <v>34</v>
      </c>
      <c r="D35" s="12">
        <v>62</v>
      </c>
    </row>
    <row r="36" spans="1:4" ht="18" customHeight="1" x14ac:dyDescent="0.15">
      <c r="A36" s="8">
        <v>25</v>
      </c>
      <c r="B36" s="34">
        <v>8</v>
      </c>
      <c r="C36" s="13">
        <v>4</v>
      </c>
      <c r="D36" s="12">
        <v>12</v>
      </c>
    </row>
    <row r="37" spans="1:4" ht="18" customHeight="1" x14ac:dyDescent="0.15">
      <c r="A37" s="8">
        <v>26</v>
      </c>
      <c r="B37" s="34">
        <v>10</v>
      </c>
      <c r="C37" s="13">
        <v>8</v>
      </c>
      <c r="D37" s="12">
        <v>18</v>
      </c>
    </row>
    <row r="38" spans="1:4" ht="18" customHeight="1" x14ac:dyDescent="0.15">
      <c r="A38" s="8">
        <v>27</v>
      </c>
      <c r="B38" s="34">
        <v>9</v>
      </c>
      <c r="C38" s="13">
        <v>5</v>
      </c>
      <c r="D38" s="12">
        <v>14</v>
      </c>
    </row>
    <row r="39" spans="1:4" ht="18" customHeight="1" x14ac:dyDescent="0.15">
      <c r="A39" s="8">
        <v>28</v>
      </c>
      <c r="B39" s="34">
        <v>5</v>
      </c>
      <c r="C39" s="13">
        <v>6</v>
      </c>
      <c r="D39" s="12">
        <v>11</v>
      </c>
    </row>
    <row r="40" spans="1:4" ht="18" customHeight="1" x14ac:dyDescent="0.15">
      <c r="A40" s="8">
        <v>29</v>
      </c>
      <c r="B40" s="34">
        <v>12</v>
      </c>
      <c r="C40" s="13">
        <v>5</v>
      </c>
      <c r="D40" s="12">
        <v>17</v>
      </c>
    </row>
    <row r="41" spans="1:4" ht="18" customHeight="1" x14ac:dyDescent="0.15">
      <c r="A41" s="8" t="s">
        <v>73</v>
      </c>
      <c r="B41" s="34">
        <v>44</v>
      </c>
      <c r="C41" s="13">
        <v>28</v>
      </c>
      <c r="D41" s="12">
        <v>72</v>
      </c>
    </row>
    <row r="42" spans="1:4" ht="18" customHeight="1" x14ac:dyDescent="0.15">
      <c r="A42" s="8">
        <v>30</v>
      </c>
      <c r="B42" s="34">
        <v>4</v>
      </c>
      <c r="C42" s="13">
        <v>5</v>
      </c>
      <c r="D42" s="12">
        <v>9</v>
      </c>
    </row>
    <row r="43" spans="1:4" ht="18" customHeight="1" x14ac:dyDescent="0.15">
      <c r="A43" s="8">
        <v>31</v>
      </c>
      <c r="B43" s="34">
        <v>11</v>
      </c>
      <c r="C43" s="13">
        <v>6</v>
      </c>
      <c r="D43" s="12">
        <v>17</v>
      </c>
    </row>
    <row r="44" spans="1:4" ht="18" customHeight="1" x14ac:dyDescent="0.15">
      <c r="A44" s="8">
        <v>32</v>
      </c>
      <c r="B44" s="34">
        <v>10</v>
      </c>
      <c r="C44" s="13">
        <v>7</v>
      </c>
      <c r="D44" s="12">
        <v>17</v>
      </c>
    </row>
    <row r="45" spans="1:4" ht="18" customHeight="1" x14ac:dyDescent="0.15">
      <c r="A45" s="8">
        <v>33</v>
      </c>
      <c r="B45" s="34">
        <v>11</v>
      </c>
      <c r="C45" s="13">
        <v>3</v>
      </c>
      <c r="D45" s="12">
        <v>14</v>
      </c>
    </row>
    <row r="46" spans="1:4" ht="18" customHeight="1" x14ac:dyDescent="0.15">
      <c r="A46" s="8">
        <v>34</v>
      </c>
      <c r="B46" s="34">
        <v>7</v>
      </c>
      <c r="C46" s="13">
        <v>10</v>
      </c>
      <c r="D46" s="12">
        <v>17</v>
      </c>
    </row>
    <row r="47" spans="1:4" ht="18" customHeight="1" x14ac:dyDescent="0.15">
      <c r="A47" s="8" t="s">
        <v>61</v>
      </c>
      <c r="B47" s="34">
        <v>43</v>
      </c>
      <c r="C47" s="13">
        <v>31</v>
      </c>
      <c r="D47" s="12">
        <v>74</v>
      </c>
    </row>
    <row r="48" spans="1:4" ht="18" customHeight="1" x14ac:dyDescent="0.15">
      <c r="A48" s="8">
        <v>35</v>
      </c>
      <c r="B48" s="34">
        <v>6</v>
      </c>
      <c r="C48" s="13">
        <v>9</v>
      </c>
      <c r="D48" s="12">
        <v>15</v>
      </c>
    </row>
    <row r="49" spans="1:4" ht="18" customHeight="1" x14ac:dyDescent="0.15">
      <c r="A49" s="8">
        <v>36</v>
      </c>
      <c r="B49" s="34">
        <v>9</v>
      </c>
      <c r="C49" s="13">
        <v>10</v>
      </c>
      <c r="D49" s="12">
        <v>19</v>
      </c>
    </row>
    <row r="50" spans="1:4" ht="18" customHeight="1" x14ac:dyDescent="0.15">
      <c r="A50" s="8">
        <v>37</v>
      </c>
      <c r="B50" s="34">
        <v>7</v>
      </c>
      <c r="C50" s="13">
        <v>10</v>
      </c>
      <c r="D50" s="12">
        <v>17</v>
      </c>
    </row>
    <row r="51" spans="1:4" ht="18" customHeight="1" x14ac:dyDescent="0.15">
      <c r="A51" s="8">
        <v>38</v>
      </c>
      <c r="B51" s="34">
        <v>14</v>
      </c>
      <c r="C51" s="13">
        <v>7</v>
      </c>
      <c r="D51" s="12">
        <v>21</v>
      </c>
    </row>
    <row r="52" spans="1:4" ht="18" customHeight="1" x14ac:dyDescent="0.15">
      <c r="A52" s="8">
        <v>39</v>
      </c>
      <c r="B52" s="34">
        <v>8</v>
      </c>
      <c r="C52" s="13">
        <v>5</v>
      </c>
      <c r="D52" s="12">
        <v>13</v>
      </c>
    </row>
    <row r="53" spans="1:4" ht="18" customHeight="1" x14ac:dyDescent="0.15">
      <c r="A53" s="8" t="s">
        <v>72</v>
      </c>
      <c r="B53" s="34">
        <v>44</v>
      </c>
      <c r="C53" s="13">
        <v>41</v>
      </c>
      <c r="D53" s="12">
        <v>85</v>
      </c>
    </row>
    <row r="54" spans="1:4" ht="18" customHeight="1" x14ac:dyDescent="0.15">
      <c r="A54" s="8">
        <v>40</v>
      </c>
      <c r="B54" s="34">
        <v>5</v>
      </c>
      <c r="C54" s="13">
        <v>13</v>
      </c>
      <c r="D54" s="12">
        <v>18</v>
      </c>
    </row>
    <row r="55" spans="1:4" ht="18" customHeight="1" x14ac:dyDescent="0.15">
      <c r="A55" s="8">
        <v>41</v>
      </c>
      <c r="B55" s="34">
        <v>3</v>
      </c>
      <c r="C55" s="13">
        <v>7</v>
      </c>
      <c r="D55" s="12">
        <v>10</v>
      </c>
    </row>
    <row r="56" spans="1:4" ht="18" customHeight="1" x14ac:dyDescent="0.15">
      <c r="A56" s="8">
        <v>42</v>
      </c>
      <c r="B56" s="34">
        <v>8</v>
      </c>
      <c r="C56" s="13">
        <v>3</v>
      </c>
      <c r="D56" s="12">
        <v>11</v>
      </c>
    </row>
    <row r="57" spans="1:4" ht="18" customHeight="1" x14ac:dyDescent="0.15">
      <c r="A57" s="8">
        <v>43</v>
      </c>
      <c r="B57" s="34">
        <v>11</v>
      </c>
      <c r="C57" s="13">
        <v>6</v>
      </c>
      <c r="D57" s="12">
        <v>17</v>
      </c>
    </row>
    <row r="58" spans="1:4" ht="18" customHeight="1" x14ac:dyDescent="0.15">
      <c r="A58" s="8">
        <v>44</v>
      </c>
      <c r="B58" s="34">
        <v>11</v>
      </c>
      <c r="C58" s="13">
        <v>8</v>
      </c>
      <c r="D58" s="12">
        <v>19</v>
      </c>
    </row>
    <row r="59" spans="1:4" ht="18" customHeight="1" x14ac:dyDescent="0.15">
      <c r="A59" s="8" t="s">
        <v>46</v>
      </c>
      <c r="B59" s="34">
        <v>38</v>
      </c>
      <c r="C59" s="13">
        <v>37</v>
      </c>
      <c r="D59" s="12">
        <v>75</v>
      </c>
    </row>
    <row r="60" spans="1:4" ht="18" customHeight="1" x14ac:dyDescent="0.15">
      <c r="A60" s="8">
        <v>45</v>
      </c>
      <c r="B60" s="34">
        <v>9</v>
      </c>
      <c r="C60" s="13">
        <v>8</v>
      </c>
      <c r="D60" s="12">
        <v>17</v>
      </c>
    </row>
    <row r="61" spans="1:4" ht="18" customHeight="1" x14ac:dyDescent="0.15">
      <c r="A61" s="8">
        <v>46</v>
      </c>
      <c r="B61" s="34">
        <v>4</v>
      </c>
      <c r="C61" s="13">
        <v>4</v>
      </c>
      <c r="D61" s="12">
        <v>8</v>
      </c>
    </row>
    <row r="62" spans="1:4" ht="18" customHeight="1" x14ac:dyDescent="0.15">
      <c r="A62" s="8">
        <v>47</v>
      </c>
      <c r="B62" s="34">
        <v>6</v>
      </c>
      <c r="C62" s="13">
        <v>5</v>
      </c>
      <c r="D62" s="12">
        <v>11</v>
      </c>
    </row>
    <row r="63" spans="1:4" ht="18" customHeight="1" x14ac:dyDescent="0.15">
      <c r="A63" s="8">
        <v>48</v>
      </c>
      <c r="B63" s="34">
        <v>9</v>
      </c>
      <c r="C63" s="13">
        <v>11</v>
      </c>
      <c r="D63" s="12">
        <v>20</v>
      </c>
    </row>
    <row r="64" spans="1:4" ht="18" customHeight="1" x14ac:dyDescent="0.15">
      <c r="A64" s="8">
        <v>49</v>
      </c>
      <c r="B64" s="34">
        <v>11</v>
      </c>
      <c r="C64" s="13">
        <v>11</v>
      </c>
      <c r="D64" s="12">
        <v>22</v>
      </c>
    </row>
    <row r="65" spans="1:4" ht="18" customHeight="1" x14ac:dyDescent="0.15">
      <c r="A65" s="8" t="s">
        <v>45</v>
      </c>
      <c r="B65" s="34">
        <v>39</v>
      </c>
      <c r="C65" s="13">
        <v>39</v>
      </c>
      <c r="D65" s="12">
        <v>78</v>
      </c>
    </row>
    <row r="66" spans="1:4" ht="18" customHeight="1" x14ac:dyDescent="0.15">
      <c r="A66" s="8">
        <v>50</v>
      </c>
      <c r="B66" s="34">
        <v>7</v>
      </c>
      <c r="C66" s="13">
        <v>7</v>
      </c>
      <c r="D66" s="12">
        <v>14</v>
      </c>
    </row>
    <row r="67" spans="1:4" ht="18" customHeight="1" x14ac:dyDescent="0.15">
      <c r="A67" s="8">
        <v>51</v>
      </c>
      <c r="B67" s="34">
        <v>7</v>
      </c>
      <c r="C67" s="13">
        <v>8</v>
      </c>
      <c r="D67" s="12">
        <v>15</v>
      </c>
    </row>
    <row r="68" spans="1:4" ht="18" customHeight="1" x14ac:dyDescent="0.15">
      <c r="A68" s="8">
        <v>52</v>
      </c>
      <c r="B68" s="34">
        <v>6</v>
      </c>
      <c r="C68" s="13">
        <v>11</v>
      </c>
      <c r="D68" s="12">
        <v>17</v>
      </c>
    </row>
    <row r="69" spans="1:4" ht="18" customHeight="1" x14ac:dyDescent="0.15">
      <c r="A69" s="8">
        <v>53</v>
      </c>
      <c r="B69" s="34">
        <v>9</v>
      </c>
      <c r="C69" s="13">
        <v>5</v>
      </c>
      <c r="D69" s="12">
        <v>14</v>
      </c>
    </row>
    <row r="70" spans="1:4" ht="18" customHeight="1" x14ac:dyDescent="0.15">
      <c r="A70" s="8">
        <v>54</v>
      </c>
      <c r="B70" s="34">
        <v>8</v>
      </c>
      <c r="C70" s="13">
        <v>12</v>
      </c>
      <c r="D70" s="12">
        <v>20</v>
      </c>
    </row>
    <row r="71" spans="1:4" ht="18" customHeight="1" x14ac:dyDescent="0.15">
      <c r="A71" s="8" t="s">
        <v>58</v>
      </c>
      <c r="B71" s="34">
        <v>37</v>
      </c>
      <c r="C71" s="13">
        <v>43</v>
      </c>
      <c r="D71" s="12">
        <v>80</v>
      </c>
    </row>
    <row r="72" spans="1:4" ht="18" customHeight="1" x14ac:dyDescent="0.15">
      <c r="A72" s="8">
        <v>55</v>
      </c>
      <c r="B72" s="34">
        <v>10</v>
      </c>
      <c r="C72" s="13">
        <v>8</v>
      </c>
      <c r="D72" s="12">
        <v>18</v>
      </c>
    </row>
    <row r="73" spans="1:4" ht="18" customHeight="1" x14ac:dyDescent="0.15">
      <c r="A73" s="8">
        <v>56</v>
      </c>
      <c r="B73" s="34">
        <v>10</v>
      </c>
      <c r="C73" s="13">
        <v>7</v>
      </c>
      <c r="D73" s="12">
        <v>17</v>
      </c>
    </row>
    <row r="74" spans="1:4" ht="18" customHeight="1" x14ac:dyDescent="0.15">
      <c r="A74" s="8">
        <v>57</v>
      </c>
      <c r="B74" s="34">
        <v>9</v>
      </c>
      <c r="C74" s="13">
        <v>14</v>
      </c>
      <c r="D74" s="12">
        <v>23</v>
      </c>
    </row>
    <row r="75" spans="1:4" ht="18" customHeight="1" x14ac:dyDescent="0.15">
      <c r="A75" s="8">
        <v>58</v>
      </c>
      <c r="B75" s="34">
        <v>11</v>
      </c>
      <c r="C75" s="13">
        <v>8</v>
      </c>
      <c r="D75" s="12">
        <v>19</v>
      </c>
    </row>
    <row r="76" spans="1:4" ht="18" customHeight="1" x14ac:dyDescent="0.15">
      <c r="A76" s="8">
        <v>59</v>
      </c>
      <c r="B76" s="34">
        <v>10</v>
      </c>
      <c r="C76" s="13">
        <v>12</v>
      </c>
      <c r="D76" s="12">
        <v>22</v>
      </c>
    </row>
    <row r="77" spans="1:4" ht="18" customHeight="1" x14ac:dyDescent="0.15">
      <c r="A77" s="8" t="s">
        <v>71</v>
      </c>
      <c r="B77" s="34">
        <v>50</v>
      </c>
      <c r="C77" s="13">
        <v>49</v>
      </c>
      <c r="D77" s="12">
        <v>99</v>
      </c>
    </row>
    <row r="78" spans="1:4" ht="18" customHeight="1" x14ac:dyDescent="0.15">
      <c r="A78" s="8">
        <v>60</v>
      </c>
      <c r="B78" s="34">
        <v>10</v>
      </c>
      <c r="C78" s="13">
        <v>13</v>
      </c>
      <c r="D78" s="12">
        <v>23</v>
      </c>
    </row>
    <row r="79" spans="1:4" ht="18" customHeight="1" x14ac:dyDescent="0.15">
      <c r="A79" s="8">
        <v>61</v>
      </c>
      <c r="B79" s="34">
        <v>2</v>
      </c>
      <c r="C79" s="13">
        <v>12</v>
      </c>
      <c r="D79" s="12">
        <v>14</v>
      </c>
    </row>
    <row r="80" spans="1:4" ht="18" customHeight="1" x14ac:dyDescent="0.15">
      <c r="A80" s="8">
        <v>62</v>
      </c>
      <c r="B80" s="34">
        <v>9</v>
      </c>
      <c r="C80" s="13">
        <v>15</v>
      </c>
      <c r="D80" s="12">
        <v>24</v>
      </c>
    </row>
    <row r="81" spans="1:4" ht="18" customHeight="1" x14ac:dyDescent="0.15">
      <c r="A81" s="8">
        <v>63</v>
      </c>
      <c r="B81" s="34">
        <v>15</v>
      </c>
      <c r="C81" s="13">
        <v>7</v>
      </c>
      <c r="D81" s="12">
        <v>22</v>
      </c>
    </row>
    <row r="82" spans="1:4" ht="18" customHeight="1" x14ac:dyDescent="0.15">
      <c r="A82" s="8">
        <v>64</v>
      </c>
      <c r="B82" s="34">
        <v>12</v>
      </c>
      <c r="C82" s="13">
        <v>15</v>
      </c>
      <c r="D82" s="12">
        <v>27</v>
      </c>
    </row>
    <row r="83" spans="1:4" ht="18" customHeight="1" x14ac:dyDescent="0.15">
      <c r="A83" s="8" t="s">
        <v>44</v>
      </c>
      <c r="B83" s="34">
        <v>48</v>
      </c>
      <c r="C83" s="13">
        <v>62</v>
      </c>
      <c r="D83" s="12">
        <v>110</v>
      </c>
    </row>
    <row r="84" spans="1:4" ht="18" customHeight="1" x14ac:dyDescent="0.15">
      <c r="A84" s="8" t="s">
        <v>43</v>
      </c>
      <c r="B84" s="34">
        <v>386</v>
      </c>
      <c r="C84" s="13">
        <v>384</v>
      </c>
      <c r="D84" s="12">
        <v>770</v>
      </c>
    </row>
    <row r="85" spans="1:4" ht="18" customHeight="1" x14ac:dyDescent="0.15">
      <c r="A85" s="8">
        <v>65</v>
      </c>
      <c r="B85" s="34">
        <v>8</v>
      </c>
      <c r="C85" s="13">
        <v>7</v>
      </c>
      <c r="D85" s="12">
        <v>15</v>
      </c>
    </row>
    <row r="86" spans="1:4" ht="18" customHeight="1" x14ac:dyDescent="0.15">
      <c r="A86" s="8">
        <v>66</v>
      </c>
      <c r="B86" s="34">
        <v>11</v>
      </c>
      <c r="C86" s="13">
        <v>8</v>
      </c>
      <c r="D86" s="12">
        <v>19</v>
      </c>
    </row>
    <row r="87" spans="1:4" ht="18" customHeight="1" x14ac:dyDescent="0.15">
      <c r="A87" s="8">
        <v>67</v>
      </c>
      <c r="B87" s="34">
        <v>10</v>
      </c>
      <c r="C87" s="13">
        <v>12</v>
      </c>
      <c r="D87" s="12">
        <v>22</v>
      </c>
    </row>
    <row r="88" spans="1:4" ht="18" customHeight="1" x14ac:dyDescent="0.15">
      <c r="A88" s="8">
        <v>68</v>
      </c>
      <c r="B88" s="34">
        <v>9</v>
      </c>
      <c r="C88" s="13">
        <v>13</v>
      </c>
      <c r="D88" s="12">
        <v>22</v>
      </c>
    </row>
    <row r="89" spans="1:4" ht="18" customHeight="1" x14ac:dyDescent="0.15">
      <c r="A89" s="8">
        <v>69</v>
      </c>
      <c r="B89" s="34">
        <v>15</v>
      </c>
      <c r="C89" s="13">
        <v>6</v>
      </c>
      <c r="D89" s="12">
        <v>21</v>
      </c>
    </row>
    <row r="90" spans="1:4" ht="18" customHeight="1" x14ac:dyDescent="0.15">
      <c r="A90" s="8" t="s">
        <v>42</v>
      </c>
      <c r="B90" s="34">
        <v>53</v>
      </c>
      <c r="C90" s="13">
        <v>46</v>
      </c>
      <c r="D90" s="12">
        <v>99</v>
      </c>
    </row>
    <row r="91" spans="1:4" ht="18" customHeight="1" x14ac:dyDescent="0.15">
      <c r="A91" s="8">
        <v>70</v>
      </c>
      <c r="B91" s="34">
        <v>9</v>
      </c>
      <c r="C91" s="13">
        <v>12</v>
      </c>
      <c r="D91" s="12">
        <v>21</v>
      </c>
    </row>
    <row r="92" spans="1:4" ht="18" customHeight="1" x14ac:dyDescent="0.15">
      <c r="A92" s="8">
        <v>71</v>
      </c>
      <c r="B92" s="34">
        <v>14</v>
      </c>
      <c r="C92" s="13">
        <v>12</v>
      </c>
      <c r="D92" s="12">
        <v>26</v>
      </c>
    </row>
    <row r="93" spans="1:4" ht="18" customHeight="1" x14ac:dyDescent="0.15">
      <c r="A93" s="8">
        <v>72</v>
      </c>
      <c r="B93" s="34">
        <v>8</v>
      </c>
      <c r="C93" s="13">
        <v>12</v>
      </c>
      <c r="D93" s="12">
        <v>20</v>
      </c>
    </row>
    <row r="94" spans="1:4" ht="18" customHeight="1" x14ac:dyDescent="0.15">
      <c r="A94" s="8">
        <v>73</v>
      </c>
      <c r="B94" s="34">
        <v>9</v>
      </c>
      <c r="C94" s="13">
        <v>13</v>
      </c>
      <c r="D94" s="12">
        <v>22</v>
      </c>
    </row>
    <row r="95" spans="1:4" ht="18" customHeight="1" x14ac:dyDescent="0.15">
      <c r="A95" s="8">
        <v>74</v>
      </c>
      <c r="B95" s="34">
        <v>12</v>
      </c>
      <c r="C95" s="13">
        <v>8</v>
      </c>
      <c r="D95" s="12">
        <v>20</v>
      </c>
    </row>
    <row r="96" spans="1:4" ht="18" customHeight="1" x14ac:dyDescent="0.15">
      <c r="A96" s="8" t="s">
        <v>41</v>
      </c>
      <c r="B96" s="34">
        <v>52</v>
      </c>
      <c r="C96" s="13">
        <v>57</v>
      </c>
      <c r="D96" s="12">
        <v>109</v>
      </c>
    </row>
    <row r="97" spans="1:4" ht="18" customHeight="1" x14ac:dyDescent="0.15">
      <c r="A97" s="8">
        <v>75</v>
      </c>
      <c r="B97" s="34">
        <v>13</v>
      </c>
      <c r="C97" s="13">
        <v>15</v>
      </c>
      <c r="D97" s="12">
        <v>28</v>
      </c>
    </row>
    <row r="98" spans="1:4" ht="18" customHeight="1" x14ac:dyDescent="0.15">
      <c r="A98" s="8">
        <v>76</v>
      </c>
      <c r="B98" s="34">
        <v>7</v>
      </c>
      <c r="C98" s="13">
        <v>8</v>
      </c>
      <c r="D98" s="12">
        <v>15</v>
      </c>
    </row>
    <row r="99" spans="1:4" ht="18" customHeight="1" x14ac:dyDescent="0.15">
      <c r="A99" s="8">
        <v>77</v>
      </c>
      <c r="B99" s="34">
        <v>5</v>
      </c>
      <c r="C99" s="13">
        <v>6</v>
      </c>
      <c r="D99" s="12">
        <v>11</v>
      </c>
    </row>
    <row r="100" spans="1:4" ht="18" customHeight="1" x14ac:dyDescent="0.15">
      <c r="A100" s="8">
        <v>78</v>
      </c>
      <c r="B100" s="34">
        <v>10</v>
      </c>
      <c r="C100" s="13">
        <v>9</v>
      </c>
      <c r="D100" s="12">
        <v>19</v>
      </c>
    </row>
    <row r="101" spans="1:4" ht="18" customHeight="1" x14ac:dyDescent="0.15">
      <c r="A101" s="8">
        <v>79</v>
      </c>
      <c r="B101" s="34">
        <v>4</v>
      </c>
      <c r="C101" s="13">
        <v>13</v>
      </c>
      <c r="D101" s="12">
        <v>17</v>
      </c>
    </row>
    <row r="102" spans="1:4" ht="18" customHeight="1" x14ac:dyDescent="0.15">
      <c r="A102" s="8" t="s">
        <v>70</v>
      </c>
      <c r="B102" s="34">
        <v>39</v>
      </c>
      <c r="C102" s="13">
        <v>51</v>
      </c>
      <c r="D102" s="12">
        <v>90</v>
      </c>
    </row>
    <row r="103" spans="1:4" ht="18" customHeight="1" x14ac:dyDescent="0.15">
      <c r="A103" s="8">
        <v>80</v>
      </c>
      <c r="B103" s="34">
        <v>9</v>
      </c>
      <c r="C103" s="13">
        <v>16</v>
      </c>
      <c r="D103" s="12">
        <v>25</v>
      </c>
    </row>
    <row r="104" spans="1:4" ht="18" customHeight="1" x14ac:dyDescent="0.15">
      <c r="A104" s="8">
        <v>81</v>
      </c>
      <c r="B104" s="34">
        <v>6</v>
      </c>
      <c r="C104" s="13">
        <v>6</v>
      </c>
      <c r="D104" s="12">
        <v>12</v>
      </c>
    </row>
    <row r="105" spans="1:4" ht="18" customHeight="1" x14ac:dyDescent="0.15">
      <c r="A105" s="8">
        <v>82</v>
      </c>
      <c r="B105" s="34">
        <v>6</v>
      </c>
      <c r="C105" s="13">
        <v>11</v>
      </c>
      <c r="D105" s="12">
        <v>17</v>
      </c>
    </row>
    <row r="106" spans="1:4" ht="18" customHeight="1" x14ac:dyDescent="0.15">
      <c r="A106" s="8">
        <v>83</v>
      </c>
      <c r="B106" s="34">
        <v>7</v>
      </c>
      <c r="C106" s="13">
        <v>8</v>
      </c>
      <c r="D106" s="12">
        <v>15</v>
      </c>
    </row>
    <row r="107" spans="1:4" ht="18" customHeight="1" x14ac:dyDescent="0.15">
      <c r="A107" s="8">
        <v>84</v>
      </c>
      <c r="B107" s="34">
        <v>1</v>
      </c>
      <c r="C107" s="13">
        <v>3</v>
      </c>
      <c r="D107" s="12">
        <v>4</v>
      </c>
    </row>
    <row r="108" spans="1:4" ht="18" customHeight="1" x14ac:dyDescent="0.15">
      <c r="A108" s="8" t="s">
        <v>39</v>
      </c>
      <c r="B108" s="34">
        <v>29</v>
      </c>
      <c r="C108" s="13">
        <v>44</v>
      </c>
      <c r="D108" s="12">
        <v>73</v>
      </c>
    </row>
    <row r="109" spans="1:4" ht="18" customHeight="1" x14ac:dyDescent="0.15">
      <c r="A109" s="8">
        <v>85</v>
      </c>
      <c r="B109" s="34">
        <v>4</v>
      </c>
      <c r="C109" s="13">
        <v>8</v>
      </c>
      <c r="D109" s="12">
        <v>12</v>
      </c>
    </row>
    <row r="110" spans="1:4" ht="18" customHeight="1" x14ac:dyDescent="0.15">
      <c r="A110" s="8">
        <v>86</v>
      </c>
      <c r="B110" s="34">
        <v>6</v>
      </c>
      <c r="C110" s="13">
        <v>9</v>
      </c>
      <c r="D110" s="12">
        <v>15</v>
      </c>
    </row>
    <row r="111" spans="1:4" ht="18" customHeight="1" x14ac:dyDescent="0.15">
      <c r="A111" s="8">
        <v>87</v>
      </c>
      <c r="B111" s="34">
        <v>12</v>
      </c>
      <c r="C111" s="13">
        <v>6</v>
      </c>
      <c r="D111" s="12">
        <v>18</v>
      </c>
    </row>
    <row r="112" spans="1:4" ht="18" customHeight="1" x14ac:dyDescent="0.15">
      <c r="A112" s="8">
        <v>88</v>
      </c>
      <c r="B112" s="34">
        <v>3</v>
      </c>
      <c r="C112" s="13">
        <v>6</v>
      </c>
      <c r="D112" s="12">
        <v>9</v>
      </c>
    </row>
    <row r="113" spans="1:4" ht="18" customHeight="1" x14ac:dyDescent="0.15">
      <c r="A113" s="8">
        <v>89</v>
      </c>
      <c r="B113" s="34">
        <v>2</v>
      </c>
      <c r="C113" s="13">
        <v>12</v>
      </c>
      <c r="D113" s="12">
        <v>14</v>
      </c>
    </row>
    <row r="114" spans="1:4" ht="18" customHeight="1" x14ac:dyDescent="0.15">
      <c r="A114" s="8" t="s">
        <v>38</v>
      </c>
      <c r="B114" s="34">
        <v>27</v>
      </c>
      <c r="C114" s="13">
        <v>41</v>
      </c>
      <c r="D114" s="12">
        <v>68</v>
      </c>
    </row>
    <row r="115" spans="1:4" ht="18" customHeight="1" x14ac:dyDescent="0.15">
      <c r="A115" s="8">
        <v>90</v>
      </c>
      <c r="B115" s="34">
        <v>3</v>
      </c>
      <c r="C115" s="13">
        <v>4</v>
      </c>
      <c r="D115" s="12">
        <v>7</v>
      </c>
    </row>
    <row r="116" spans="1:4" ht="18" customHeight="1" x14ac:dyDescent="0.15">
      <c r="A116" s="8">
        <v>91</v>
      </c>
      <c r="B116" s="34">
        <v>4</v>
      </c>
      <c r="C116" s="13">
        <v>7</v>
      </c>
      <c r="D116" s="12">
        <v>11</v>
      </c>
    </row>
    <row r="117" spans="1:4" ht="18" customHeight="1" x14ac:dyDescent="0.15">
      <c r="A117" s="8">
        <v>92</v>
      </c>
      <c r="B117" s="34">
        <v>0</v>
      </c>
      <c r="C117" s="13">
        <v>5</v>
      </c>
      <c r="D117" s="12">
        <v>5</v>
      </c>
    </row>
    <row r="118" spans="1:4" ht="18" customHeight="1" x14ac:dyDescent="0.15">
      <c r="A118" s="8">
        <v>93</v>
      </c>
      <c r="B118" s="34">
        <v>1</v>
      </c>
      <c r="C118" s="13">
        <v>5</v>
      </c>
      <c r="D118" s="12">
        <v>6</v>
      </c>
    </row>
    <row r="119" spans="1:4" ht="18" customHeight="1" x14ac:dyDescent="0.15">
      <c r="A119" s="8">
        <v>94</v>
      </c>
      <c r="B119" s="34">
        <v>2</v>
      </c>
      <c r="C119" s="13">
        <v>3</v>
      </c>
      <c r="D119" s="12">
        <v>5</v>
      </c>
    </row>
    <row r="120" spans="1:4" ht="18" customHeight="1" x14ac:dyDescent="0.15">
      <c r="A120" s="8" t="s">
        <v>69</v>
      </c>
      <c r="B120" s="34">
        <v>10</v>
      </c>
      <c r="C120" s="13">
        <v>24</v>
      </c>
      <c r="D120" s="12">
        <v>34</v>
      </c>
    </row>
    <row r="121" spans="1:4" ht="18" customHeight="1" x14ac:dyDescent="0.15">
      <c r="A121" s="8">
        <v>95</v>
      </c>
      <c r="B121" s="34">
        <v>0</v>
      </c>
      <c r="C121" s="13">
        <v>0</v>
      </c>
      <c r="D121" s="12">
        <v>0</v>
      </c>
    </row>
    <row r="122" spans="1:4" ht="18" customHeight="1" x14ac:dyDescent="0.15">
      <c r="A122" s="8">
        <v>96</v>
      </c>
      <c r="B122" s="34">
        <v>2</v>
      </c>
      <c r="C122" s="13">
        <v>3</v>
      </c>
      <c r="D122" s="12">
        <v>5</v>
      </c>
    </row>
    <row r="123" spans="1:4" ht="18" customHeight="1" x14ac:dyDescent="0.15">
      <c r="A123" s="8">
        <v>97</v>
      </c>
      <c r="B123" s="34">
        <v>0</v>
      </c>
      <c r="C123" s="13">
        <v>1</v>
      </c>
      <c r="D123" s="12">
        <v>1</v>
      </c>
    </row>
    <row r="124" spans="1:4" ht="18" customHeight="1" x14ac:dyDescent="0.15">
      <c r="A124" s="8">
        <v>98</v>
      </c>
      <c r="B124" s="34">
        <v>1</v>
      </c>
      <c r="C124" s="13">
        <v>0</v>
      </c>
      <c r="D124" s="12">
        <v>1</v>
      </c>
    </row>
    <row r="125" spans="1:4" ht="18" customHeight="1" x14ac:dyDescent="0.15">
      <c r="A125" s="8">
        <v>99</v>
      </c>
      <c r="B125" s="34">
        <v>0</v>
      </c>
      <c r="C125" s="13">
        <v>3</v>
      </c>
      <c r="D125" s="12">
        <v>3</v>
      </c>
    </row>
    <row r="126" spans="1:4" ht="18" customHeight="1" x14ac:dyDescent="0.15">
      <c r="A126" s="8" t="s">
        <v>68</v>
      </c>
      <c r="B126" s="34">
        <v>3</v>
      </c>
      <c r="C126" s="13">
        <v>7</v>
      </c>
      <c r="D126" s="12">
        <v>10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2</v>
      </c>
      <c r="D128" s="12">
        <v>2</v>
      </c>
    </row>
    <row r="129" spans="1:4" ht="18" customHeight="1" x14ac:dyDescent="0.15">
      <c r="A129" s="8" t="s">
        <v>36</v>
      </c>
      <c r="B129" s="34">
        <v>0</v>
      </c>
      <c r="C129" s="13">
        <v>3</v>
      </c>
      <c r="D129" s="12">
        <v>3</v>
      </c>
    </row>
    <row r="130" spans="1:4" ht="18" customHeight="1" x14ac:dyDescent="0.15">
      <c r="A130" s="8" t="s">
        <v>35</v>
      </c>
      <c r="B130" s="28">
        <v>213</v>
      </c>
      <c r="C130" s="6">
        <v>273</v>
      </c>
      <c r="D130" s="5">
        <v>486</v>
      </c>
    </row>
    <row r="131" spans="1:4" ht="18" customHeight="1" x14ac:dyDescent="0.15">
      <c r="A131" s="4" t="s">
        <v>0</v>
      </c>
      <c r="B131" s="27">
        <v>675</v>
      </c>
      <c r="C131" s="2">
        <v>731</v>
      </c>
      <c r="D131" s="1">
        <v>140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5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7</v>
      </c>
      <c r="C5" s="44">
        <v>5</v>
      </c>
      <c r="D5" s="43">
        <v>12</v>
      </c>
    </row>
    <row r="6" spans="1:4" ht="18" customHeight="1" x14ac:dyDescent="0.15">
      <c r="A6" s="8">
        <v>1</v>
      </c>
      <c r="B6" s="39">
        <v>4</v>
      </c>
      <c r="C6" s="13">
        <v>13</v>
      </c>
      <c r="D6" s="12">
        <v>17</v>
      </c>
    </row>
    <row r="7" spans="1:4" ht="18" customHeight="1" x14ac:dyDescent="0.15">
      <c r="A7" s="8">
        <v>2</v>
      </c>
      <c r="B7" s="39">
        <v>8</v>
      </c>
      <c r="C7" s="13">
        <v>10</v>
      </c>
      <c r="D7" s="12">
        <v>18</v>
      </c>
    </row>
    <row r="8" spans="1:4" ht="18" customHeight="1" x14ac:dyDescent="0.15">
      <c r="A8" s="8">
        <v>3</v>
      </c>
      <c r="B8" s="39">
        <v>12</v>
      </c>
      <c r="C8" s="13">
        <v>14</v>
      </c>
      <c r="D8" s="12">
        <v>26</v>
      </c>
    </row>
    <row r="9" spans="1:4" ht="18" customHeight="1" x14ac:dyDescent="0.15">
      <c r="A9" s="8">
        <v>4</v>
      </c>
      <c r="B9" s="42">
        <v>12</v>
      </c>
      <c r="C9" s="41">
        <v>12</v>
      </c>
      <c r="D9" s="40">
        <v>24</v>
      </c>
    </row>
    <row r="10" spans="1:4" ht="18" customHeight="1" x14ac:dyDescent="0.15">
      <c r="A10" s="8" t="s">
        <v>76</v>
      </c>
      <c r="B10" s="34">
        <v>43</v>
      </c>
      <c r="C10" s="13">
        <v>54</v>
      </c>
      <c r="D10" s="12">
        <v>97</v>
      </c>
    </row>
    <row r="11" spans="1:4" ht="18" customHeight="1" x14ac:dyDescent="0.15">
      <c r="A11" s="8">
        <v>5</v>
      </c>
      <c r="B11" s="39">
        <v>14</v>
      </c>
      <c r="C11" s="13">
        <v>14</v>
      </c>
      <c r="D11" s="12">
        <v>28</v>
      </c>
    </row>
    <row r="12" spans="1:4" ht="18" customHeight="1" x14ac:dyDescent="0.15">
      <c r="A12" s="8">
        <v>6</v>
      </c>
      <c r="B12" s="39">
        <v>12</v>
      </c>
      <c r="C12" s="13">
        <v>16</v>
      </c>
      <c r="D12" s="12">
        <v>28</v>
      </c>
    </row>
    <row r="13" spans="1:4" ht="18" customHeight="1" x14ac:dyDescent="0.15">
      <c r="A13" s="8">
        <v>7</v>
      </c>
      <c r="B13" s="39">
        <v>17</v>
      </c>
      <c r="C13" s="13">
        <v>10</v>
      </c>
      <c r="D13" s="12">
        <v>27</v>
      </c>
    </row>
    <row r="14" spans="1:4" ht="18" customHeight="1" x14ac:dyDescent="0.15">
      <c r="A14" s="8">
        <v>8</v>
      </c>
      <c r="B14" s="39">
        <v>13</v>
      </c>
      <c r="C14" s="13">
        <v>9</v>
      </c>
      <c r="D14" s="12">
        <v>22</v>
      </c>
    </row>
    <row r="15" spans="1:4" ht="18" customHeight="1" x14ac:dyDescent="0.15">
      <c r="A15" s="8">
        <v>9</v>
      </c>
      <c r="B15" s="39">
        <v>11</v>
      </c>
      <c r="C15" s="13">
        <v>13</v>
      </c>
      <c r="D15" s="12">
        <v>24</v>
      </c>
    </row>
    <row r="16" spans="1:4" ht="18" customHeight="1" x14ac:dyDescent="0.15">
      <c r="A16" s="8" t="s">
        <v>352</v>
      </c>
      <c r="B16" s="34">
        <v>67</v>
      </c>
      <c r="C16" s="13">
        <v>62</v>
      </c>
      <c r="D16" s="12">
        <v>129</v>
      </c>
    </row>
    <row r="17" spans="1:4" ht="18" customHeight="1" x14ac:dyDescent="0.15">
      <c r="A17" s="8">
        <v>10</v>
      </c>
      <c r="B17" s="34">
        <v>14</v>
      </c>
      <c r="C17" s="13">
        <v>11</v>
      </c>
      <c r="D17" s="12">
        <v>25</v>
      </c>
    </row>
    <row r="18" spans="1:4" ht="18" customHeight="1" x14ac:dyDescent="0.15">
      <c r="A18" s="8">
        <v>11</v>
      </c>
      <c r="B18" s="34">
        <v>11</v>
      </c>
      <c r="C18" s="13">
        <v>11</v>
      </c>
      <c r="D18" s="12">
        <v>22</v>
      </c>
    </row>
    <row r="19" spans="1:4" ht="18" customHeight="1" x14ac:dyDescent="0.15">
      <c r="A19" s="8">
        <v>12</v>
      </c>
      <c r="B19" s="34">
        <v>8</v>
      </c>
      <c r="C19" s="13">
        <v>9</v>
      </c>
      <c r="D19" s="12">
        <v>17</v>
      </c>
    </row>
    <row r="20" spans="1:4" ht="18" customHeight="1" x14ac:dyDescent="0.15">
      <c r="A20" s="8">
        <v>13</v>
      </c>
      <c r="B20" s="34">
        <v>9</v>
      </c>
      <c r="C20" s="13">
        <v>9</v>
      </c>
      <c r="D20" s="12">
        <v>18</v>
      </c>
    </row>
    <row r="21" spans="1:4" ht="18" customHeight="1" x14ac:dyDescent="0.15">
      <c r="A21" s="8">
        <v>14</v>
      </c>
      <c r="B21" s="34">
        <v>1</v>
      </c>
      <c r="C21" s="13">
        <v>5</v>
      </c>
      <c r="D21" s="12">
        <v>6</v>
      </c>
    </row>
    <row r="22" spans="1:4" ht="18" customHeight="1" x14ac:dyDescent="0.15">
      <c r="A22" s="8" t="s">
        <v>331</v>
      </c>
      <c r="B22" s="34">
        <v>43</v>
      </c>
      <c r="C22" s="13">
        <v>45</v>
      </c>
      <c r="D22" s="12">
        <v>88</v>
      </c>
    </row>
    <row r="23" spans="1:4" ht="18" customHeight="1" x14ac:dyDescent="0.15">
      <c r="A23" s="8" t="s">
        <v>150</v>
      </c>
      <c r="B23" s="34">
        <v>153</v>
      </c>
      <c r="C23" s="13">
        <v>161</v>
      </c>
      <c r="D23" s="12">
        <v>314</v>
      </c>
    </row>
    <row r="24" spans="1:4" ht="18" customHeight="1" x14ac:dyDescent="0.15">
      <c r="A24" s="8">
        <v>15</v>
      </c>
      <c r="B24" s="34">
        <v>12</v>
      </c>
      <c r="C24" s="13">
        <v>4</v>
      </c>
      <c r="D24" s="12">
        <v>16</v>
      </c>
    </row>
    <row r="25" spans="1:4" ht="18" customHeight="1" x14ac:dyDescent="0.15">
      <c r="A25" s="8">
        <v>16</v>
      </c>
      <c r="B25" s="34">
        <v>9</v>
      </c>
      <c r="C25" s="13">
        <v>6</v>
      </c>
      <c r="D25" s="12">
        <v>15</v>
      </c>
    </row>
    <row r="26" spans="1:4" ht="18" customHeight="1" x14ac:dyDescent="0.15">
      <c r="A26" s="8">
        <v>17</v>
      </c>
      <c r="B26" s="34">
        <v>4</v>
      </c>
      <c r="C26" s="13">
        <v>8</v>
      </c>
      <c r="D26" s="12">
        <v>12</v>
      </c>
    </row>
    <row r="27" spans="1:4" ht="18" customHeight="1" x14ac:dyDescent="0.15">
      <c r="A27" s="8">
        <v>18</v>
      </c>
      <c r="B27" s="34">
        <v>7</v>
      </c>
      <c r="C27" s="13">
        <v>7</v>
      </c>
      <c r="D27" s="12">
        <v>14</v>
      </c>
    </row>
    <row r="28" spans="1:4" ht="18" customHeight="1" x14ac:dyDescent="0.15">
      <c r="A28" s="8">
        <v>19</v>
      </c>
      <c r="B28" s="34">
        <v>2</v>
      </c>
      <c r="C28" s="13">
        <v>9</v>
      </c>
      <c r="D28" s="12">
        <v>11</v>
      </c>
    </row>
    <row r="29" spans="1:4" ht="18" customHeight="1" x14ac:dyDescent="0.15">
      <c r="A29" s="8" t="s">
        <v>48</v>
      </c>
      <c r="B29" s="34">
        <v>34</v>
      </c>
      <c r="C29" s="13">
        <v>34</v>
      </c>
      <c r="D29" s="12">
        <v>68</v>
      </c>
    </row>
    <row r="30" spans="1:4" ht="18" customHeight="1" x14ac:dyDescent="0.15">
      <c r="A30" s="8">
        <v>20</v>
      </c>
      <c r="B30" s="34">
        <v>13</v>
      </c>
      <c r="C30" s="13">
        <v>10</v>
      </c>
      <c r="D30" s="12">
        <v>23</v>
      </c>
    </row>
    <row r="31" spans="1:4" ht="18" customHeight="1" x14ac:dyDescent="0.15">
      <c r="A31" s="8">
        <v>21</v>
      </c>
      <c r="B31" s="34">
        <v>11</v>
      </c>
      <c r="C31" s="13">
        <v>5</v>
      </c>
      <c r="D31" s="12">
        <v>16</v>
      </c>
    </row>
    <row r="32" spans="1:4" ht="18" customHeight="1" x14ac:dyDescent="0.15">
      <c r="A32" s="8">
        <v>22</v>
      </c>
      <c r="B32" s="34">
        <v>9</v>
      </c>
      <c r="C32" s="13">
        <v>7</v>
      </c>
      <c r="D32" s="12">
        <v>16</v>
      </c>
    </row>
    <row r="33" spans="1:4" ht="18" customHeight="1" x14ac:dyDescent="0.15">
      <c r="A33" s="8">
        <v>23</v>
      </c>
      <c r="B33" s="34">
        <v>10</v>
      </c>
      <c r="C33" s="13">
        <v>9</v>
      </c>
      <c r="D33" s="12">
        <v>19</v>
      </c>
    </row>
    <row r="34" spans="1:4" ht="18" customHeight="1" x14ac:dyDescent="0.15">
      <c r="A34" s="8">
        <v>24</v>
      </c>
      <c r="B34" s="34">
        <v>3</v>
      </c>
      <c r="C34" s="13">
        <v>8</v>
      </c>
      <c r="D34" s="12">
        <v>11</v>
      </c>
    </row>
    <row r="35" spans="1:4" ht="18" customHeight="1" x14ac:dyDescent="0.15">
      <c r="A35" s="8" t="s">
        <v>47</v>
      </c>
      <c r="B35" s="34">
        <v>46</v>
      </c>
      <c r="C35" s="13">
        <v>39</v>
      </c>
      <c r="D35" s="12">
        <v>85</v>
      </c>
    </row>
    <row r="36" spans="1:4" ht="18" customHeight="1" x14ac:dyDescent="0.15">
      <c r="A36" s="8">
        <v>25</v>
      </c>
      <c r="B36" s="34">
        <v>10</v>
      </c>
      <c r="C36" s="13">
        <v>11</v>
      </c>
      <c r="D36" s="12">
        <v>21</v>
      </c>
    </row>
    <row r="37" spans="1:4" ht="18" customHeight="1" x14ac:dyDescent="0.15">
      <c r="A37" s="8">
        <v>26</v>
      </c>
      <c r="B37" s="34">
        <v>4</v>
      </c>
      <c r="C37" s="13">
        <v>6</v>
      </c>
      <c r="D37" s="12">
        <v>10</v>
      </c>
    </row>
    <row r="38" spans="1:4" ht="18" customHeight="1" x14ac:dyDescent="0.15">
      <c r="A38" s="8">
        <v>27</v>
      </c>
      <c r="B38" s="34">
        <v>10</v>
      </c>
      <c r="C38" s="13">
        <v>5</v>
      </c>
      <c r="D38" s="12">
        <v>15</v>
      </c>
    </row>
    <row r="39" spans="1:4" ht="18" customHeight="1" x14ac:dyDescent="0.15">
      <c r="A39" s="8">
        <v>28</v>
      </c>
      <c r="B39" s="34">
        <v>11</v>
      </c>
      <c r="C39" s="13">
        <v>10</v>
      </c>
      <c r="D39" s="12">
        <v>21</v>
      </c>
    </row>
    <row r="40" spans="1:4" ht="18" customHeight="1" x14ac:dyDescent="0.15">
      <c r="A40" s="8">
        <v>29</v>
      </c>
      <c r="B40" s="34">
        <v>11</v>
      </c>
      <c r="C40" s="13">
        <v>11</v>
      </c>
      <c r="D40" s="12">
        <v>22</v>
      </c>
    </row>
    <row r="41" spans="1:4" ht="18" customHeight="1" x14ac:dyDescent="0.15">
      <c r="A41" s="8" t="s">
        <v>73</v>
      </c>
      <c r="B41" s="34">
        <v>46</v>
      </c>
      <c r="C41" s="13">
        <v>43</v>
      </c>
      <c r="D41" s="12">
        <v>89</v>
      </c>
    </row>
    <row r="42" spans="1:4" ht="18" customHeight="1" x14ac:dyDescent="0.15">
      <c r="A42" s="8">
        <v>30</v>
      </c>
      <c r="B42" s="34">
        <v>8</v>
      </c>
      <c r="C42" s="13">
        <v>7</v>
      </c>
      <c r="D42" s="12">
        <v>15</v>
      </c>
    </row>
    <row r="43" spans="1:4" ht="18" customHeight="1" x14ac:dyDescent="0.15">
      <c r="A43" s="8">
        <v>31</v>
      </c>
      <c r="B43" s="34">
        <v>9</v>
      </c>
      <c r="C43" s="13">
        <v>12</v>
      </c>
      <c r="D43" s="12">
        <v>21</v>
      </c>
    </row>
    <row r="44" spans="1:4" ht="18" customHeight="1" x14ac:dyDescent="0.15">
      <c r="A44" s="8">
        <v>32</v>
      </c>
      <c r="B44" s="34">
        <v>13</v>
      </c>
      <c r="C44" s="13">
        <v>9</v>
      </c>
      <c r="D44" s="12">
        <v>22</v>
      </c>
    </row>
    <row r="45" spans="1:4" ht="18" customHeight="1" x14ac:dyDescent="0.15">
      <c r="A45" s="8">
        <v>33</v>
      </c>
      <c r="B45" s="34">
        <v>15</v>
      </c>
      <c r="C45" s="13">
        <v>10</v>
      </c>
      <c r="D45" s="12">
        <v>25</v>
      </c>
    </row>
    <row r="46" spans="1:4" ht="18" customHeight="1" x14ac:dyDescent="0.15">
      <c r="A46" s="8">
        <v>34</v>
      </c>
      <c r="B46" s="34">
        <v>20</v>
      </c>
      <c r="C46" s="13">
        <v>21</v>
      </c>
      <c r="D46" s="12">
        <v>41</v>
      </c>
    </row>
    <row r="47" spans="1:4" ht="18" customHeight="1" x14ac:dyDescent="0.15">
      <c r="A47" s="8" t="s">
        <v>112</v>
      </c>
      <c r="B47" s="34">
        <v>65</v>
      </c>
      <c r="C47" s="13">
        <v>59</v>
      </c>
      <c r="D47" s="12">
        <v>124</v>
      </c>
    </row>
    <row r="48" spans="1:4" ht="18" customHeight="1" x14ac:dyDescent="0.15">
      <c r="A48" s="8">
        <v>35</v>
      </c>
      <c r="B48" s="34">
        <v>10</v>
      </c>
      <c r="C48" s="13">
        <v>12</v>
      </c>
      <c r="D48" s="12">
        <v>22</v>
      </c>
    </row>
    <row r="49" spans="1:4" ht="18" customHeight="1" x14ac:dyDescent="0.15">
      <c r="A49" s="8">
        <v>36</v>
      </c>
      <c r="B49" s="34">
        <v>20</v>
      </c>
      <c r="C49" s="13">
        <v>18</v>
      </c>
      <c r="D49" s="12">
        <v>38</v>
      </c>
    </row>
    <row r="50" spans="1:4" ht="18" customHeight="1" x14ac:dyDescent="0.15">
      <c r="A50" s="8">
        <v>37</v>
      </c>
      <c r="B50" s="34">
        <v>10</v>
      </c>
      <c r="C50" s="13">
        <v>13</v>
      </c>
      <c r="D50" s="12">
        <v>23</v>
      </c>
    </row>
    <row r="51" spans="1:4" ht="18" customHeight="1" x14ac:dyDescent="0.15">
      <c r="A51" s="8">
        <v>38</v>
      </c>
      <c r="B51" s="34">
        <v>20</v>
      </c>
      <c r="C51" s="13">
        <v>11</v>
      </c>
      <c r="D51" s="12">
        <v>31</v>
      </c>
    </row>
    <row r="52" spans="1:4" ht="18" customHeight="1" x14ac:dyDescent="0.15">
      <c r="A52" s="8">
        <v>39</v>
      </c>
      <c r="B52" s="34">
        <v>12</v>
      </c>
      <c r="C52" s="13">
        <v>17</v>
      </c>
      <c r="D52" s="12">
        <v>29</v>
      </c>
    </row>
    <row r="53" spans="1:4" ht="18" customHeight="1" x14ac:dyDescent="0.15">
      <c r="A53" s="8" t="s">
        <v>72</v>
      </c>
      <c r="B53" s="34">
        <v>72</v>
      </c>
      <c r="C53" s="13">
        <v>71</v>
      </c>
      <c r="D53" s="12">
        <v>143</v>
      </c>
    </row>
    <row r="54" spans="1:4" ht="18" customHeight="1" x14ac:dyDescent="0.15">
      <c r="A54" s="8">
        <v>40</v>
      </c>
      <c r="B54" s="34">
        <v>12</v>
      </c>
      <c r="C54" s="13">
        <v>15</v>
      </c>
      <c r="D54" s="12">
        <v>27</v>
      </c>
    </row>
    <row r="55" spans="1:4" ht="18" customHeight="1" x14ac:dyDescent="0.15">
      <c r="A55" s="8">
        <v>41</v>
      </c>
      <c r="B55" s="34">
        <v>18</v>
      </c>
      <c r="C55" s="13">
        <v>11</v>
      </c>
      <c r="D55" s="12">
        <v>29</v>
      </c>
    </row>
    <row r="56" spans="1:4" ht="18" customHeight="1" x14ac:dyDescent="0.15">
      <c r="A56" s="8">
        <v>42</v>
      </c>
      <c r="B56" s="34">
        <v>17</v>
      </c>
      <c r="C56" s="13">
        <v>10</v>
      </c>
      <c r="D56" s="12">
        <v>27</v>
      </c>
    </row>
    <row r="57" spans="1:4" ht="18" customHeight="1" x14ac:dyDescent="0.15">
      <c r="A57" s="8">
        <v>43</v>
      </c>
      <c r="B57" s="34">
        <v>15</v>
      </c>
      <c r="C57" s="13">
        <v>9</v>
      </c>
      <c r="D57" s="12">
        <v>24</v>
      </c>
    </row>
    <row r="58" spans="1:4" ht="18" customHeight="1" x14ac:dyDescent="0.15">
      <c r="A58" s="8">
        <v>44</v>
      </c>
      <c r="B58" s="34">
        <v>16</v>
      </c>
      <c r="C58" s="13">
        <v>12</v>
      </c>
      <c r="D58" s="12">
        <v>28</v>
      </c>
    </row>
    <row r="59" spans="1:4" ht="18" customHeight="1" x14ac:dyDescent="0.15">
      <c r="A59" s="8" t="s">
        <v>351</v>
      </c>
      <c r="B59" s="34">
        <v>78</v>
      </c>
      <c r="C59" s="13">
        <v>57</v>
      </c>
      <c r="D59" s="12">
        <v>135</v>
      </c>
    </row>
    <row r="60" spans="1:4" ht="18" customHeight="1" x14ac:dyDescent="0.15">
      <c r="A60" s="8">
        <v>45</v>
      </c>
      <c r="B60" s="34">
        <v>14</v>
      </c>
      <c r="C60" s="13">
        <v>10</v>
      </c>
      <c r="D60" s="12">
        <v>24</v>
      </c>
    </row>
    <row r="61" spans="1:4" ht="18" customHeight="1" x14ac:dyDescent="0.15">
      <c r="A61" s="8">
        <v>46</v>
      </c>
      <c r="B61" s="34">
        <v>19</v>
      </c>
      <c r="C61" s="13">
        <v>12</v>
      </c>
      <c r="D61" s="12">
        <v>31</v>
      </c>
    </row>
    <row r="62" spans="1:4" ht="18" customHeight="1" x14ac:dyDescent="0.15">
      <c r="A62" s="8">
        <v>47</v>
      </c>
      <c r="B62" s="34">
        <v>10</v>
      </c>
      <c r="C62" s="13">
        <v>13</v>
      </c>
      <c r="D62" s="12">
        <v>23</v>
      </c>
    </row>
    <row r="63" spans="1:4" ht="18" customHeight="1" x14ac:dyDescent="0.15">
      <c r="A63" s="8">
        <v>48</v>
      </c>
      <c r="B63" s="34">
        <v>15</v>
      </c>
      <c r="C63" s="13">
        <v>15</v>
      </c>
      <c r="D63" s="12">
        <v>30</v>
      </c>
    </row>
    <row r="64" spans="1:4" ht="18" customHeight="1" x14ac:dyDescent="0.15">
      <c r="A64" s="8">
        <v>49</v>
      </c>
      <c r="B64" s="34">
        <v>11</v>
      </c>
      <c r="C64" s="13">
        <v>17</v>
      </c>
      <c r="D64" s="12">
        <v>28</v>
      </c>
    </row>
    <row r="65" spans="1:4" ht="18" customHeight="1" x14ac:dyDescent="0.15">
      <c r="A65" s="8" t="s">
        <v>327</v>
      </c>
      <c r="B65" s="34">
        <v>69</v>
      </c>
      <c r="C65" s="13">
        <v>67</v>
      </c>
      <c r="D65" s="12">
        <v>136</v>
      </c>
    </row>
    <row r="66" spans="1:4" ht="18" customHeight="1" x14ac:dyDescent="0.15">
      <c r="A66" s="8">
        <v>50</v>
      </c>
      <c r="B66" s="34">
        <v>19</v>
      </c>
      <c r="C66" s="13">
        <v>7</v>
      </c>
      <c r="D66" s="12">
        <v>26</v>
      </c>
    </row>
    <row r="67" spans="1:4" ht="18" customHeight="1" x14ac:dyDescent="0.15">
      <c r="A67" s="8">
        <v>51</v>
      </c>
      <c r="B67" s="34">
        <v>14</v>
      </c>
      <c r="C67" s="13">
        <v>7</v>
      </c>
      <c r="D67" s="12">
        <v>21</v>
      </c>
    </row>
    <row r="68" spans="1:4" ht="18" customHeight="1" x14ac:dyDescent="0.15">
      <c r="A68" s="8">
        <v>52</v>
      </c>
      <c r="B68" s="34">
        <v>11</v>
      </c>
      <c r="C68" s="13">
        <v>25</v>
      </c>
      <c r="D68" s="12">
        <v>36</v>
      </c>
    </row>
    <row r="69" spans="1:4" ht="18" customHeight="1" x14ac:dyDescent="0.15">
      <c r="A69" s="8">
        <v>53</v>
      </c>
      <c r="B69" s="34">
        <v>14</v>
      </c>
      <c r="C69" s="13">
        <v>7</v>
      </c>
      <c r="D69" s="12">
        <v>21</v>
      </c>
    </row>
    <row r="70" spans="1:4" ht="18" customHeight="1" x14ac:dyDescent="0.15">
      <c r="A70" s="8">
        <v>54</v>
      </c>
      <c r="B70" s="34">
        <v>8</v>
      </c>
      <c r="C70" s="13">
        <v>15</v>
      </c>
      <c r="D70" s="12">
        <v>23</v>
      </c>
    </row>
    <row r="71" spans="1:4" ht="18" customHeight="1" x14ac:dyDescent="0.15">
      <c r="A71" s="8" t="s">
        <v>58</v>
      </c>
      <c r="B71" s="34">
        <v>66</v>
      </c>
      <c r="C71" s="13">
        <v>61</v>
      </c>
      <c r="D71" s="12">
        <v>127</v>
      </c>
    </row>
    <row r="72" spans="1:4" ht="18" customHeight="1" x14ac:dyDescent="0.15">
      <c r="A72" s="8">
        <v>55</v>
      </c>
      <c r="B72" s="34">
        <v>9</v>
      </c>
      <c r="C72" s="13">
        <v>13</v>
      </c>
      <c r="D72" s="12">
        <v>22</v>
      </c>
    </row>
    <row r="73" spans="1:4" ht="18" customHeight="1" x14ac:dyDescent="0.15">
      <c r="A73" s="8">
        <v>56</v>
      </c>
      <c r="B73" s="34">
        <v>10</v>
      </c>
      <c r="C73" s="13">
        <v>8</v>
      </c>
      <c r="D73" s="12">
        <v>18</v>
      </c>
    </row>
    <row r="74" spans="1:4" ht="18" customHeight="1" x14ac:dyDescent="0.15">
      <c r="A74" s="8">
        <v>57</v>
      </c>
      <c r="B74" s="34">
        <v>12</v>
      </c>
      <c r="C74" s="13">
        <v>12</v>
      </c>
      <c r="D74" s="12">
        <v>24</v>
      </c>
    </row>
    <row r="75" spans="1:4" ht="18" customHeight="1" x14ac:dyDescent="0.15">
      <c r="A75" s="8">
        <v>58</v>
      </c>
      <c r="B75" s="34">
        <v>15</v>
      </c>
      <c r="C75" s="13">
        <v>15</v>
      </c>
      <c r="D75" s="12">
        <v>30</v>
      </c>
    </row>
    <row r="76" spans="1:4" ht="18" customHeight="1" x14ac:dyDescent="0.15">
      <c r="A76" s="8">
        <v>59</v>
      </c>
      <c r="B76" s="34">
        <v>5</v>
      </c>
      <c r="C76" s="13">
        <v>13</v>
      </c>
      <c r="D76" s="12">
        <v>18</v>
      </c>
    </row>
    <row r="77" spans="1:4" ht="18" customHeight="1" x14ac:dyDescent="0.15">
      <c r="A77" s="8" t="s">
        <v>111</v>
      </c>
      <c r="B77" s="34">
        <v>51</v>
      </c>
      <c r="C77" s="13">
        <v>61</v>
      </c>
      <c r="D77" s="12">
        <v>112</v>
      </c>
    </row>
    <row r="78" spans="1:4" ht="18" customHeight="1" x14ac:dyDescent="0.15">
      <c r="A78" s="8">
        <v>60</v>
      </c>
      <c r="B78" s="34">
        <v>11</v>
      </c>
      <c r="C78" s="13">
        <v>12</v>
      </c>
      <c r="D78" s="12">
        <v>23</v>
      </c>
    </row>
    <row r="79" spans="1:4" ht="18" customHeight="1" x14ac:dyDescent="0.15">
      <c r="A79" s="8">
        <v>61</v>
      </c>
      <c r="B79" s="34">
        <v>13</v>
      </c>
      <c r="C79" s="13">
        <v>18</v>
      </c>
      <c r="D79" s="12">
        <v>31</v>
      </c>
    </row>
    <row r="80" spans="1:4" ht="18" customHeight="1" x14ac:dyDescent="0.15">
      <c r="A80" s="8">
        <v>62</v>
      </c>
      <c r="B80" s="34">
        <v>12</v>
      </c>
      <c r="C80" s="13">
        <v>25</v>
      </c>
      <c r="D80" s="12">
        <v>37</v>
      </c>
    </row>
    <row r="81" spans="1:4" ht="18" customHeight="1" x14ac:dyDescent="0.15">
      <c r="A81" s="8">
        <v>63</v>
      </c>
      <c r="B81" s="34">
        <v>21</v>
      </c>
      <c r="C81" s="13">
        <v>14</v>
      </c>
      <c r="D81" s="12">
        <v>35</v>
      </c>
    </row>
    <row r="82" spans="1:4" ht="18" customHeight="1" x14ac:dyDescent="0.15">
      <c r="A82" s="8">
        <v>64</v>
      </c>
      <c r="B82" s="34">
        <v>18</v>
      </c>
      <c r="C82" s="13">
        <v>15</v>
      </c>
      <c r="D82" s="12">
        <v>33</v>
      </c>
    </row>
    <row r="83" spans="1:4" ht="18" customHeight="1" x14ac:dyDescent="0.15">
      <c r="A83" s="8" t="s">
        <v>325</v>
      </c>
      <c r="B83" s="34">
        <v>75</v>
      </c>
      <c r="C83" s="13">
        <v>84</v>
      </c>
      <c r="D83" s="12">
        <v>159</v>
      </c>
    </row>
    <row r="84" spans="1:4" ht="18" customHeight="1" x14ac:dyDescent="0.15">
      <c r="A84" s="8" t="s">
        <v>227</v>
      </c>
      <c r="B84" s="34">
        <v>602</v>
      </c>
      <c r="C84" s="13">
        <v>576</v>
      </c>
      <c r="D84" s="12">
        <v>1178</v>
      </c>
    </row>
    <row r="85" spans="1:4" ht="18" customHeight="1" x14ac:dyDescent="0.15">
      <c r="A85" s="8">
        <v>65</v>
      </c>
      <c r="B85" s="34">
        <v>16</v>
      </c>
      <c r="C85" s="13">
        <v>20</v>
      </c>
      <c r="D85" s="12">
        <v>36</v>
      </c>
    </row>
    <row r="86" spans="1:4" ht="18" customHeight="1" x14ac:dyDescent="0.15">
      <c r="A86" s="8">
        <v>66</v>
      </c>
      <c r="B86" s="34">
        <v>14</v>
      </c>
      <c r="C86" s="13">
        <v>10</v>
      </c>
      <c r="D86" s="12">
        <v>24</v>
      </c>
    </row>
    <row r="87" spans="1:4" ht="18" customHeight="1" x14ac:dyDescent="0.15">
      <c r="A87" s="8">
        <v>67</v>
      </c>
      <c r="B87" s="34">
        <v>23</v>
      </c>
      <c r="C87" s="13">
        <v>22</v>
      </c>
      <c r="D87" s="12">
        <v>45</v>
      </c>
    </row>
    <row r="88" spans="1:4" ht="18" customHeight="1" x14ac:dyDescent="0.15">
      <c r="A88" s="8">
        <v>68</v>
      </c>
      <c r="B88" s="34">
        <v>10</v>
      </c>
      <c r="C88" s="13">
        <v>14</v>
      </c>
      <c r="D88" s="12">
        <v>24</v>
      </c>
    </row>
    <row r="89" spans="1:4" ht="18" customHeight="1" x14ac:dyDescent="0.15">
      <c r="A89" s="8">
        <v>69</v>
      </c>
      <c r="B89" s="34">
        <v>10</v>
      </c>
      <c r="C89" s="13">
        <v>21</v>
      </c>
      <c r="D89" s="12">
        <v>31</v>
      </c>
    </row>
    <row r="90" spans="1:4" ht="18" customHeight="1" x14ac:dyDescent="0.15">
      <c r="A90" s="8" t="s">
        <v>42</v>
      </c>
      <c r="B90" s="34">
        <v>73</v>
      </c>
      <c r="C90" s="13">
        <v>87</v>
      </c>
      <c r="D90" s="12">
        <v>160</v>
      </c>
    </row>
    <row r="91" spans="1:4" ht="18" customHeight="1" x14ac:dyDescent="0.15">
      <c r="A91" s="8">
        <v>70</v>
      </c>
      <c r="B91" s="34">
        <v>19</v>
      </c>
      <c r="C91" s="13">
        <v>15</v>
      </c>
      <c r="D91" s="12">
        <v>34</v>
      </c>
    </row>
    <row r="92" spans="1:4" ht="18" customHeight="1" x14ac:dyDescent="0.15">
      <c r="A92" s="8">
        <v>71</v>
      </c>
      <c r="B92" s="34">
        <v>18</v>
      </c>
      <c r="C92" s="13">
        <v>22</v>
      </c>
      <c r="D92" s="12">
        <v>40</v>
      </c>
    </row>
    <row r="93" spans="1:4" ht="18" customHeight="1" x14ac:dyDescent="0.15">
      <c r="A93" s="8">
        <v>72</v>
      </c>
      <c r="B93" s="34">
        <v>16</v>
      </c>
      <c r="C93" s="13">
        <v>22</v>
      </c>
      <c r="D93" s="12">
        <v>38</v>
      </c>
    </row>
    <row r="94" spans="1:4" ht="18" customHeight="1" x14ac:dyDescent="0.15">
      <c r="A94" s="8">
        <v>73</v>
      </c>
      <c r="B94" s="34">
        <v>22</v>
      </c>
      <c r="C94" s="13">
        <v>20</v>
      </c>
      <c r="D94" s="12">
        <v>42</v>
      </c>
    </row>
    <row r="95" spans="1:4" ht="18" customHeight="1" x14ac:dyDescent="0.15">
      <c r="A95" s="8">
        <v>74</v>
      </c>
      <c r="B95" s="34">
        <v>29</v>
      </c>
      <c r="C95" s="13">
        <v>21</v>
      </c>
      <c r="D95" s="12">
        <v>50</v>
      </c>
    </row>
    <row r="96" spans="1:4" ht="18" customHeight="1" x14ac:dyDescent="0.15">
      <c r="A96" s="8" t="s">
        <v>41</v>
      </c>
      <c r="B96" s="34">
        <v>104</v>
      </c>
      <c r="C96" s="13">
        <v>100</v>
      </c>
      <c r="D96" s="12">
        <v>204</v>
      </c>
    </row>
    <row r="97" spans="1:4" ht="18" customHeight="1" x14ac:dyDescent="0.15">
      <c r="A97" s="8">
        <v>75</v>
      </c>
      <c r="B97" s="34">
        <v>27</v>
      </c>
      <c r="C97" s="13">
        <v>22</v>
      </c>
      <c r="D97" s="12">
        <v>49</v>
      </c>
    </row>
    <row r="98" spans="1:4" ht="18" customHeight="1" x14ac:dyDescent="0.15">
      <c r="A98" s="8">
        <v>76</v>
      </c>
      <c r="B98" s="34">
        <v>10</v>
      </c>
      <c r="C98" s="13">
        <v>16</v>
      </c>
      <c r="D98" s="12">
        <v>26</v>
      </c>
    </row>
    <row r="99" spans="1:4" ht="18" customHeight="1" x14ac:dyDescent="0.15">
      <c r="A99" s="8">
        <v>77</v>
      </c>
      <c r="B99" s="34">
        <v>4</v>
      </c>
      <c r="C99" s="13">
        <v>8</v>
      </c>
      <c r="D99" s="12">
        <v>12</v>
      </c>
    </row>
    <row r="100" spans="1:4" ht="18" customHeight="1" x14ac:dyDescent="0.15">
      <c r="A100" s="8">
        <v>78</v>
      </c>
      <c r="B100" s="34">
        <v>12</v>
      </c>
      <c r="C100" s="13">
        <v>13</v>
      </c>
      <c r="D100" s="12">
        <v>25</v>
      </c>
    </row>
    <row r="101" spans="1:4" ht="18" customHeight="1" x14ac:dyDescent="0.15">
      <c r="A101" s="8">
        <v>79</v>
      </c>
      <c r="B101" s="34">
        <v>11</v>
      </c>
      <c r="C101" s="13">
        <v>16</v>
      </c>
      <c r="D101" s="12">
        <v>27</v>
      </c>
    </row>
    <row r="102" spans="1:4" ht="18" customHeight="1" x14ac:dyDescent="0.15">
      <c r="A102" s="8" t="s">
        <v>320</v>
      </c>
      <c r="B102" s="34">
        <v>64</v>
      </c>
      <c r="C102" s="13">
        <v>75</v>
      </c>
      <c r="D102" s="12">
        <v>139</v>
      </c>
    </row>
    <row r="103" spans="1:4" ht="18" customHeight="1" x14ac:dyDescent="0.15">
      <c r="A103" s="8">
        <v>80</v>
      </c>
      <c r="B103" s="34">
        <v>14</v>
      </c>
      <c r="C103" s="13">
        <v>8</v>
      </c>
      <c r="D103" s="12">
        <v>22</v>
      </c>
    </row>
    <row r="104" spans="1:4" ht="18" customHeight="1" x14ac:dyDescent="0.15">
      <c r="A104" s="8">
        <v>81</v>
      </c>
      <c r="B104" s="34">
        <v>13</v>
      </c>
      <c r="C104" s="13">
        <v>15</v>
      </c>
      <c r="D104" s="12">
        <v>28</v>
      </c>
    </row>
    <row r="105" spans="1:4" ht="18" customHeight="1" x14ac:dyDescent="0.15">
      <c r="A105" s="8">
        <v>82</v>
      </c>
      <c r="B105" s="34">
        <v>9</v>
      </c>
      <c r="C105" s="13">
        <v>12</v>
      </c>
      <c r="D105" s="12">
        <v>21</v>
      </c>
    </row>
    <row r="106" spans="1:4" ht="18" customHeight="1" x14ac:dyDescent="0.15">
      <c r="A106" s="8">
        <v>83</v>
      </c>
      <c r="B106" s="34">
        <v>5</v>
      </c>
      <c r="C106" s="13">
        <v>13</v>
      </c>
      <c r="D106" s="12">
        <v>18</v>
      </c>
    </row>
    <row r="107" spans="1:4" ht="18" customHeight="1" x14ac:dyDescent="0.15">
      <c r="A107" s="8">
        <v>84</v>
      </c>
      <c r="B107" s="34">
        <v>8</v>
      </c>
      <c r="C107" s="13">
        <v>8</v>
      </c>
      <c r="D107" s="12">
        <v>16</v>
      </c>
    </row>
    <row r="108" spans="1:4" ht="18" customHeight="1" x14ac:dyDescent="0.15">
      <c r="A108" s="8" t="s">
        <v>39</v>
      </c>
      <c r="B108" s="34">
        <v>49</v>
      </c>
      <c r="C108" s="13">
        <v>56</v>
      </c>
      <c r="D108" s="12">
        <v>105</v>
      </c>
    </row>
    <row r="109" spans="1:4" ht="18" customHeight="1" x14ac:dyDescent="0.15">
      <c r="A109" s="8">
        <v>85</v>
      </c>
      <c r="B109" s="34">
        <v>5</v>
      </c>
      <c r="C109" s="13">
        <v>15</v>
      </c>
      <c r="D109" s="12">
        <v>20</v>
      </c>
    </row>
    <row r="110" spans="1:4" ht="18" customHeight="1" x14ac:dyDescent="0.15">
      <c r="A110" s="8">
        <v>86</v>
      </c>
      <c r="B110" s="34">
        <v>9</v>
      </c>
      <c r="C110" s="13">
        <v>6</v>
      </c>
      <c r="D110" s="12">
        <v>15</v>
      </c>
    </row>
    <row r="111" spans="1:4" ht="18" customHeight="1" x14ac:dyDescent="0.15">
      <c r="A111" s="8">
        <v>87</v>
      </c>
      <c r="B111" s="34">
        <v>2</v>
      </c>
      <c r="C111" s="13">
        <v>8</v>
      </c>
      <c r="D111" s="12">
        <v>10</v>
      </c>
    </row>
    <row r="112" spans="1:4" ht="18" customHeight="1" x14ac:dyDescent="0.15">
      <c r="A112" s="8">
        <v>88</v>
      </c>
      <c r="B112" s="34">
        <v>5</v>
      </c>
      <c r="C112" s="13">
        <v>7</v>
      </c>
      <c r="D112" s="12">
        <v>12</v>
      </c>
    </row>
    <row r="113" spans="1:4" ht="18" customHeight="1" x14ac:dyDescent="0.15">
      <c r="A113" s="8">
        <v>89</v>
      </c>
      <c r="B113" s="34">
        <v>1</v>
      </c>
      <c r="C113" s="13">
        <v>10</v>
      </c>
      <c r="D113" s="12">
        <v>11</v>
      </c>
    </row>
    <row r="114" spans="1:4" ht="18" customHeight="1" x14ac:dyDescent="0.15">
      <c r="A114" s="8" t="s">
        <v>38</v>
      </c>
      <c r="B114" s="34">
        <v>22</v>
      </c>
      <c r="C114" s="13">
        <v>46</v>
      </c>
      <c r="D114" s="12">
        <v>68</v>
      </c>
    </row>
    <row r="115" spans="1:4" ht="18" customHeight="1" x14ac:dyDescent="0.15">
      <c r="A115" s="8">
        <v>90</v>
      </c>
      <c r="B115" s="34">
        <v>1</v>
      </c>
      <c r="C115" s="13">
        <v>7</v>
      </c>
      <c r="D115" s="12">
        <v>8</v>
      </c>
    </row>
    <row r="116" spans="1:4" ht="18" customHeight="1" x14ac:dyDescent="0.15">
      <c r="A116" s="8">
        <v>91</v>
      </c>
      <c r="B116" s="34">
        <v>2</v>
      </c>
      <c r="C116" s="13">
        <v>6</v>
      </c>
      <c r="D116" s="12">
        <v>8</v>
      </c>
    </row>
    <row r="117" spans="1:4" ht="18" customHeight="1" x14ac:dyDescent="0.15">
      <c r="A117" s="8">
        <v>92</v>
      </c>
      <c r="B117" s="34">
        <v>1</v>
      </c>
      <c r="C117" s="13">
        <v>10</v>
      </c>
      <c r="D117" s="12">
        <v>11</v>
      </c>
    </row>
    <row r="118" spans="1:4" ht="18" customHeight="1" x14ac:dyDescent="0.15">
      <c r="A118" s="8">
        <v>93</v>
      </c>
      <c r="B118" s="34">
        <v>2</v>
      </c>
      <c r="C118" s="13">
        <v>6</v>
      </c>
      <c r="D118" s="12">
        <v>8</v>
      </c>
    </row>
    <row r="119" spans="1:4" ht="18" customHeight="1" x14ac:dyDescent="0.15">
      <c r="A119" s="8">
        <v>94</v>
      </c>
      <c r="B119" s="34">
        <v>1</v>
      </c>
      <c r="C119" s="13">
        <v>7</v>
      </c>
      <c r="D119" s="12">
        <v>8</v>
      </c>
    </row>
    <row r="120" spans="1:4" ht="18" customHeight="1" x14ac:dyDescent="0.15">
      <c r="A120" s="8" t="s">
        <v>69</v>
      </c>
      <c r="B120" s="34">
        <v>7</v>
      </c>
      <c r="C120" s="13">
        <v>36</v>
      </c>
      <c r="D120" s="12">
        <v>43</v>
      </c>
    </row>
    <row r="121" spans="1:4" ht="18" customHeight="1" x14ac:dyDescent="0.15">
      <c r="A121" s="8">
        <v>95</v>
      </c>
      <c r="B121" s="34">
        <v>0</v>
      </c>
      <c r="C121" s="13">
        <v>3</v>
      </c>
      <c r="D121" s="12">
        <v>3</v>
      </c>
    </row>
    <row r="122" spans="1:4" ht="18" customHeight="1" x14ac:dyDescent="0.15">
      <c r="A122" s="8">
        <v>96</v>
      </c>
      <c r="B122" s="34">
        <v>3</v>
      </c>
      <c r="C122" s="13">
        <v>3</v>
      </c>
      <c r="D122" s="12">
        <v>6</v>
      </c>
    </row>
    <row r="123" spans="1:4" ht="18" customHeight="1" x14ac:dyDescent="0.15">
      <c r="A123" s="8">
        <v>97</v>
      </c>
      <c r="B123" s="34">
        <v>0</v>
      </c>
      <c r="C123" s="13">
        <v>3</v>
      </c>
      <c r="D123" s="12">
        <v>3</v>
      </c>
    </row>
    <row r="124" spans="1:4" ht="18" customHeight="1" x14ac:dyDescent="0.15">
      <c r="A124" s="8">
        <v>98</v>
      </c>
      <c r="B124" s="34">
        <v>0</v>
      </c>
      <c r="C124" s="13">
        <v>2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3</v>
      </c>
      <c r="C126" s="13">
        <v>11</v>
      </c>
      <c r="D126" s="12">
        <v>14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223</v>
      </c>
      <c r="B128" s="34">
        <v>0</v>
      </c>
      <c r="C128" s="13">
        <v>2</v>
      </c>
      <c r="D128" s="12">
        <v>2</v>
      </c>
    </row>
    <row r="129" spans="1:4" ht="18" customHeight="1" x14ac:dyDescent="0.15">
      <c r="A129" s="8" t="s">
        <v>324</v>
      </c>
      <c r="B129" s="34">
        <v>0</v>
      </c>
      <c r="C129" s="13">
        <v>3</v>
      </c>
      <c r="D129" s="12">
        <v>3</v>
      </c>
    </row>
    <row r="130" spans="1:4" ht="18" customHeight="1" x14ac:dyDescent="0.15">
      <c r="A130" s="8" t="s">
        <v>35</v>
      </c>
      <c r="B130" s="28">
        <v>322</v>
      </c>
      <c r="C130" s="6">
        <v>414</v>
      </c>
      <c r="D130" s="5">
        <v>736</v>
      </c>
    </row>
    <row r="131" spans="1:4" ht="18" customHeight="1" x14ac:dyDescent="0.15">
      <c r="A131" s="4" t="s">
        <v>0</v>
      </c>
      <c r="B131" s="27">
        <v>1077</v>
      </c>
      <c r="C131" s="2">
        <v>1151</v>
      </c>
      <c r="D131" s="1">
        <v>222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5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4</v>
      </c>
      <c r="C5" s="44">
        <v>16</v>
      </c>
      <c r="D5" s="43">
        <v>30</v>
      </c>
    </row>
    <row r="6" spans="1:4" ht="18" customHeight="1" x14ac:dyDescent="0.15">
      <c r="A6" s="8">
        <v>1</v>
      </c>
      <c r="B6" s="39">
        <v>17</v>
      </c>
      <c r="C6" s="13">
        <v>17</v>
      </c>
      <c r="D6" s="12">
        <v>34</v>
      </c>
    </row>
    <row r="7" spans="1:4" ht="18" customHeight="1" x14ac:dyDescent="0.15">
      <c r="A7" s="8">
        <v>2</v>
      </c>
      <c r="B7" s="39">
        <v>16</v>
      </c>
      <c r="C7" s="13">
        <v>11</v>
      </c>
      <c r="D7" s="12">
        <v>27</v>
      </c>
    </row>
    <row r="8" spans="1:4" ht="18" customHeight="1" x14ac:dyDescent="0.15">
      <c r="A8" s="8">
        <v>3</v>
      </c>
      <c r="B8" s="39">
        <v>21</v>
      </c>
      <c r="C8" s="13">
        <v>16</v>
      </c>
      <c r="D8" s="12">
        <v>37</v>
      </c>
    </row>
    <row r="9" spans="1:4" ht="18" customHeight="1" x14ac:dyDescent="0.15">
      <c r="A9" s="8">
        <v>4</v>
      </c>
      <c r="B9" s="42">
        <v>25</v>
      </c>
      <c r="C9" s="41">
        <v>22</v>
      </c>
      <c r="D9" s="40">
        <v>47</v>
      </c>
    </row>
    <row r="10" spans="1:4" ht="18" customHeight="1" x14ac:dyDescent="0.15">
      <c r="A10" s="8" t="s">
        <v>76</v>
      </c>
      <c r="B10" s="34">
        <v>93</v>
      </c>
      <c r="C10" s="13">
        <v>82</v>
      </c>
      <c r="D10" s="12">
        <v>175</v>
      </c>
    </row>
    <row r="11" spans="1:4" ht="18" customHeight="1" x14ac:dyDescent="0.15">
      <c r="A11" s="8">
        <v>5</v>
      </c>
      <c r="B11" s="39">
        <v>25</v>
      </c>
      <c r="C11" s="13">
        <v>17</v>
      </c>
      <c r="D11" s="12">
        <v>42</v>
      </c>
    </row>
    <row r="12" spans="1:4" ht="18" customHeight="1" x14ac:dyDescent="0.15">
      <c r="A12" s="8">
        <v>6</v>
      </c>
      <c r="B12" s="39">
        <v>13</v>
      </c>
      <c r="C12" s="13">
        <v>17</v>
      </c>
      <c r="D12" s="12">
        <v>30</v>
      </c>
    </row>
    <row r="13" spans="1:4" ht="18" customHeight="1" x14ac:dyDescent="0.15">
      <c r="A13" s="8">
        <v>7</v>
      </c>
      <c r="B13" s="39">
        <v>19</v>
      </c>
      <c r="C13" s="13">
        <v>13</v>
      </c>
      <c r="D13" s="12">
        <v>32</v>
      </c>
    </row>
    <row r="14" spans="1:4" ht="18" customHeight="1" x14ac:dyDescent="0.15">
      <c r="A14" s="8">
        <v>8</v>
      </c>
      <c r="B14" s="39">
        <v>22</v>
      </c>
      <c r="C14" s="13">
        <v>16</v>
      </c>
      <c r="D14" s="12">
        <v>38</v>
      </c>
    </row>
    <row r="15" spans="1:4" ht="18" customHeight="1" x14ac:dyDescent="0.15">
      <c r="A15" s="8">
        <v>9</v>
      </c>
      <c r="B15" s="39">
        <v>19</v>
      </c>
      <c r="C15" s="13">
        <v>13</v>
      </c>
      <c r="D15" s="12">
        <v>32</v>
      </c>
    </row>
    <row r="16" spans="1:4" ht="18" customHeight="1" x14ac:dyDescent="0.15">
      <c r="A16" s="8" t="s">
        <v>50</v>
      </c>
      <c r="B16" s="34">
        <v>98</v>
      </c>
      <c r="C16" s="13">
        <v>76</v>
      </c>
      <c r="D16" s="12">
        <v>174</v>
      </c>
    </row>
    <row r="17" spans="1:4" ht="18" customHeight="1" x14ac:dyDescent="0.15">
      <c r="A17" s="8">
        <v>10</v>
      </c>
      <c r="B17" s="34">
        <v>18</v>
      </c>
      <c r="C17" s="13">
        <v>13</v>
      </c>
      <c r="D17" s="12">
        <v>31</v>
      </c>
    </row>
    <row r="18" spans="1:4" ht="18" customHeight="1" x14ac:dyDescent="0.15">
      <c r="A18" s="8">
        <v>11</v>
      </c>
      <c r="B18" s="34">
        <v>11</v>
      </c>
      <c r="C18" s="13">
        <v>16</v>
      </c>
      <c r="D18" s="12">
        <v>27</v>
      </c>
    </row>
    <row r="19" spans="1:4" ht="18" customHeight="1" x14ac:dyDescent="0.15">
      <c r="A19" s="8">
        <v>12</v>
      </c>
      <c r="B19" s="34">
        <v>13</v>
      </c>
      <c r="C19" s="13">
        <v>17</v>
      </c>
      <c r="D19" s="12">
        <v>30</v>
      </c>
    </row>
    <row r="20" spans="1:4" ht="18" customHeight="1" x14ac:dyDescent="0.15">
      <c r="A20" s="8">
        <v>13</v>
      </c>
      <c r="B20" s="34">
        <v>15</v>
      </c>
      <c r="C20" s="13">
        <v>18</v>
      </c>
      <c r="D20" s="12">
        <v>33</v>
      </c>
    </row>
    <row r="21" spans="1:4" ht="18" customHeight="1" x14ac:dyDescent="0.15">
      <c r="A21" s="8">
        <v>14</v>
      </c>
      <c r="B21" s="34">
        <v>14</v>
      </c>
      <c r="C21" s="13">
        <v>19</v>
      </c>
      <c r="D21" s="12">
        <v>33</v>
      </c>
    </row>
    <row r="22" spans="1:4" ht="18" customHeight="1" x14ac:dyDescent="0.15">
      <c r="A22" s="8" t="s">
        <v>355</v>
      </c>
      <c r="B22" s="34">
        <v>71</v>
      </c>
      <c r="C22" s="13">
        <v>83</v>
      </c>
      <c r="D22" s="12">
        <v>154</v>
      </c>
    </row>
    <row r="23" spans="1:4" ht="18" customHeight="1" x14ac:dyDescent="0.15">
      <c r="A23" s="8" t="s">
        <v>65</v>
      </c>
      <c r="B23" s="34">
        <v>262</v>
      </c>
      <c r="C23" s="13">
        <v>241</v>
      </c>
      <c r="D23" s="12">
        <v>503</v>
      </c>
    </row>
    <row r="24" spans="1:4" ht="18" customHeight="1" x14ac:dyDescent="0.15">
      <c r="A24" s="8">
        <v>15</v>
      </c>
      <c r="B24" s="34">
        <v>18</v>
      </c>
      <c r="C24" s="13">
        <v>16</v>
      </c>
      <c r="D24" s="12">
        <v>34</v>
      </c>
    </row>
    <row r="25" spans="1:4" ht="18" customHeight="1" x14ac:dyDescent="0.15">
      <c r="A25" s="8">
        <v>16</v>
      </c>
      <c r="B25" s="34">
        <v>19</v>
      </c>
      <c r="C25" s="13">
        <v>15</v>
      </c>
      <c r="D25" s="12">
        <v>34</v>
      </c>
    </row>
    <row r="26" spans="1:4" ht="18" customHeight="1" x14ac:dyDescent="0.15">
      <c r="A26" s="8">
        <v>17</v>
      </c>
      <c r="B26" s="34">
        <v>14</v>
      </c>
      <c r="C26" s="13">
        <v>14</v>
      </c>
      <c r="D26" s="12">
        <v>28</v>
      </c>
    </row>
    <row r="27" spans="1:4" ht="18" customHeight="1" x14ac:dyDescent="0.15">
      <c r="A27" s="8">
        <v>18</v>
      </c>
      <c r="B27" s="34">
        <v>23</v>
      </c>
      <c r="C27" s="13">
        <v>6</v>
      </c>
      <c r="D27" s="12">
        <v>29</v>
      </c>
    </row>
    <row r="28" spans="1:4" ht="18" customHeight="1" x14ac:dyDescent="0.15">
      <c r="A28" s="8">
        <v>19</v>
      </c>
      <c r="B28" s="34">
        <v>15</v>
      </c>
      <c r="C28" s="13">
        <v>12</v>
      </c>
      <c r="D28" s="12">
        <v>27</v>
      </c>
    </row>
    <row r="29" spans="1:4" ht="18" customHeight="1" x14ac:dyDescent="0.15">
      <c r="A29" s="8" t="s">
        <v>48</v>
      </c>
      <c r="B29" s="34">
        <v>89</v>
      </c>
      <c r="C29" s="13">
        <v>63</v>
      </c>
      <c r="D29" s="12">
        <v>152</v>
      </c>
    </row>
    <row r="30" spans="1:4" ht="18" customHeight="1" x14ac:dyDescent="0.15">
      <c r="A30" s="8">
        <v>20</v>
      </c>
      <c r="B30" s="34">
        <v>24</v>
      </c>
      <c r="C30" s="13">
        <v>20</v>
      </c>
      <c r="D30" s="12">
        <v>44</v>
      </c>
    </row>
    <row r="31" spans="1:4" ht="18" customHeight="1" x14ac:dyDescent="0.15">
      <c r="A31" s="8">
        <v>21</v>
      </c>
      <c r="B31" s="34">
        <v>15</v>
      </c>
      <c r="C31" s="13">
        <v>12</v>
      </c>
      <c r="D31" s="12">
        <v>27</v>
      </c>
    </row>
    <row r="32" spans="1:4" ht="18" customHeight="1" x14ac:dyDescent="0.15">
      <c r="A32" s="8">
        <v>22</v>
      </c>
      <c r="B32" s="34">
        <v>12</v>
      </c>
      <c r="C32" s="13">
        <v>18</v>
      </c>
      <c r="D32" s="12">
        <v>30</v>
      </c>
    </row>
    <row r="33" spans="1:4" ht="18" customHeight="1" x14ac:dyDescent="0.15">
      <c r="A33" s="8">
        <v>23</v>
      </c>
      <c r="B33" s="34">
        <v>6</v>
      </c>
      <c r="C33" s="13">
        <v>22</v>
      </c>
      <c r="D33" s="12">
        <v>28</v>
      </c>
    </row>
    <row r="34" spans="1:4" ht="18" customHeight="1" x14ac:dyDescent="0.15">
      <c r="A34" s="8">
        <v>24</v>
      </c>
      <c r="B34" s="34">
        <v>13</v>
      </c>
      <c r="C34" s="13">
        <v>20</v>
      </c>
      <c r="D34" s="12">
        <v>33</v>
      </c>
    </row>
    <row r="35" spans="1:4" ht="18" customHeight="1" x14ac:dyDescent="0.15">
      <c r="A35" s="8" t="s">
        <v>354</v>
      </c>
      <c r="B35" s="34">
        <v>70</v>
      </c>
      <c r="C35" s="13">
        <v>92</v>
      </c>
      <c r="D35" s="12">
        <v>162</v>
      </c>
    </row>
    <row r="36" spans="1:4" ht="18" customHeight="1" x14ac:dyDescent="0.15">
      <c r="A36" s="8">
        <v>25</v>
      </c>
      <c r="B36" s="34">
        <v>15</v>
      </c>
      <c r="C36" s="13">
        <v>14</v>
      </c>
      <c r="D36" s="12">
        <v>29</v>
      </c>
    </row>
    <row r="37" spans="1:4" ht="18" customHeight="1" x14ac:dyDescent="0.15">
      <c r="A37" s="8">
        <v>26</v>
      </c>
      <c r="B37" s="34">
        <v>15</v>
      </c>
      <c r="C37" s="13">
        <v>18</v>
      </c>
      <c r="D37" s="12">
        <v>33</v>
      </c>
    </row>
    <row r="38" spans="1:4" ht="18" customHeight="1" x14ac:dyDescent="0.15">
      <c r="A38" s="8">
        <v>27</v>
      </c>
      <c r="B38" s="34">
        <v>15</v>
      </c>
      <c r="C38" s="13">
        <v>20</v>
      </c>
      <c r="D38" s="12">
        <v>35</v>
      </c>
    </row>
    <row r="39" spans="1:4" ht="18" customHeight="1" x14ac:dyDescent="0.15">
      <c r="A39" s="8">
        <v>28</v>
      </c>
      <c r="B39" s="34">
        <v>24</v>
      </c>
      <c r="C39" s="13">
        <v>22</v>
      </c>
      <c r="D39" s="12">
        <v>46</v>
      </c>
    </row>
    <row r="40" spans="1:4" ht="18" customHeight="1" x14ac:dyDescent="0.15">
      <c r="A40" s="8">
        <v>29</v>
      </c>
      <c r="B40" s="34">
        <v>13</v>
      </c>
      <c r="C40" s="13">
        <v>21</v>
      </c>
      <c r="D40" s="12">
        <v>34</v>
      </c>
    </row>
    <row r="41" spans="1:4" ht="18" customHeight="1" x14ac:dyDescent="0.15">
      <c r="A41" s="8" t="s">
        <v>73</v>
      </c>
      <c r="B41" s="34">
        <v>82</v>
      </c>
      <c r="C41" s="13">
        <v>95</v>
      </c>
      <c r="D41" s="12">
        <v>177</v>
      </c>
    </row>
    <row r="42" spans="1:4" ht="18" customHeight="1" x14ac:dyDescent="0.15">
      <c r="A42" s="8">
        <v>30</v>
      </c>
      <c r="B42" s="34">
        <v>17</v>
      </c>
      <c r="C42" s="13">
        <v>18</v>
      </c>
      <c r="D42" s="12">
        <v>35</v>
      </c>
    </row>
    <row r="43" spans="1:4" ht="18" customHeight="1" x14ac:dyDescent="0.15">
      <c r="A43" s="8">
        <v>31</v>
      </c>
      <c r="B43" s="34">
        <v>17</v>
      </c>
      <c r="C43" s="13">
        <v>24</v>
      </c>
      <c r="D43" s="12">
        <v>41</v>
      </c>
    </row>
    <row r="44" spans="1:4" ht="18" customHeight="1" x14ac:dyDescent="0.15">
      <c r="A44" s="8">
        <v>32</v>
      </c>
      <c r="B44" s="34">
        <v>24</v>
      </c>
      <c r="C44" s="13">
        <v>16</v>
      </c>
      <c r="D44" s="12">
        <v>40</v>
      </c>
    </row>
    <row r="45" spans="1:4" ht="18" customHeight="1" x14ac:dyDescent="0.15">
      <c r="A45" s="8">
        <v>33</v>
      </c>
      <c r="B45" s="34">
        <v>27</v>
      </c>
      <c r="C45" s="13">
        <v>22</v>
      </c>
      <c r="D45" s="12">
        <v>49</v>
      </c>
    </row>
    <row r="46" spans="1:4" ht="18" customHeight="1" x14ac:dyDescent="0.15">
      <c r="A46" s="8">
        <v>34</v>
      </c>
      <c r="B46" s="34">
        <v>19</v>
      </c>
      <c r="C46" s="13">
        <v>19</v>
      </c>
      <c r="D46" s="12">
        <v>38</v>
      </c>
    </row>
    <row r="47" spans="1:4" ht="18" customHeight="1" x14ac:dyDescent="0.15">
      <c r="A47" s="8" t="s">
        <v>61</v>
      </c>
      <c r="B47" s="34">
        <v>104</v>
      </c>
      <c r="C47" s="13">
        <v>99</v>
      </c>
      <c r="D47" s="12">
        <v>203</v>
      </c>
    </row>
    <row r="48" spans="1:4" ht="18" customHeight="1" x14ac:dyDescent="0.15">
      <c r="A48" s="8">
        <v>35</v>
      </c>
      <c r="B48" s="34">
        <v>26</v>
      </c>
      <c r="C48" s="13">
        <v>19</v>
      </c>
      <c r="D48" s="12">
        <v>45</v>
      </c>
    </row>
    <row r="49" spans="1:4" ht="18" customHeight="1" x14ac:dyDescent="0.15">
      <c r="A49" s="8">
        <v>36</v>
      </c>
      <c r="B49" s="34">
        <v>33</v>
      </c>
      <c r="C49" s="13">
        <v>26</v>
      </c>
      <c r="D49" s="12">
        <v>59</v>
      </c>
    </row>
    <row r="50" spans="1:4" ht="18" customHeight="1" x14ac:dyDescent="0.15">
      <c r="A50" s="8">
        <v>37</v>
      </c>
      <c r="B50" s="34">
        <v>19</v>
      </c>
      <c r="C50" s="13">
        <v>29</v>
      </c>
      <c r="D50" s="12">
        <v>48</v>
      </c>
    </row>
    <row r="51" spans="1:4" ht="18" customHeight="1" x14ac:dyDescent="0.15">
      <c r="A51" s="8">
        <v>38</v>
      </c>
      <c r="B51" s="34">
        <v>23</v>
      </c>
      <c r="C51" s="13">
        <v>24</v>
      </c>
      <c r="D51" s="12">
        <v>47</v>
      </c>
    </row>
    <row r="52" spans="1:4" ht="18" customHeight="1" x14ac:dyDescent="0.15">
      <c r="A52" s="8">
        <v>39</v>
      </c>
      <c r="B52" s="34">
        <v>22</v>
      </c>
      <c r="C52" s="13">
        <v>14</v>
      </c>
      <c r="D52" s="12">
        <v>36</v>
      </c>
    </row>
    <row r="53" spans="1:4" ht="18" customHeight="1" x14ac:dyDescent="0.15">
      <c r="A53" s="8" t="s">
        <v>72</v>
      </c>
      <c r="B53" s="34">
        <v>123</v>
      </c>
      <c r="C53" s="13">
        <v>112</v>
      </c>
      <c r="D53" s="12">
        <v>235</v>
      </c>
    </row>
    <row r="54" spans="1:4" ht="18" customHeight="1" x14ac:dyDescent="0.15">
      <c r="A54" s="8">
        <v>40</v>
      </c>
      <c r="B54" s="34">
        <v>31</v>
      </c>
      <c r="C54" s="13">
        <v>30</v>
      </c>
      <c r="D54" s="12">
        <v>61</v>
      </c>
    </row>
    <row r="55" spans="1:4" ht="18" customHeight="1" x14ac:dyDescent="0.15">
      <c r="A55" s="8">
        <v>41</v>
      </c>
      <c r="B55" s="34">
        <v>24</v>
      </c>
      <c r="C55" s="13">
        <v>25</v>
      </c>
      <c r="D55" s="12">
        <v>49</v>
      </c>
    </row>
    <row r="56" spans="1:4" ht="18" customHeight="1" x14ac:dyDescent="0.15">
      <c r="A56" s="8">
        <v>42</v>
      </c>
      <c r="B56" s="34">
        <v>23</v>
      </c>
      <c r="C56" s="13">
        <v>22</v>
      </c>
      <c r="D56" s="12">
        <v>45</v>
      </c>
    </row>
    <row r="57" spans="1:4" ht="18" customHeight="1" x14ac:dyDescent="0.15">
      <c r="A57" s="8">
        <v>43</v>
      </c>
      <c r="B57" s="34">
        <v>32</v>
      </c>
      <c r="C57" s="13">
        <v>29</v>
      </c>
      <c r="D57" s="12">
        <v>61</v>
      </c>
    </row>
    <row r="58" spans="1:4" ht="18" customHeight="1" x14ac:dyDescent="0.15">
      <c r="A58" s="8">
        <v>44</v>
      </c>
      <c r="B58" s="34">
        <v>28</v>
      </c>
      <c r="C58" s="13">
        <v>22</v>
      </c>
      <c r="D58" s="12">
        <v>50</v>
      </c>
    </row>
    <row r="59" spans="1:4" ht="18" customHeight="1" x14ac:dyDescent="0.15">
      <c r="A59" s="8" t="s">
        <v>46</v>
      </c>
      <c r="B59" s="34">
        <v>138</v>
      </c>
      <c r="C59" s="13">
        <v>128</v>
      </c>
      <c r="D59" s="12">
        <v>266</v>
      </c>
    </row>
    <row r="60" spans="1:4" ht="18" customHeight="1" x14ac:dyDescent="0.15">
      <c r="A60" s="8">
        <v>45</v>
      </c>
      <c r="B60" s="34">
        <v>43</v>
      </c>
      <c r="C60" s="13">
        <v>25</v>
      </c>
      <c r="D60" s="12">
        <v>68</v>
      </c>
    </row>
    <row r="61" spans="1:4" ht="18" customHeight="1" x14ac:dyDescent="0.15">
      <c r="A61" s="8">
        <v>46</v>
      </c>
      <c r="B61" s="34">
        <v>25</v>
      </c>
      <c r="C61" s="13">
        <v>26</v>
      </c>
      <c r="D61" s="12">
        <v>51</v>
      </c>
    </row>
    <row r="62" spans="1:4" ht="18" customHeight="1" x14ac:dyDescent="0.15">
      <c r="A62" s="8">
        <v>47</v>
      </c>
      <c r="B62" s="34">
        <v>33</v>
      </c>
      <c r="C62" s="13">
        <v>34</v>
      </c>
      <c r="D62" s="12">
        <v>67</v>
      </c>
    </row>
    <row r="63" spans="1:4" ht="18" customHeight="1" x14ac:dyDescent="0.15">
      <c r="A63" s="8">
        <v>48</v>
      </c>
      <c r="B63" s="34">
        <v>38</v>
      </c>
      <c r="C63" s="13">
        <v>34</v>
      </c>
      <c r="D63" s="12">
        <v>72</v>
      </c>
    </row>
    <row r="64" spans="1:4" ht="18" customHeight="1" x14ac:dyDescent="0.15">
      <c r="A64" s="8">
        <v>49</v>
      </c>
      <c r="B64" s="34">
        <v>33</v>
      </c>
      <c r="C64" s="13">
        <v>33</v>
      </c>
      <c r="D64" s="12">
        <v>66</v>
      </c>
    </row>
    <row r="65" spans="1:4" ht="18" customHeight="1" x14ac:dyDescent="0.15">
      <c r="A65" s="8" t="s">
        <v>45</v>
      </c>
      <c r="B65" s="34">
        <v>172</v>
      </c>
      <c r="C65" s="13">
        <v>152</v>
      </c>
      <c r="D65" s="12">
        <v>324</v>
      </c>
    </row>
    <row r="66" spans="1:4" ht="18" customHeight="1" x14ac:dyDescent="0.15">
      <c r="A66" s="8">
        <v>50</v>
      </c>
      <c r="B66" s="34">
        <v>17</v>
      </c>
      <c r="C66" s="13">
        <v>15</v>
      </c>
      <c r="D66" s="12">
        <v>32</v>
      </c>
    </row>
    <row r="67" spans="1:4" ht="18" customHeight="1" x14ac:dyDescent="0.15">
      <c r="A67" s="8">
        <v>51</v>
      </c>
      <c r="B67" s="34">
        <v>19</v>
      </c>
      <c r="C67" s="13">
        <v>24</v>
      </c>
      <c r="D67" s="12">
        <v>43</v>
      </c>
    </row>
    <row r="68" spans="1:4" ht="18" customHeight="1" x14ac:dyDescent="0.15">
      <c r="A68" s="8">
        <v>52</v>
      </c>
      <c r="B68" s="34">
        <v>21</v>
      </c>
      <c r="C68" s="13">
        <v>22</v>
      </c>
      <c r="D68" s="12">
        <v>43</v>
      </c>
    </row>
    <row r="69" spans="1:4" ht="18" customHeight="1" x14ac:dyDescent="0.15">
      <c r="A69" s="8">
        <v>53</v>
      </c>
      <c r="B69" s="34">
        <v>20</v>
      </c>
      <c r="C69" s="13">
        <v>22</v>
      </c>
      <c r="D69" s="12">
        <v>42</v>
      </c>
    </row>
    <row r="70" spans="1:4" ht="18" customHeight="1" x14ac:dyDescent="0.15">
      <c r="A70" s="8">
        <v>54</v>
      </c>
      <c r="B70" s="34">
        <v>15</v>
      </c>
      <c r="C70" s="13">
        <v>20</v>
      </c>
      <c r="D70" s="12">
        <v>35</v>
      </c>
    </row>
    <row r="71" spans="1:4" ht="18" customHeight="1" x14ac:dyDescent="0.15">
      <c r="A71" s="8" t="s">
        <v>58</v>
      </c>
      <c r="B71" s="34">
        <v>92</v>
      </c>
      <c r="C71" s="13">
        <v>103</v>
      </c>
      <c r="D71" s="12">
        <v>195</v>
      </c>
    </row>
    <row r="72" spans="1:4" ht="18" customHeight="1" x14ac:dyDescent="0.15">
      <c r="A72" s="8">
        <v>55</v>
      </c>
      <c r="B72" s="34">
        <v>14</v>
      </c>
      <c r="C72" s="13">
        <v>17</v>
      </c>
      <c r="D72" s="12">
        <v>31</v>
      </c>
    </row>
    <row r="73" spans="1:4" ht="18" customHeight="1" x14ac:dyDescent="0.15">
      <c r="A73" s="8">
        <v>56</v>
      </c>
      <c r="B73" s="34">
        <v>21</v>
      </c>
      <c r="C73" s="13">
        <v>12</v>
      </c>
      <c r="D73" s="12">
        <v>33</v>
      </c>
    </row>
    <row r="74" spans="1:4" ht="18" customHeight="1" x14ac:dyDescent="0.15">
      <c r="A74" s="8">
        <v>57</v>
      </c>
      <c r="B74" s="34">
        <v>17</v>
      </c>
      <c r="C74" s="13">
        <v>21</v>
      </c>
      <c r="D74" s="12">
        <v>38</v>
      </c>
    </row>
    <row r="75" spans="1:4" ht="18" customHeight="1" x14ac:dyDescent="0.15">
      <c r="A75" s="8">
        <v>58</v>
      </c>
      <c r="B75" s="34">
        <v>19</v>
      </c>
      <c r="C75" s="13">
        <v>13</v>
      </c>
      <c r="D75" s="12">
        <v>32</v>
      </c>
    </row>
    <row r="76" spans="1:4" ht="18" customHeight="1" x14ac:dyDescent="0.15">
      <c r="A76" s="8">
        <v>59</v>
      </c>
      <c r="B76" s="34">
        <v>19</v>
      </c>
      <c r="C76" s="13">
        <v>23</v>
      </c>
      <c r="D76" s="12">
        <v>42</v>
      </c>
    </row>
    <row r="77" spans="1:4" ht="18" customHeight="1" x14ac:dyDescent="0.15">
      <c r="A77" s="8" t="s">
        <v>71</v>
      </c>
      <c r="B77" s="34">
        <v>90</v>
      </c>
      <c r="C77" s="13">
        <v>86</v>
      </c>
      <c r="D77" s="12">
        <v>176</v>
      </c>
    </row>
    <row r="78" spans="1:4" ht="18" customHeight="1" x14ac:dyDescent="0.15">
      <c r="A78" s="8">
        <v>60</v>
      </c>
      <c r="B78" s="34">
        <v>21</v>
      </c>
      <c r="C78" s="13">
        <v>17</v>
      </c>
      <c r="D78" s="12">
        <v>38</v>
      </c>
    </row>
    <row r="79" spans="1:4" ht="18" customHeight="1" x14ac:dyDescent="0.15">
      <c r="A79" s="8">
        <v>61</v>
      </c>
      <c r="B79" s="34">
        <v>14</v>
      </c>
      <c r="C79" s="13">
        <v>19</v>
      </c>
      <c r="D79" s="12">
        <v>33</v>
      </c>
    </row>
    <row r="80" spans="1:4" ht="18" customHeight="1" x14ac:dyDescent="0.15">
      <c r="A80" s="8">
        <v>62</v>
      </c>
      <c r="B80" s="34">
        <v>18</v>
      </c>
      <c r="C80" s="13">
        <v>23</v>
      </c>
      <c r="D80" s="12">
        <v>41</v>
      </c>
    </row>
    <row r="81" spans="1:4" ht="18" customHeight="1" x14ac:dyDescent="0.15">
      <c r="A81" s="8">
        <v>63</v>
      </c>
      <c r="B81" s="34">
        <v>15</v>
      </c>
      <c r="C81" s="13">
        <v>19</v>
      </c>
      <c r="D81" s="12">
        <v>34</v>
      </c>
    </row>
    <row r="82" spans="1:4" ht="18" customHeight="1" x14ac:dyDescent="0.15">
      <c r="A82" s="8">
        <v>64</v>
      </c>
      <c r="B82" s="34">
        <v>9</v>
      </c>
      <c r="C82" s="13">
        <v>19</v>
      </c>
      <c r="D82" s="12">
        <v>28</v>
      </c>
    </row>
    <row r="83" spans="1:4" ht="18" customHeight="1" x14ac:dyDescent="0.15">
      <c r="A83" s="8" t="s">
        <v>44</v>
      </c>
      <c r="B83" s="34">
        <v>77</v>
      </c>
      <c r="C83" s="13">
        <v>97</v>
      </c>
      <c r="D83" s="12">
        <v>174</v>
      </c>
    </row>
    <row r="84" spans="1:4" ht="18" customHeight="1" x14ac:dyDescent="0.15">
      <c r="A84" s="8" t="s">
        <v>43</v>
      </c>
      <c r="B84" s="34">
        <v>1037</v>
      </c>
      <c r="C84" s="13">
        <v>1027</v>
      </c>
      <c r="D84" s="12">
        <v>2064</v>
      </c>
    </row>
    <row r="85" spans="1:4" ht="18" customHeight="1" x14ac:dyDescent="0.15">
      <c r="A85" s="8">
        <v>65</v>
      </c>
      <c r="B85" s="34">
        <v>14</v>
      </c>
      <c r="C85" s="13">
        <v>34</v>
      </c>
      <c r="D85" s="12">
        <v>48</v>
      </c>
    </row>
    <row r="86" spans="1:4" ht="18" customHeight="1" x14ac:dyDescent="0.15">
      <c r="A86" s="8">
        <v>66</v>
      </c>
      <c r="B86" s="34">
        <v>28</v>
      </c>
      <c r="C86" s="13">
        <v>21</v>
      </c>
      <c r="D86" s="12">
        <v>49</v>
      </c>
    </row>
    <row r="87" spans="1:4" ht="18" customHeight="1" x14ac:dyDescent="0.15">
      <c r="A87" s="8">
        <v>67</v>
      </c>
      <c r="B87" s="34">
        <v>17</v>
      </c>
      <c r="C87" s="13">
        <v>29</v>
      </c>
      <c r="D87" s="12">
        <v>46</v>
      </c>
    </row>
    <row r="88" spans="1:4" ht="18" customHeight="1" x14ac:dyDescent="0.15">
      <c r="A88" s="8">
        <v>68</v>
      </c>
      <c r="B88" s="34">
        <v>19</v>
      </c>
      <c r="C88" s="13">
        <v>18</v>
      </c>
      <c r="D88" s="12">
        <v>37</v>
      </c>
    </row>
    <row r="89" spans="1:4" ht="18" customHeight="1" x14ac:dyDescent="0.15">
      <c r="A89" s="8">
        <v>69</v>
      </c>
      <c r="B89" s="34">
        <v>29</v>
      </c>
      <c r="C89" s="13">
        <v>28</v>
      </c>
      <c r="D89" s="12">
        <v>57</v>
      </c>
    </row>
    <row r="90" spans="1:4" ht="18" customHeight="1" x14ac:dyDescent="0.15">
      <c r="A90" s="8" t="s">
        <v>42</v>
      </c>
      <c r="B90" s="34">
        <v>107</v>
      </c>
      <c r="C90" s="13">
        <v>130</v>
      </c>
      <c r="D90" s="12">
        <v>237</v>
      </c>
    </row>
    <row r="91" spans="1:4" ht="18" customHeight="1" x14ac:dyDescent="0.15">
      <c r="A91" s="8">
        <v>70</v>
      </c>
      <c r="B91" s="34">
        <v>29</v>
      </c>
      <c r="C91" s="13">
        <v>31</v>
      </c>
      <c r="D91" s="12">
        <v>60</v>
      </c>
    </row>
    <row r="92" spans="1:4" ht="18" customHeight="1" x14ac:dyDescent="0.15">
      <c r="A92" s="8">
        <v>71</v>
      </c>
      <c r="B92" s="34">
        <v>25</v>
      </c>
      <c r="C92" s="13">
        <v>39</v>
      </c>
      <c r="D92" s="12">
        <v>64</v>
      </c>
    </row>
    <row r="93" spans="1:4" ht="18" customHeight="1" x14ac:dyDescent="0.15">
      <c r="A93" s="8">
        <v>72</v>
      </c>
      <c r="B93" s="34">
        <v>33</v>
      </c>
      <c r="C93" s="13">
        <v>28</v>
      </c>
      <c r="D93" s="12">
        <v>61</v>
      </c>
    </row>
    <row r="94" spans="1:4" ht="18" customHeight="1" x14ac:dyDescent="0.15">
      <c r="A94" s="8">
        <v>73</v>
      </c>
      <c r="B94" s="34">
        <v>34</v>
      </c>
      <c r="C94" s="13">
        <v>33</v>
      </c>
      <c r="D94" s="12">
        <v>67</v>
      </c>
    </row>
    <row r="95" spans="1:4" ht="18" customHeight="1" x14ac:dyDescent="0.15">
      <c r="A95" s="8">
        <v>74</v>
      </c>
      <c r="B95" s="34">
        <v>37</v>
      </c>
      <c r="C95" s="13">
        <v>38</v>
      </c>
      <c r="D95" s="12">
        <v>75</v>
      </c>
    </row>
    <row r="96" spans="1:4" ht="18" customHeight="1" x14ac:dyDescent="0.15">
      <c r="A96" s="8" t="s">
        <v>41</v>
      </c>
      <c r="B96" s="34">
        <v>158</v>
      </c>
      <c r="C96" s="13">
        <v>169</v>
      </c>
      <c r="D96" s="12">
        <v>327</v>
      </c>
    </row>
    <row r="97" spans="1:4" ht="18" customHeight="1" x14ac:dyDescent="0.15">
      <c r="A97" s="8">
        <v>75</v>
      </c>
      <c r="B97" s="34">
        <v>29</v>
      </c>
      <c r="C97" s="13">
        <v>33</v>
      </c>
      <c r="D97" s="12">
        <v>62</v>
      </c>
    </row>
    <row r="98" spans="1:4" ht="18" customHeight="1" x14ac:dyDescent="0.15">
      <c r="A98" s="8">
        <v>76</v>
      </c>
      <c r="B98" s="34">
        <v>29</v>
      </c>
      <c r="C98" s="13">
        <v>27</v>
      </c>
      <c r="D98" s="12">
        <v>56</v>
      </c>
    </row>
    <row r="99" spans="1:4" ht="18" customHeight="1" x14ac:dyDescent="0.15">
      <c r="A99" s="8">
        <v>77</v>
      </c>
      <c r="B99" s="34">
        <v>11</v>
      </c>
      <c r="C99" s="13">
        <v>13</v>
      </c>
      <c r="D99" s="12">
        <v>24</v>
      </c>
    </row>
    <row r="100" spans="1:4" ht="18" customHeight="1" x14ac:dyDescent="0.15">
      <c r="A100" s="8">
        <v>78</v>
      </c>
      <c r="B100" s="34">
        <v>20</v>
      </c>
      <c r="C100" s="13">
        <v>15</v>
      </c>
      <c r="D100" s="12">
        <v>35</v>
      </c>
    </row>
    <row r="101" spans="1:4" ht="18" customHeight="1" x14ac:dyDescent="0.15">
      <c r="A101" s="8">
        <v>79</v>
      </c>
      <c r="B101" s="34">
        <v>16</v>
      </c>
      <c r="C101" s="13">
        <v>21</v>
      </c>
      <c r="D101" s="12">
        <v>37</v>
      </c>
    </row>
    <row r="102" spans="1:4" ht="18" customHeight="1" x14ac:dyDescent="0.15">
      <c r="A102" s="8" t="s">
        <v>70</v>
      </c>
      <c r="B102" s="34">
        <v>105</v>
      </c>
      <c r="C102" s="13">
        <v>109</v>
      </c>
      <c r="D102" s="12">
        <v>214</v>
      </c>
    </row>
    <row r="103" spans="1:4" ht="18" customHeight="1" x14ac:dyDescent="0.15">
      <c r="A103" s="8">
        <v>80</v>
      </c>
      <c r="B103" s="34">
        <v>18</v>
      </c>
      <c r="C103" s="13">
        <v>18</v>
      </c>
      <c r="D103" s="12">
        <v>36</v>
      </c>
    </row>
    <row r="104" spans="1:4" ht="18" customHeight="1" x14ac:dyDescent="0.15">
      <c r="A104" s="8">
        <v>81</v>
      </c>
      <c r="B104" s="34">
        <v>17</v>
      </c>
      <c r="C104" s="13">
        <v>18</v>
      </c>
      <c r="D104" s="12">
        <v>35</v>
      </c>
    </row>
    <row r="105" spans="1:4" ht="18" customHeight="1" x14ac:dyDescent="0.15">
      <c r="A105" s="8">
        <v>82</v>
      </c>
      <c r="B105" s="34">
        <v>12</v>
      </c>
      <c r="C105" s="13">
        <v>12</v>
      </c>
      <c r="D105" s="12">
        <v>24</v>
      </c>
    </row>
    <row r="106" spans="1:4" ht="18" customHeight="1" x14ac:dyDescent="0.15">
      <c r="A106" s="8">
        <v>83</v>
      </c>
      <c r="B106" s="34">
        <v>11</v>
      </c>
      <c r="C106" s="13">
        <v>14</v>
      </c>
      <c r="D106" s="12">
        <v>25</v>
      </c>
    </row>
    <row r="107" spans="1:4" ht="18" customHeight="1" x14ac:dyDescent="0.15">
      <c r="A107" s="8">
        <v>84</v>
      </c>
      <c r="B107" s="34">
        <v>9</v>
      </c>
      <c r="C107" s="13">
        <v>12</v>
      </c>
      <c r="D107" s="12">
        <v>21</v>
      </c>
    </row>
    <row r="108" spans="1:4" ht="18" customHeight="1" x14ac:dyDescent="0.15">
      <c r="A108" s="8" t="s">
        <v>39</v>
      </c>
      <c r="B108" s="34">
        <v>67</v>
      </c>
      <c r="C108" s="13">
        <v>74</v>
      </c>
      <c r="D108" s="12">
        <v>141</v>
      </c>
    </row>
    <row r="109" spans="1:4" ht="18" customHeight="1" x14ac:dyDescent="0.15">
      <c r="A109" s="8">
        <v>85</v>
      </c>
      <c r="B109" s="34">
        <v>6</v>
      </c>
      <c r="C109" s="13">
        <v>6</v>
      </c>
      <c r="D109" s="12">
        <v>12</v>
      </c>
    </row>
    <row r="110" spans="1:4" ht="18" customHeight="1" x14ac:dyDescent="0.15">
      <c r="A110" s="8">
        <v>86</v>
      </c>
      <c r="B110" s="34">
        <v>7</v>
      </c>
      <c r="C110" s="13">
        <v>12</v>
      </c>
      <c r="D110" s="12">
        <v>19</v>
      </c>
    </row>
    <row r="111" spans="1:4" ht="18" customHeight="1" x14ac:dyDescent="0.15">
      <c r="A111" s="8">
        <v>87</v>
      </c>
      <c r="B111" s="34">
        <v>10</v>
      </c>
      <c r="C111" s="13">
        <v>11</v>
      </c>
      <c r="D111" s="12">
        <v>21</v>
      </c>
    </row>
    <row r="112" spans="1:4" ht="18" customHeight="1" x14ac:dyDescent="0.15">
      <c r="A112" s="8">
        <v>88</v>
      </c>
      <c r="B112" s="34">
        <v>3</v>
      </c>
      <c r="C112" s="13">
        <v>9</v>
      </c>
      <c r="D112" s="12">
        <v>12</v>
      </c>
    </row>
    <row r="113" spans="1:4" ht="18" customHeight="1" x14ac:dyDescent="0.15">
      <c r="A113" s="8">
        <v>89</v>
      </c>
      <c r="B113" s="34">
        <v>1</v>
      </c>
      <c r="C113" s="13">
        <v>14</v>
      </c>
      <c r="D113" s="12">
        <v>15</v>
      </c>
    </row>
    <row r="114" spans="1:4" ht="18" customHeight="1" x14ac:dyDescent="0.15">
      <c r="A114" s="8" t="s">
        <v>38</v>
      </c>
      <c r="B114" s="34">
        <v>27</v>
      </c>
      <c r="C114" s="13">
        <v>52</v>
      </c>
      <c r="D114" s="12">
        <v>79</v>
      </c>
    </row>
    <row r="115" spans="1:4" ht="18" customHeight="1" x14ac:dyDescent="0.15">
      <c r="A115" s="8">
        <v>90</v>
      </c>
      <c r="B115" s="34">
        <v>0</v>
      </c>
      <c r="C115" s="13">
        <v>10</v>
      </c>
      <c r="D115" s="12">
        <v>10</v>
      </c>
    </row>
    <row r="116" spans="1:4" ht="18" customHeight="1" x14ac:dyDescent="0.15">
      <c r="A116" s="8">
        <v>91</v>
      </c>
      <c r="B116" s="34">
        <v>4</v>
      </c>
      <c r="C116" s="13">
        <v>5</v>
      </c>
      <c r="D116" s="12">
        <v>9</v>
      </c>
    </row>
    <row r="117" spans="1:4" ht="18" customHeight="1" x14ac:dyDescent="0.15">
      <c r="A117" s="8">
        <v>92</v>
      </c>
      <c r="B117" s="34">
        <v>5</v>
      </c>
      <c r="C117" s="13">
        <v>5</v>
      </c>
      <c r="D117" s="12">
        <v>10</v>
      </c>
    </row>
    <row r="118" spans="1:4" ht="18" customHeight="1" x14ac:dyDescent="0.15">
      <c r="A118" s="8">
        <v>93</v>
      </c>
      <c r="B118" s="34">
        <v>2</v>
      </c>
      <c r="C118" s="13">
        <v>6</v>
      </c>
      <c r="D118" s="12">
        <v>8</v>
      </c>
    </row>
    <row r="119" spans="1:4" ht="18" customHeight="1" x14ac:dyDescent="0.15">
      <c r="A119" s="8">
        <v>94</v>
      </c>
      <c r="B119" s="34">
        <v>2</v>
      </c>
      <c r="C119" s="13">
        <v>4</v>
      </c>
      <c r="D119" s="12">
        <v>6</v>
      </c>
    </row>
    <row r="120" spans="1:4" ht="18" customHeight="1" x14ac:dyDescent="0.15">
      <c r="A120" s="8" t="s">
        <v>69</v>
      </c>
      <c r="B120" s="34">
        <v>13</v>
      </c>
      <c r="C120" s="13">
        <v>30</v>
      </c>
      <c r="D120" s="12">
        <v>43</v>
      </c>
    </row>
    <row r="121" spans="1:4" ht="18" customHeight="1" x14ac:dyDescent="0.15">
      <c r="A121" s="8">
        <v>95</v>
      </c>
      <c r="B121" s="34">
        <v>2</v>
      </c>
      <c r="C121" s="13">
        <v>3</v>
      </c>
      <c r="D121" s="12">
        <v>5</v>
      </c>
    </row>
    <row r="122" spans="1:4" ht="18" customHeight="1" x14ac:dyDescent="0.15">
      <c r="A122" s="8">
        <v>96</v>
      </c>
      <c r="B122" s="34">
        <v>1</v>
      </c>
      <c r="C122" s="13">
        <v>4</v>
      </c>
      <c r="D122" s="12">
        <v>5</v>
      </c>
    </row>
    <row r="123" spans="1:4" ht="18" customHeight="1" x14ac:dyDescent="0.15">
      <c r="A123" s="8">
        <v>97</v>
      </c>
      <c r="B123" s="34">
        <v>1</v>
      </c>
      <c r="C123" s="13">
        <v>4</v>
      </c>
      <c r="D123" s="12">
        <v>5</v>
      </c>
    </row>
    <row r="124" spans="1:4" ht="18" customHeight="1" x14ac:dyDescent="0.15">
      <c r="A124" s="8">
        <v>98</v>
      </c>
      <c r="B124" s="34">
        <v>1</v>
      </c>
      <c r="C124" s="13">
        <v>1</v>
      </c>
      <c r="D124" s="12">
        <v>2</v>
      </c>
    </row>
    <row r="125" spans="1:4" ht="18" customHeight="1" x14ac:dyDescent="0.15">
      <c r="A125" s="8">
        <v>99</v>
      </c>
      <c r="B125" s="34">
        <v>1</v>
      </c>
      <c r="C125" s="13">
        <v>0</v>
      </c>
      <c r="D125" s="12">
        <v>1</v>
      </c>
    </row>
    <row r="126" spans="1:4" ht="18" customHeight="1" x14ac:dyDescent="0.15">
      <c r="A126" s="8" t="s">
        <v>68</v>
      </c>
      <c r="B126" s="34">
        <v>6</v>
      </c>
      <c r="C126" s="13">
        <v>12</v>
      </c>
      <c r="D126" s="12">
        <v>18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0</v>
      </c>
      <c r="D129" s="12">
        <v>0</v>
      </c>
    </row>
    <row r="130" spans="1:4" ht="18" customHeight="1" x14ac:dyDescent="0.15">
      <c r="A130" s="8" t="s">
        <v>35</v>
      </c>
      <c r="B130" s="28">
        <v>483</v>
      </c>
      <c r="C130" s="6">
        <v>576</v>
      </c>
      <c r="D130" s="5">
        <v>1059</v>
      </c>
    </row>
    <row r="131" spans="1:4" ht="18" customHeight="1" x14ac:dyDescent="0.15">
      <c r="A131" s="4" t="s">
        <v>0</v>
      </c>
      <c r="B131" s="27">
        <v>1782</v>
      </c>
      <c r="C131" s="2">
        <v>1844</v>
      </c>
      <c r="D131" s="1">
        <v>362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61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6</v>
      </c>
      <c r="C5" s="44">
        <v>10</v>
      </c>
      <c r="D5" s="43">
        <v>16</v>
      </c>
    </row>
    <row r="6" spans="1:4" ht="18" customHeight="1" x14ac:dyDescent="0.15">
      <c r="A6" s="8">
        <v>1</v>
      </c>
      <c r="B6" s="39">
        <v>12</v>
      </c>
      <c r="C6" s="13">
        <v>13</v>
      </c>
      <c r="D6" s="12">
        <v>25</v>
      </c>
    </row>
    <row r="7" spans="1:4" ht="18" customHeight="1" x14ac:dyDescent="0.15">
      <c r="A7" s="8">
        <v>2</v>
      </c>
      <c r="B7" s="39">
        <v>8</v>
      </c>
      <c r="C7" s="13">
        <v>14</v>
      </c>
      <c r="D7" s="12">
        <v>22</v>
      </c>
    </row>
    <row r="8" spans="1:4" ht="18" customHeight="1" x14ac:dyDescent="0.15">
      <c r="A8" s="8">
        <v>3</v>
      </c>
      <c r="B8" s="39">
        <v>11</v>
      </c>
      <c r="C8" s="13">
        <v>7</v>
      </c>
      <c r="D8" s="12">
        <v>18</v>
      </c>
    </row>
    <row r="9" spans="1:4" ht="18" customHeight="1" x14ac:dyDescent="0.15">
      <c r="A9" s="8">
        <v>4</v>
      </c>
      <c r="B9" s="42">
        <v>14</v>
      </c>
      <c r="C9" s="41">
        <v>9</v>
      </c>
      <c r="D9" s="40">
        <v>23</v>
      </c>
    </row>
    <row r="10" spans="1:4" ht="18" customHeight="1" x14ac:dyDescent="0.15">
      <c r="A10" s="8" t="s">
        <v>360</v>
      </c>
      <c r="B10" s="34">
        <v>51</v>
      </c>
      <c r="C10" s="13">
        <v>53</v>
      </c>
      <c r="D10" s="12">
        <v>104</v>
      </c>
    </row>
    <row r="11" spans="1:4" ht="18" customHeight="1" x14ac:dyDescent="0.15">
      <c r="A11" s="8">
        <v>5</v>
      </c>
      <c r="B11" s="39">
        <v>11</v>
      </c>
      <c r="C11" s="13">
        <v>14</v>
      </c>
      <c r="D11" s="12">
        <v>25</v>
      </c>
    </row>
    <row r="12" spans="1:4" ht="18" customHeight="1" x14ac:dyDescent="0.15">
      <c r="A12" s="8">
        <v>6</v>
      </c>
      <c r="B12" s="39">
        <v>9</v>
      </c>
      <c r="C12" s="13">
        <v>14</v>
      </c>
      <c r="D12" s="12">
        <v>23</v>
      </c>
    </row>
    <row r="13" spans="1:4" ht="18" customHeight="1" x14ac:dyDescent="0.15">
      <c r="A13" s="8">
        <v>7</v>
      </c>
      <c r="B13" s="39">
        <v>19</v>
      </c>
      <c r="C13" s="13">
        <v>14</v>
      </c>
      <c r="D13" s="12">
        <v>33</v>
      </c>
    </row>
    <row r="14" spans="1:4" ht="18" customHeight="1" x14ac:dyDescent="0.15">
      <c r="A14" s="8">
        <v>8</v>
      </c>
      <c r="B14" s="39">
        <v>15</v>
      </c>
      <c r="C14" s="13">
        <v>12</v>
      </c>
      <c r="D14" s="12">
        <v>27</v>
      </c>
    </row>
    <row r="15" spans="1:4" ht="18" customHeight="1" x14ac:dyDescent="0.15">
      <c r="A15" s="8">
        <v>9</v>
      </c>
      <c r="B15" s="39">
        <v>15</v>
      </c>
      <c r="C15" s="13">
        <v>22</v>
      </c>
      <c r="D15" s="12">
        <v>37</v>
      </c>
    </row>
    <row r="16" spans="1:4" ht="18" customHeight="1" x14ac:dyDescent="0.15">
      <c r="A16" s="8" t="s">
        <v>50</v>
      </c>
      <c r="B16" s="34">
        <v>69</v>
      </c>
      <c r="C16" s="13">
        <v>76</v>
      </c>
      <c r="D16" s="12">
        <v>145</v>
      </c>
    </row>
    <row r="17" spans="1:4" ht="18" customHeight="1" x14ac:dyDescent="0.15">
      <c r="A17" s="8">
        <v>10</v>
      </c>
      <c r="B17" s="34">
        <v>15</v>
      </c>
      <c r="C17" s="13">
        <v>18</v>
      </c>
      <c r="D17" s="12">
        <v>33</v>
      </c>
    </row>
    <row r="18" spans="1:4" ht="18" customHeight="1" x14ac:dyDescent="0.15">
      <c r="A18" s="8">
        <v>11</v>
      </c>
      <c r="B18" s="34">
        <v>20</v>
      </c>
      <c r="C18" s="13">
        <v>20</v>
      </c>
      <c r="D18" s="12">
        <v>40</v>
      </c>
    </row>
    <row r="19" spans="1:4" ht="18" customHeight="1" x14ac:dyDescent="0.15">
      <c r="A19" s="8">
        <v>12</v>
      </c>
      <c r="B19" s="34">
        <v>18</v>
      </c>
      <c r="C19" s="13">
        <v>20</v>
      </c>
      <c r="D19" s="12">
        <v>38</v>
      </c>
    </row>
    <row r="20" spans="1:4" ht="18" customHeight="1" x14ac:dyDescent="0.15">
      <c r="A20" s="8">
        <v>13</v>
      </c>
      <c r="B20" s="34">
        <v>20</v>
      </c>
      <c r="C20" s="13">
        <v>13</v>
      </c>
      <c r="D20" s="12">
        <v>33</v>
      </c>
    </row>
    <row r="21" spans="1:4" ht="18" customHeight="1" x14ac:dyDescent="0.15">
      <c r="A21" s="8">
        <v>14</v>
      </c>
      <c r="B21" s="34">
        <v>28</v>
      </c>
      <c r="C21" s="13">
        <v>16</v>
      </c>
      <c r="D21" s="12">
        <v>44</v>
      </c>
    </row>
    <row r="22" spans="1:4" ht="18" customHeight="1" x14ac:dyDescent="0.15">
      <c r="A22" s="8" t="s">
        <v>75</v>
      </c>
      <c r="B22" s="34">
        <v>101</v>
      </c>
      <c r="C22" s="13">
        <v>87</v>
      </c>
      <c r="D22" s="12">
        <v>188</v>
      </c>
    </row>
    <row r="23" spans="1:4" ht="18" customHeight="1" x14ac:dyDescent="0.15">
      <c r="A23" s="8" t="s">
        <v>65</v>
      </c>
      <c r="B23" s="34">
        <v>221</v>
      </c>
      <c r="C23" s="13">
        <v>216</v>
      </c>
      <c r="D23" s="12">
        <v>437</v>
      </c>
    </row>
    <row r="24" spans="1:4" ht="18" customHeight="1" x14ac:dyDescent="0.15">
      <c r="A24" s="8">
        <v>15</v>
      </c>
      <c r="B24" s="34">
        <v>16</v>
      </c>
      <c r="C24" s="13">
        <v>11</v>
      </c>
      <c r="D24" s="12">
        <v>27</v>
      </c>
    </row>
    <row r="25" spans="1:4" ht="18" customHeight="1" x14ac:dyDescent="0.15">
      <c r="A25" s="8">
        <v>16</v>
      </c>
      <c r="B25" s="34">
        <v>21</v>
      </c>
      <c r="C25" s="13">
        <v>19</v>
      </c>
      <c r="D25" s="12">
        <v>40</v>
      </c>
    </row>
    <row r="26" spans="1:4" ht="18" customHeight="1" x14ac:dyDescent="0.15">
      <c r="A26" s="8">
        <v>17</v>
      </c>
      <c r="B26" s="34">
        <v>19</v>
      </c>
      <c r="C26" s="13">
        <v>12</v>
      </c>
      <c r="D26" s="12">
        <v>31</v>
      </c>
    </row>
    <row r="27" spans="1:4" ht="18" customHeight="1" x14ac:dyDescent="0.15">
      <c r="A27" s="8">
        <v>18</v>
      </c>
      <c r="B27" s="34">
        <v>20</v>
      </c>
      <c r="C27" s="13">
        <v>20</v>
      </c>
      <c r="D27" s="12">
        <v>40</v>
      </c>
    </row>
    <row r="28" spans="1:4" ht="18" customHeight="1" x14ac:dyDescent="0.15">
      <c r="A28" s="8">
        <v>19</v>
      </c>
      <c r="B28" s="34">
        <v>22</v>
      </c>
      <c r="C28" s="13">
        <v>10</v>
      </c>
      <c r="D28" s="12">
        <v>32</v>
      </c>
    </row>
    <row r="29" spans="1:4" ht="18" customHeight="1" x14ac:dyDescent="0.15">
      <c r="A29" s="8" t="s">
        <v>48</v>
      </c>
      <c r="B29" s="34">
        <v>98</v>
      </c>
      <c r="C29" s="13">
        <v>72</v>
      </c>
      <c r="D29" s="12">
        <v>170</v>
      </c>
    </row>
    <row r="30" spans="1:4" ht="18" customHeight="1" x14ac:dyDescent="0.15">
      <c r="A30" s="8">
        <v>20</v>
      </c>
      <c r="B30" s="34">
        <v>10</v>
      </c>
      <c r="C30" s="13">
        <v>15</v>
      </c>
      <c r="D30" s="12">
        <v>25</v>
      </c>
    </row>
    <row r="31" spans="1:4" ht="18" customHeight="1" x14ac:dyDescent="0.15">
      <c r="A31" s="8">
        <v>21</v>
      </c>
      <c r="B31" s="34">
        <v>16</v>
      </c>
      <c r="C31" s="13">
        <v>22</v>
      </c>
      <c r="D31" s="12">
        <v>38</v>
      </c>
    </row>
    <row r="32" spans="1:4" ht="18" customHeight="1" x14ac:dyDescent="0.15">
      <c r="A32" s="8">
        <v>22</v>
      </c>
      <c r="B32" s="34">
        <v>21</v>
      </c>
      <c r="C32" s="13">
        <v>15</v>
      </c>
      <c r="D32" s="12">
        <v>36</v>
      </c>
    </row>
    <row r="33" spans="1:4" ht="18" customHeight="1" x14ac:dyDescent="0.15">
      <c r="A33" s="8">
        <v>23</v>
      </c>
      <c r="B33" s="34">
        <v>10</v>
      </c>
      <c r="C33" s="13">
        <v>19</v>
      </c>
      <c r="D33" s="12">
        <v>29</v>
      </c>
    </row>
    <row r="34" spans="1:4" ht="18" customHeight="1" x14ac:dyDescent="0.15">
      <c r="A34" s="8">
        <v>24</v>
      </c>
      <c r="B34" s="34">
        <v>14</v>
      </c>
      <c r="C34" s="13">
        <v>12</v>
      </c>
      <c r="D34" s="12">
        <v>26</v>
      </c>
    </row>
    <row r="35" spans="1:4" ht="18" customHeight="1" x14ac:dyDescent="0.15">
      <c r="A35" s="8" t="s">
        <v>354</v>
      </c>
      <c r="B35" s="34">
        <v>71</v>
      </c>
      <c r="C35" s="13">
        <v>83</v>
      </c>
      <c r="D35" s="12">
        <v>154</v>
      </c>
    </row>
    <row r="36" spans="1:4" ht="18" customHeight="1" x14ac:dyDescent="0.15">
      <c r="A36" s="8">
        <v>25</v>
      </c>
      <c r="B36" s="34">
        <v>19</v>
      </c>
      <c r="C36" s="13">
        <v>24</v>
      </c>
      <c r="D36" s="12">
        <v>43</v>
      </c>
    </row>
    <row r="37" spans="1:4" ht="18" customHeight="1" x14ac:dyDescent="0.15">
      <c r="A37" s="8">
        <v>26</v>
      </c>
      <c r="B37" s="34">
        <v>15</v>
      </c>
      <c r="C37" s="13">
        <v>14</v>
      </c>
      <c r="D37" s="12">
        <v>29</v>
      </c>
    </row>
    <row r="38" spans="1:4" ht="18" customHeight="1" x14ac:dyDescent="0.15">
      <c r="A38" s="8">
        <v>27</v>
      </c>
      <c r="B38" s="34">
        <v>13</v>
      </c>
      <c r="C38" s="13">
        <v>11</v>
      </c>
      <c r="D38" s="12">
        <v>24</v>
      </c>
    </row>
    <row r="39" spans="1:4" ht="18" customHeight="1" x14ac:dyDescent="0.15">
      <c r="A39" s="8">
        <v>28</v>
      </c>
      <c r="B39" s="34">
        <v>20</v>
      </c>
      <c r="C39" s="13">
        <v>21</v>
      </c>
      <c r="D39" s="12">
        <v>41</v>
      </c>
    </row>
    <row r="40" spans="1:4" ht="18" customHeight="1" x14ac:dyDescent="0.15">
      <c r="A40" s="8">
        <v>29</v>
      </c>
      <c r="B40" s="34">
        <v>16</v>
      </c>
      <c r="C40" s="13">
        <v>10</v>
      </c>
      <c r="D40" s="12">
        <v>26</v>
      </c>
    </row>
    <row r="41" spans="1:4" ht="18" customHeight="1" x14ac:dyDescent="0.15">
      <c r="A41" s="8" t="s">
        <v>73</v>
      </c>
      <c r="B41" s="34">
        <v>83</v>
      </c>
      <c r="C41" s="13">
        <v>80</v>
      </c>
      <c r="D41" s="12">
        <v>163</v>
      </c>
    </row>
    <row r="42" spans="1:4" ht="18" customHeight="1" x14ac:dyDescent="0.15">
      <c r="A42" s="8">
        <v>30</v>
      </c>
      <c r="B42" s="34">
        <v>20</v>
      </c>
      <c r="C42" s="13">
        <v>6</v>
      </c>
      <c r="D42" s="12">
        <v>26</v>
      </c>
    </row>
    <row r="43" spans="1:4" ht="18" customHeight="1" x14ac:dyDescent="0.15">
      <c r="A43" s="8">
        <v>31</v>
      </c>
      <c r="B43" s="34">
        <v>18</v>
      </c>
      <c r="C43" s="13">
        <v>18</v>
      </c>
      <c r="D43" s="12">
        <v>36</v>
      </c>
    </row>
    <row r="44" spans="1:4" ht="18" customHeight="1" x14ac:dyDescent="0.15">
      <c r="A44" s="8">
        <v>32</v>
      </c>
      <c r="B44" s="34">
        <v>20</v>
      </c>
      <c r="C44" s="13">
        <v>13</v>
      </c>
      <c r="D44" s="12">
        <v>33</v>
      </c>
    </row>
    <row r="45" spans="1:4" ht="18" customHeight="1" x14ac:dyDescent="0.15">
      <c r="A45" s="8">
        <v>33</v>
      </c>
      <c r="B45" s="34">
        <v>14</v>
      </c>
      <c r="C45" s="13">
        <v>14</v>
      </c>
      <c r="D45" s="12">
        <v>28</v>
      </c>
    </row>
    <row r="46" spans="1:4" ht="18" customHeight="1" x14ac:dyDescent="0.15">
      <c r="A46" s="8">
        <v>34</v>
      </c>
      <c r="B46" s="34">
        <v>16</v>
      </c>
      <c r="C46" s="13">
        <v>24</v>
      </c>
      <c r="D46" s="12">
        <v>40</v>
      </c>
    </row>
    <row r="47" spans="1:4" ht="18" customHeight="1" x14ac:dyDescent="0.15">
      <c r="A47" s="8" t="s">
        <v>61</v>
      </c>
      <c r="B47" s="34">
        <v>88</v>
      </c>
      <c r="C47" s="13">
        <v>75</v>
      </c>
      <c r="D47" s="12">
        <v>163</v>
      </c>
    </row>
    <row r="48" spans="1:4" ht="18" customHeight="1" x14ac:dyDescent="0.15">
      <c r="A48" s="8">
        <v>35</v>
      </c>
      <c r="B48" s="34">
        <v>20</v>
      </c>
      <c r="C48" s="13">
        <v>13</v>
      </c>
      <c r="D48" s="12">
        <v>33</v>
      </c>
    </row>
    <row r="49" spans="1:4" ht="18" customHeight="1" x14ac:dyDescent="0.15">
      <c r="A49" s="8">
        <v>36</v>
      </c>
      <c r="B49" s="34">
        <v>27</v>
      </c>
      <c r="C49" s="13">
        <v>19</v>
      </c>
      <c r="D49" s="12">
        <v>46</v>
      </c>
    </row>
    <row r="50" spans="1:4" ht="18" customHeight="1" x14ac:dyDescent="0.15">
      <c r="A50" s="8">
        <v>37</v>
      </c>
      <c r="B50" s="34">
        <v>20</v>
      </c>
      <c r="C50" s="13">
        <v>20</v>
      </c>
      <c r="D50" s="12">
        <v>40</v>
      </c>
    </row>
    <row r="51" spans="1:4" ht="18" customHeight="1" x14ac:dyDescent="0.15">
      <c r="A51" s="8">
        <v>38</v>
      </c>
      <c r="B51" s="34">
        <v>18</v>
      </c>
      <c r="C51" s="13">
        <v>22</v>
      </c>
      <c r="D51" s="12">
        <v>40</v>
      </c>
    </row>
    <row r="52" spans="1:4" ht="18" customHeight="1" x14ac:dyDescent="0.15">
      <c r="A52" s="8">
        <v>39</v>
      </c>
      <c r="B52" s="34">
        <v>19</v>
      </c>
      <c r="C52" s="13">
        <v>15</v>
      </c>
      <c r="D52" s="12">
        <v>34</v>
      </c>
    </row>
    <row r="53" spans="1:4" ht="18" customHeight="1" x14ac:dyDescent="0.15">
      <c r="A53" s="8" t="s">
        <v>72</v>
      </c>
      <c r="B53" s="34">
        <v>104</v>
      </c>
      <c r="C53" s="13">
        <v>89</v>
      </c>
      <c r="D53" s="12">
        <v>193</v>
      </c>
    </row>
    <row r="54" spans="1:4" ht="18" customHeight="1" x14ac:dyDescent="0.15">
      <c r="A54" s="8">
        <v>40</v>
      </c>
      <c r="B54" s="34">
        <v>14</v>
      </c>
      <c r="C54" s="13">
        <v>15</v>
      </c>
      <c r="D54" s="12">
        <v>29</v>
      </c>
    </row>
    <row r="55" spans="1:4" ht="18" customHeight="1" x14ac:dyDescent="0.15">
      <c r="A55" s="8">
        <v>41</v>
      </c>
      <c r="B55" s="34">
        <v>22</v>
      </c>
      <c r="C55" s="13">
        <v>24</v>
      </c>
      <c r="D55" s="12">
        <v>46</v>
      </c>
    </row>
    <row r="56" spans="1:4" ht="18" customHeight="1" x14ac:dyDescent="0.15">
      <c r="A56" s="8">
        <v>42</v>
      </c>
      <c r="B56" s="34">
        <v>26</v>
      </c>
      <c r="C56" s="13">
        <v>14</v>
      </c>
      <c r="D56" s="12">
        <v>40</v>
      </c>
    </row>
    <row r="57" spans="1:4" ht="18" customHeight="1" x14ac:dyDescent="0.15">
      <c r="A57" s="8">
        <v>43</v>
      </c>
      <c r="B57" s="34">
        <v>23</v>
      </c>
      <c r="C57" s="13">
        <v>23</v>
      </c>
      <c r="D57" s="12">
        <v>46</v>
      </c>
    </row>
    <row r="58" spans="1:4" ht="18" customHeight="1" x14ac:dyDescent="0.15">
      <c r="A58" s="8">
        <v>44</v>
      </c>
      <c r="B58" s="34">
        <v>25</v>
      </c>
      <c r="C58" s="13">
        <v>25</v>
      </c>
      <c r="D58" s="12">
        <v>50</v>
      </c>
    </row>
    <row r="59" spans="1:4" ht="18" customHeight="1" x14ac:dyDescent="0.15">
      <c r="A59" s="8" t="s">
        <v>359</v>
      </c>
      <c r="B59" s="34">
        <v>110</v>
      </c>
      <c r="C59" s="13">
        <v>101</v>
      </c>
      <c r="D59" s="12">
        <v>211</v>
      </c>
    </row>
    <row r="60" spans="1:4" ht="18" customHeight="1" x14ac:dyDescent="0.15">
      <c r="A60" s="8">
        <v>45</v>
      </c>
      <c r="B60" s="34">
        <v>21</v>
      </c>
      <c r="C60" s="13">
        <v>27</v>
      </c>
      <c r="D60" s="12">
        <v>48</v>
      </c>
    </row>
    <row r="61" spans="1:4" ht="18" customHeight="1" x14ac:dyDescent="0.15">
      <c r="A61" s="8">
        <v>46</v>
      </c>
      <c r="B61" s="34">
        <v>21</v>
      </c>
      <c r="C61" s="13">
        <v>20</v>
      </c>
      <c r="D61" s="12">
        <v>41</v>
      </c>
    </row>
    <row r="62" spans="1:4" ht="18" customHeight="1" x14ac:dyDescent="0.15">
      <c r="A62" s="8">
        <v>47</v>
      </c>
      <c r="B62" s="34">
        <v>25</v>
      </c>
      <c r="C62" s="13">
        <v>25</v>
      </c>
      <c r="D62" s="12">
        <v>50</v>
      </c>
    </row>
    <row r="63" spans="1:4" ht="18" customHeight="1" x14ac:dyDescent="0.15">
      <c r="A63" s="8">
        <v>48</v>
      </c>
      <c r="B63" s="34">
        <v>27</v>
      </c>
      <c r="C63" s="13">
        <v>39</v>
      </c>
      <c r="D63" s="12">
        <v>66</v>
      </c>
    </row>
    <row r="64" spans="1:4" ht="18" customHeight="1" x14ac:dyDescent="0.15">
      <c r="A64" s="8">
        <v>49</v>
      </c>
      <c r="B64" s="34">
        <v>28</v>
      </c>
      <c r="C64" s="13">
        <v>32</v>
      </c>
      <c r="D64" s="12">
        <v>60</v>
      </c>
    </row>
    <row r="65" spans="1:4" ht="18" customHeight="1" x14ac:dyDescent="0.15">
      <c r="A65" s="8" t="s">
        <v>45</v>
      </c>
      <c r="B65" s="34">
        <v>122</v>
      </c>
      <c r="C65" s="13">
        <v>143</v>
      </c>
      <c r="D65" s="12">
        <v>265</v>
      </c>
    </row>
    <row r="66" spans="1:4" ht="18" customHeight="1" x14ac:dyDescent="0.15">
      <c r="A66" s="8">
        <v>50</v>
      </c>
      <c r="B66" s="34">
        <v>27</v>
      </c>
      <c r="C66" s="13">
        <v>26</v>
      </c>
      <c r="D66" s="12">
        <v>53</v>
      </c>
    </row>
    <row r="67" spans="1:4" ht="18" customHeight="1" x14ac:dyDescent="0.15">
      <c r="A67" s="8">
        <v>51</v>
      </c>
      <c r="B67" s="34">
        <v>26</v>
      </c>
      <c r="C67" s="13">
        <v>32</v>
      </c>
      <c r="D67" s="12">
        <v>58</v>
      </c>
    </row>
    <row r="68" spans="1:4" ht="18" customHeight="1" x14ac:dyDescent="0.15">
      <c r="A68" s="8">
        <v>52</v>
      </c>
      <c r="B68" s="34">
        <v>25</v>
      </c>
      <c r="C68" s="13">
        <v>16</v>
      </c>
      <c r="D68" s="12">
        <v>41</v>
      </c>
    </row>
    <row r="69" spans="1:4" ht="18" customHeight="1" x14ac:dyDescent="0.15">
      <c r="A69" s="8">
        <v>53</v>
      </c>
      <c r="B69" s="34">
        <v>31</v>
      </c>
      <c r="C69" s="13">
        <v>31</v>
      </c>
      <c r="D69" s="12">
        <v>62</v>
      </c>
    </row>
    <row r="70" spans="1:4" ht="18" customHeight="1" x14ac:dyDescent="0.15">
      <c r="A70" s="8">
        <v>54</v>
      </c>
      <c r="B70" s="34">
        <v>28</v>
      </c>
      <c r="C70" s="13">
        <v>21</v>
      </c>
      <c r="D70" s="12">
        <v>49</v>
      </c>
    </row>
    <row r="71" spans="1:4" ht="18" customHeight="1" x14ac:dyDescent="0.15">
      <c r="A71" s="8" t="s">
        <v>58</v>
      </c>
      <c r="B71" s="34">
        <v>137</v>
      </c>
      <c r="C71" s="13">
        <v>126</v>
      </c>
      <c r="D71" s="12">
        <v>263</v>
      </c>
    </row>
    <row r="72" spans="1:4" ht="18" customHeight="1" x14ac:dyDescent="0.15">
      <c r="A72" s="8">
        <v>55</v>
      </c>
      <c r="B72" s="34">
        <v>23</v>
      </c>
      <c r="C72" s="13">
        <v>25</v>
      </c>
      <c r="D72" s="12">
        <v>48</v>
      </c>
    </row>
    <row r="73" spans="1:4" ht="18" customHeight="1" x14ac:dyDescent="0.15">
      <c r="A73" s="8">
        <v>56</v>
      </c>
      <c r="B73" s="34">
        <v>24</v>
      </c>
      <c r="C73" s="13">
        <v>22</v>
      </c>
      <c r="D73" s="12">
        <v>46</v>
      </c>
    </row>
    <row r="74" spans="1:4" ht="18" customHeight="1" x14ac:dyDescent="0.15">
      <c r="A74" s="8">
        <v>57</v>
      </c>
      <c r="B74" s="34">
        <v>30</v>
      </c>
      <c r="C74" s="13">
        <v>27</v>
      </c>
      <c r="D74" s="12">
        <v>57</v>
      </c>
    </row>
    <row r="75" spans="1:4" ht="18" customHeight="1" x14ac:dyDescent="0.15">
      <c r="A75" s="8">
        <v>58</v>
      </c>
      <c r="B75" s="34">
        <v>29</v>
      </c>
      <c r="C75" s="13">
        <v>24</v>
      </c>
      <c r="D75" s="12">
        <v>53</v>
      </c>
    </row>
    <row r="76" spans="1:4" ht="18" customHeight="1" x14ac:dyDescent="0.15">
      <c r="A76" s="8">
        <v>59</v>
      </c>
      <c r="B76" s="34">
        <v>29</v>
      </c>
      <c r="C76" s="13">
        <v>35</v>
      </c>
      <c r="D76" s="12">
        <v>64</v>
      </c>
    </row>
    <row r="77" spans="1:4" ht="18" customHeight="1" x14ac:dyDescent="0.15">
      <c r="A77" s="8" t="s">
        <v>71</v>
      </c>
      <c r="B77" s="34">
        <v>135</v>
      </c>
      <c r="C77" s="13">
        <v>133</v>
      </c>
      <c r="D77" s="12">
        <v>268</v>
      </c>
    </row>
    <row r="78" spans="1:4" ht="18" customHeight="1" x14ac:dyDescent="0.15">
      <c r="A78" s="8">
        <v>60</v>
      </c>
      <c r="B78" s="34">
        <v>17</v>
      </c>
      <c r="C78" s="13">
        <v>30</v>
      </c>
      <c r="D78" s="12">
        <v>47</v>
      </c>
    </row>
    <row r="79" spans="1:4" ht="18" customHeight="1" x14ac:dyDescent="0.15">
      <c r="A79" s="8">
        <v>61</v>
      </c>
      <c r="B79" s="34">
        <v>21</v>
      </c>
      <c r="C79" s="13">
        <v>26</v>
      </c>
      <c r="D79" s="12">
        <v>47</v>
      </c>
    </row>
    <row r="80" spans="1:4" ht="18" customHeight="1" x14ac:dyDescent="0.15">
      <c r="A80" s="8">
        <v>62</v>
      </c>
      <c r="B80" s="34">
        <v>26</v>
      </c>
      <c r="C80" s="13">
        <v>20</v>
      </c>
      <c r="D80" s="12">
        <v>46</v>
      </c>
    </row>
    <row r="81" spans="1:4" ht="18" customHeight="1" x14ac:dyDescent="0.15">
      <c r="A81" s="8">
        <v>63</v>
      </c>
      <c r="B81" s="34">
        <v>26</v>
      </c>
      <c r="C81" s="13">
        <v>14</v>
      </c>
      <c r="D81" s="12">
        <v>40</v>
      </c>
    </row>
    <row r="82" spans="1:4" ht="18" customHeight="1" x14ac:dyDescent="0.15">
      <c r="A82" s="8">
        <v>64</v>
      </c>
      <c r="B82" s="34">
        <v>20</v>
      </c>
      <c r="C82" s="13">
        <v>30</v>
      </c>
      <c r="D82" s="12">
        <v>50</v>
      </c>
    </row>
    <row r="83" spans="1:4" ht="18" customHeight="1" x14ac:dyDescent="0.15">
      <c r="A83" s="8" t="s">
        <v>358</v>
      </c>
      <c r="B83" s="34">
        <v>110</v>
      </c>
      <c r="C83" s="13">
        <v>120</v>
      </c>
      <c r="D83" s="12">
        <v>230</v>
      </c>
    </row>
    <row r="84" spans="1:4" ht="18" customHeight="1" x14ac:dyDescent="0.15">
      <c r="A84" s="8" t="s">
        <v>43</v>
      </c>
      <c r="B84" s="34">
        <v>1058</v>
      </c>
      <c r="C84" s="13">
        <v>1022</v>
      </c>
      <c r="D84" s="12">
        <v>2080</v>
      </c>
    </row>
    <row r="85" spans="1:4" ht="18" customHeight="1" x14ac:dyDescent="0.15">
      <c r="A85" s="8">
        <v>65</v>
      </c>
      <c r="B85" s="34">
        <v>23</v>
      </c>
      <c r="C85" s="13">
        <v>31</v>
      </c>
      <c r="D85" s="12">
        <v>54</v>
      </c>
    </row>
    <row r="86" spans="1:4" ht="18" customHeight="1" x14ac:dyDescent="0.15">
      <c r="A86" s="8">
        <v>66</v>
      </c>
      <c r="B86" s="34">
        <v>26</v>
      </c>
      <c r="C86" s="13">
        <v>25</v>
      </c>
      <c r="D86" s="12">
        <v>51</v>
      </c>
    </row>
    <row r="87" spans="1:4" ht="18" customHeight="1" x14ac:dyDescent="0.15">
      <c r="A87" s="8">
        <v>67</v>
      </c>
      <c r="B87" s="34">
        <v>28</v>
      </c>
      <c r="C87" s="13">
        <v>29</v>
      </c>
      <c r="D87" s="12">
        <v>57</v>
      </c>
    </row>
    <row r="88" spans="1:4" ht="18" customHeight="1" x14ac:dyDescent="0.15">
      <c r="A88" s="8">
        <v>68</v>
      </c>
      <c r="B88" s="34">
        <v>38</v>
      </c>
      <c r="C88" s="13">
        <v>31</v>
      </c>
      <c r="D88" s="12">
        <v>69</v>
      </c>
    </row>
    <row r="89" spans="1:4" ht="18" customHeight="1" x14ac:dyDescent="0.15">
      <c r="A89" s="8">
        <v>69</v>
      </c>
      <c r="B89" s="34">
        <v>15</v>
      </c>
      <c r="C89" s="13">
        <v>29</v>
      </c>
      <c r="D89" s="12">
        <v>44</v>
      </c>
    </row>
    <row r="90" spans="1:4" ht="18" customHeight="1" x14ac:dyDescent="0.15">
      <c r="A90" s="8" t="s">
        <v>42</v>
      </c>
      <c r="B90" s="34">
        <v>130</v>
      </c>
      <c r="C90" s="13">
        <v>145</v>
      </c>
      <c r="D90" s="12">
        <v>275</v>
      </c>
    </row>
    <row r="91" spans="1:4" ht="18" customHeight="1" x14ac:dyDescent="0.15">
      <c r="A91" s="8">
        <v>70</v>
      </c>
      <c r="B91" s="34">
        <v>23</v>
      </c>
      <c r="C91" s="13">
        <v>33</v>
      </c>
      <c r="D91" s="12">
        <v>56</v>
      </c>
    </row>
    <row r="92" spans="1:4" ht="18" customHeight="1" x14ac:dyDescent="0.15">
      <c r="A92" s="8">
        <v>71</v>
      </c>
      <c r="B92" s="34">
        <v>38</v>
      </c>
      <c r="C92" s="13">
        <v>23</v>
      </c>
      <c r="D92" s="12">
        <v>61</v>
      </c>
    </row>
    <row r="93" spans="1:4" ht="18" customHeight="1" x14ac:dyDescent="0.15">
      <c r="A93" s="8">
        <v>72</v>
      </c>
      <c r="B93" s="34">
        <v>30</v>
      </c>
      <c r="C93" s="13">
        <v>30</v>
      </c>
      <c r="D93" s="12">
        <v>60</v>
      </c>
    </row>
    <row r="94" spans="1:4" ht="18" customHeight="1" x14ac:dyDescent="0.15">
      <c r="A94" s="8">
        <v>73</v>
      </c>
      <c r="B94" s="34">
        <v>19</v>
      </c>
      <c r="C94" s="13">
        <v>43</v>
      </c>
      <c r="D94" s="12">
        <v>62</v>
      </c>
    </row>
    <row r="95" spans="1:4" ht="18" customHeight="1" x14ac:dyDescent="0.15">
      <c r="A95" s="8">
        <v>74</v>
      </c>
      <c r="B95" s="34">
        <v>41</v>
      </c>
      <c r="C95" s="13">
        <v>42</v>
      </c>
      <c r="D95" s="12">
        <v>83</v>
      </c>
    </row>
    <row r="96" spans="1:4" ht="18" customHeight="1" x14ac:dyDescent="0.15">
      <c r="A96" s="8" t="s">
        <v>41</v>
      </c>
      <c r="B96" s="34">
        <v>151</v>
      </c>
      <c r="C96" s="13">
        <v>171</v>
      </c>
      <c r="D96" s="12">
        <v>322</v>
      </c>
    </row>
    <row r="97" spans="1:4" ht="18" customHeight="1" x14ac:dyDescent="0.15">
      <c r="A97" s="8">
        <v>75</v>
      </c>
      <c r="B97" s="34">
        <v>41</v>
      </c>
      <c r="C97" s="13">
        <v>29</v>
      </c>
      <c r="D97" s="12">
        <v>70</v>
      </c>
    </row>
    <row r="98" spans="1:4" ht="18" customHeight="1" x14ac:dyDescent="0.15">
      <c r="A98" s="8">
        <v>76</v>
      </c>
      <c r="B98" s="34">
        <v>28</v>
      </c>
      <c r="C98" s="13">
        <v>30</v>
      </c>
      <c r="D98" s="12">
        <v>58</v>
      </c>
    </row>
    <row r="99" spans="1:4" ht="18" customHeight="1" x14ac:dyDescent="0.15">
      <c r="A99" s="8">
        <v>77</v>
      </c>
      <c r="B99" s="34">
        <v>22</v>
      </c>
      <c r="C99" s="13">
        <v>19</v>
      </c>
      <c r="D99" s="12">
        <v>41</v>
      </c>
    </row>
    <row r="100" spans="1:4" ht="18" customHeight="1" x14ac:dyDescent="0.15">
      <c r="A100" s="8">
        <v>78</v>
      </c>
      <c r="B100" s="34">
        <v>18</v>
      </c>
      <c r="C100" s="13">
        <v>22</v>
      </c>
      <c r="D100" s="12">
        <v>40</v>
      </c>
    </row>
    <row r="101" spans="1:4" ht="18" customHeight="1" x14ac:dyDescent="0.15">
      <c r="A101" s="8">
        <v>79</v>
      </c>
      <c r="B101" s="34">
        <v>23</v>
      </c>
      <c r="C101" s="13">
        <v>27</v>
      </c>
      <c r="D101" s="12">
        <v>50</v>
      </c>
    </row>
    <row r="102" spans="1:4" ht="18" customHeight="1" x14ac:dyDescent="0.15">
      <c r="A102" s="8" t="s">
        <v>70</v>
      </c>
      <c r="B102" s="34">
        <v>132</v>
      </c>
      <c r="C102" s="13">
        <v>127</v>
      </c>
      <c r="D102" s="12">
        <v>259</v>
      </c>
    </row>
    <row r="103" spans="1:4" ht="18" customHeight="1" x14ac:dyDescent="0.15">
      <c r="A103" s="8">
        <v>80</v>
      </c>
      <c r="B103" s="34">
        <v>14</v>
      </c>
      <c r="C103" s="13">
        <v>33</v>
      </c>
      <c r="D103" s="12">
        <v>47</v>
      </c>
    </row>
    <row r="104" spans="1:4" ht="18" customHeight="1" x14ac:dyDescent="0.15">
      <c r="A104" s="8">
        <v>81</v>
      </c>
      <c r="B104" s="34">
        <v>18</v>
      </c>
      <c r="C104" s="13">
        <v>32</v>
      </c>
      <c r="D104" s="12">
        <v>50</v>
      </c>
    </row>
    <row r="105" spans="1:4" ht="18" customHeight="1" x14ac:dyDescent="0.15">
      <c r="A105" s="8">
        <v>82</v>
      </c>
      <c r="B105" s="34">
        <v>18</v>
      </c>
      <c r="C105" s="13">
        <v>13</v>
      </c>
      <c r="D105" s="12">
        <v>31</v>
      </c>
    </row>
    <row r="106" spans="1:4" ht="18" customHeight="1" x14ac:dyDescent="0.15">
      <c r="A106" s="8">
        <v>83</v>
      </c>
      <c r="B106" s="34">
        <v>17</v>
      </c>
      <c r="C106" s="13">
        <v>15</v>
      </c>
      <c r="D106" s="12">
        <v>32</v>
      </c>
    </row>
    <row r="107" spans="1:4" ht="18" customHeight="1" x14ac:dyDescent="0.15">
      <c r="A107" s="8">
        <v>84</v>
      </c>
      <c r="B107" s="34">
        <v>8</v>
      </c>
      <c r="C107" s="13">
        <v>16</v>
      </c>
      <c r="D107" s="12">
        <v>24</v>
      </c>
    </row>
    <row r="108" spans="1:4" ht="18" customHeight="1" x14ac:dyDescent="0.15">
      <c r="A108" s="8" t="s">
        <v>39</v>
      </c>
      <c r="B108" s="34">
        <v>75</v>
      </c>
      <c r="C108" s="13">
        <v>109</v>
      </c>
      <c r="D108" s="12">
        <v>184</v>
      </c>
    </row>
    <row r="109" spans="1:4" ht="18" customHeight="1" x14ac:dyDescent="0.15">
      <c r="A109" s="8">
        <v>85</v>
      </c>
      <c r="B109" s="34">
        <v>13</v>
      </c>
      <c r="C109" s="13">
        <v>12</v>
      </c>
      <c r="D109" s="12">
        <v>25</v>
      </c>
    </row>
    <row r="110" spans="1:4" ht="18" customHeight="1" x14ac:dyDescent="0.15">
      <c r="A110" s="8">
        <v>86</v>
      </c>
      <c r="B110" s="34">
        <v>5</v>
      </c>
      <c r="C110" s="13">
        <v>14</v>
      </c>
      <c r="D110" s="12">
        <v>19</v>
      </c>
    </row>
    <row r="111" spans="1:4" ht="18" customHeight="1" x14ac:dyDescent="0.15">
      <c r="A111" s="8">
        <v>87</v>
      </c>
      <c r="B111" s="34">
        <v>12</v>
      </c>
      <c r="C111" s="13">
        <v>14</v>
      </c>
      <c r="D111" s="12">
        <v>26</v>
      </c>
    </row>
    <row r="112" spans="1:4" ht="18" customHeight="1" x14ac:dyDescent="0.15">
      <c r="A112" s="8">
        <v>88</v>
      </c>
      <c r="B112" s="34">
        <v>6</v>
      </c>
      <c r="C112" s="13">
        <v>14</v>
      </c>
      <c r="D112" s="12">
        <v>20</v>
      </c>
    </row>
    <row r="113" spans="1:4" ht="18" customHeight="1" x14ac:dyDescent="0.15">
      <c r="A113" s="8">
        <v>89</v>
      </c>
      <c r="B113" s="34">
        <v>6</v>
      </c>
      <c r="C113" s="13">
        <v>20</v>
      </c>
      <c r="D113" s="12">
        <v>26</v>
      </c>
    </row>
    <row r="114" spans="1:4" ht="18" customHeight="1" x14ac:dyDescent="0.15">
      <c r="A114" s="8" t="s">
        <v>38</v>
      </c>
      <c r="B114" s="34">
        <v>42</v>
      </c>
      <c r="C114" s="13">
        <v>74</v>
      </c>
      <c r="D114" s="12">
        <v>116</v>
      </c>
    </row>
    <row r="115" spans="1:4" ht="18" customHeight="1" x14ac:dyDescent="0.15">
      <c r="A115" s="8">
        <v>90</v>
      </c>
      <c r="B115" s="34">
        <v>6</v>
      </c>
      <c r="C115" s="13">
        <v>14</v>
      </c>
      <c r="D115" s="12">
        <v>20</v>
      </c>
    </row>
    <row r="116" spans="1:4" ht="18" customHeight="1" x14ac:dyDescent="0.15">
      <c r="A116" s="8">
        <v>91</v>
      </c>
      <c r="B116" s="34">
        <v>1</v>
      </c>
      <c r="C116" s="13">
        <v>12</v>
      </c>
      <c r="D116" s="12">
        <v>13</v>
      </c>
    </row>
    <row r="117" spans="1:4" ht="18" customHeight="1" x14ac:dyDescent="0.15">
      <c r="A117" s="8">
        <v>92</v>
      </c>
      <c r="B117" s="34">
        <v>6</v>
      </c>
      <c r="C117" s="13">
        <v>9</v>
      </c>
      <c r="D117" s="12">
        <v>15</v>
      </c>
    </row>
    <row r="118" spans="1:4" ht="18" customHeight="1" x14ac:dyDescent="0.15">
      <c r="A118" s="8">
        <v>93</v>
      </c>
      <c r="B118" s="34">
        <v>3</v>
      </c>
      <c r="C118" s="13">
        <v>6</v>
      </c>
      <c r="D118" s="12">
        <v>9</v>
      </c>
    </row>
    <row r="119" spans="1:4" ht="18" customHeight="1" x14ac:dyDescent="0.15">
      <c r="A119" s="8">
        <v>94</v>
      </c>
      <c r="B119" s="34">
        <v>3</v>
      </c>
      <c r="C119" s="13">
        <v>8</v>
      </c>
      <c r="D119" s="12">
        <v>11</v>
      </c>
    </row>
    <row r="120" spans="1:4" ht="18" customHeight="1" x14ac:dyDescent="0.15">
      <c r="A120" s="8" t="s">
        <v>69</v>
      </c>
      <c r="B120" s="34">
        <v>19</v>
      </c>
      <c r="C120" s="13">
        <v>49</v>
      </c>
      <c r="D120" s="12">
        <v>68</v>
      </c>
    </row>
    <row r="121" spans="1:4" ht="18" customHeight="1" x14ac:dyDescent="0.15">
      <c r="A121" s="8">
        <v>95</v>
      </c>
      <c r="B121" s="34">
        <v>2</v>
      </c>
      <c r="C121" s="13">
        <v>5</v>
      </c>
      <c r="D121" s="12">
        <v>7</v>
      </c>
    </row>
    <row r="122" spans="1:4" ht="18" customHeight="1" x14ac:dyDescent="0.15">
      <c r="A122" s="8">
        <v>96</v>
      </c>
      <c r="B122" s="34">
        <v>3</v>
      </c>
      <c r="C122" s="13">
        <v>3</v>
      </c>
      <c r="D122" s="12">
        <v>6</v>
      </c>
    </row>
    <row r="123" spans="1:4" ht="18" customHeight="1" x14ac:dyDescent="0.15">
      <c r="A123" s="8">
        <v>97</v>
      </c>
      <c r="B123" s="34">
        <v>1</v>
      </c>
      <c r="C123" s="13">
        <v>0</v>
      </c>
      <c r="D123" s="12">
        <v>1</v>
      </c>
    </row>
    <row r="124" spans="1:4" ht="18" customHeight="1" x14ac:dyDescent="0.15">
      <c r="A124" s="8">
        <v>98</v>
      </c>
      <c r="B124" s="34">
        <v>0</v>
      </c>
      <c r="C124" s="13">
        <v>6</v>
      </c>
      <c r="D124" s="12">
        <v>6</v>
      </c>
    </row>
    <row r="125" spans="1:4" ht="18" customHeight="1" x14ac:dyDescent="0.15">
      <c r="A125" s="8">
        <v>99</v>
      </c>
      <c r="B125" s="34">
        <v>0</v>
      </c>
      <c r="C125" s="13">
        <v>1</v>
      </c>
      <c r="D125" s="12">
        <v>1</v>
      </c>
    </row>
    <row r="126" spans="1:4" ht="18" customHeight="1" x14ac:dyDescent="0.15">
      <c r="A126" s="8" t="s">
        <v>68</v>
      </c>
      <c r="B126" s="34">
        <v>6</v>
      </c>
      <c r="C126" s="13">
        <v>15</v>
      </c>
      <c r="D126" s="12">
        <v>21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3</v>
      </c>
      <c r="D128" s="12">
        <v>3</v>
      </c>
    </row>
    <row r="129" spans="1:4" ht="18" customHeight="1" x14ac:dyDescent="0.15">
      <c r="A129" s="8" t="s">
        <v>36</v>
      </c>
      <c r="B129" s="34">
        <v>0</v>
      </c>
      <c r="C129" s="13">
        <v>4</v>
      </c>
      <c r="D129" s="12">
        <v>4</v>
      </c>
    </row>
    <row r="130" spans="1:4" ht="18" customHeight="1" x14ac:dyDescent="0.15">
      <c r="A130" s="8" t="s">
        <v>357</v>
      </c>
      <c r="B130" s="28">
        <v>555</v>
      </c>
      <c r="C130" s="6">
        <v>694</v>
      </c>
      <c r="D130" s="5">
        <v>1249</v>
      </c>
    </row>
    <row r="131" spans="1:4" ht="18" customHeight="1" x14ac:dyDescent="0.15">
      <c r="A131" s="4" t="s">
        <v>0</v>
      </c>
      <c r="B131" s="27">
        <v>1834</v>
      </c>
      <c r="C131" s="2">
        <v>1932</v>
      </c>
      <c r="D131" s="1">
        <v>376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7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12</v>
      </c>
      <c r="C5" s="18">
        <v>10</v>
      </c>
      <c r="D5" s="17">
        <v>22</v>
      </c>
    </row>
    <row r="6" spans="1:4" ht="18" customHeight="1" x14ac:dyDescent="0.15">
      <c r="A6" s="16">
        <v>1</v>
      </c>
      <c r="B6" s="29">
        <v>13</v>
      </c>
      <c r="C6" s="10">
        <v>12</v>
      </c>
      <c r="D6" s="9">
        <v>25</v>
      </c>
    </row>
    <row r="7" spans="1:4" ht="18" customHeight="1" x14ac:dyDescent="0.15">
      <c r="A7" s="16">
        <v>2</v>
      </c>
      <c r="B7" s="29">
        <v>14</v>
      </c>
      <c r="C7" s="10">
        <v>8</v>
      </c>
      <c r="D7" s="9">
        <v>22</v>
      </c>
    </row>
    <row r="8" spans="1:4" ht="18" customHeight="1" x14ac:dyDescent="0.15">
      <c r="A8" s="16">
        <v>3</v>
      </c>
      <c r="B8" s="29">
        <v>19</v>
      </c>
      <c r="C8" s="10">
        <v>9</v>
      </c>
      <c r="D8" s="9">
        <v>28</v>
      </c>
    </row>
    <row r="9" spans="1:4" ht="18" customHeight="1" x14ac:dyDescent="0.15">
      <c r="A9" s="16">
        <v>4</v>
      </c>
      <c r="B9" s="29">
        <v>5</v>
      </c>
      <c r="C9" s="10">
        <v>17</v>
      </c>
      <c r="D9" s="9">
        <v>22</v>
      </c>
    </row>
    <row r="10" spans="1:4" ht="18" customHeight="1" x14ac:dyDescent="0.15">
      <c r="A10" s="8" t="s">
        <v>76</v>
      </c>
      <c r="B10" s="29">
        <v>63</v>
      </c>
      <c r="C10" s="10">
        <v>56</v>
      </c>
      <c r="D10" s="9">
        <v>119</v>
      </c>
    </row>
    <row r="11" spans="1:4" ht="18" customHeight="1" x14ac:dyDescent="0.15">
      <c r="A11" s="16">
        <v>5</v>
      </c>
      <c r="B11" s="29">
        <v>15</v>
      </c>
      <c r="C11" s="10">
        <v>13</v>
      </c>
      <c r="D11" s="9">
        <v>28</v>
      </c>
    </row>
    <row r="12" spans="1:4" ht="18" customHeight="1" x14ac:dyDescent="0.15">
      <c r="A12" s="16">
        <v>6</v>
      </c>
      <c r="B12" s="29">
        <v>10</v>
      </c>
      <c r="C12" s="10">
        <v>16</v>
      </c>
      <c r="D12" s="9">
        <v>26</v>
      </c>
    </row>
    <row r="13" spans="1:4" ht="18" customHeight="1" x14ac:dyDescent="0.15">
      <c r="A13" s="16">
        <v>7</v>
      </c>
      <c r="B13" s="29">
        <v>15</v>
      </c>
      <c r="C13" s="10">
        <v>17</v>
      </c>
      <c r="D13" s="9">
        <v>32</v>
      </c>
    </row>
    <row r="14" spans="1:4" ht="18" customHeight="1" x14ac:dyDescent="0.15">
      <c r="A14" s="16">
        <v>8</v>
      </c>
      <c r="B14" s="29">
        <v>14</v>
      </c>
      <c r="C14" s="10">
        <v>20</v>
      </c>
      <c r="D14" s="9">
        <v>34</v>
      </c>
    </row>
    <row r="15" spans="1:4" ht="18" customHeight="1" x14ac:dyDescent="0.15">
      <c r="A15" s="16">
        <v>9</v>
      </c>
      <c r="B15" s="29">
        <v>13</v>
      </c>
      <c r="C15" s="10">
        <v>12</v>
      </c>
      <c r="D15" s="9">
        <v>25</v>
      </c>
    </row>
    <row r="16" spans="1:4" ht="18" customHeight="1" x14ac:dyDescent="0.15">
      <c r="A16" s="8" t="s">
        <v>50</v>
      </c>
      <c r="B16" s="29">
        <v>67</v>
      </c>
      <c r="C16" s="10">
        <v>78</v>
      </c>
      <c r="D16" s="9">
        <v>145</v>
      </c>
    </row>
    <row r="17" spans="1:4" ht="18" customHeight="1" x14ac:dyDescent="0.15">
      <c r="A17" s="16">
        <v>10</v>
      </c>
      <c r="B17" s="29">
        <v>18</v>
      </c>
      <c r="C17" s="10">
        <v>8</v>
      </c>
      <c r="D17" s="9">
        <v>26</v>
      </c>
    </row>
    <row r="18" spans="1:4" ht="18" customHeight="1" x14ac:dyDescent="0.15">
      <c r="A18" s="16">
        <v>11</v>
      </c>
      <c r="B18" s="29">
        <v>21</v>
      </c>
      <c r="C18" s="10">
        <v>11</v>
      </c>
      <c r="D18" s="9">
        <v>32</v>
      </c>
    </row>
    <row r="19" spans="1:4" ht="18" customHeight="1" x14ac:dyDescent="0.15">
      <c r="A19" s="16">
        <v>12</v>
      </c>
      <c r="B19" s="29">
        <v>17</v>
      </c>
      <c r="C19" s="10">
        <v>16</v>
      </c>
      <c r="D19" s="9">
        <v>33</v>
      </c>
    </row>
    <row r="20" spans="1:4" ht="18" customHeight="1" x14ac:dyDescent="0.15">
      <c r="A20" s="16">
        <v>13</v>
      </c>
      <c r="B20" s="29">
        <v>13</v>
      </c>
      <c r="C20" s="10">
        <v>9</v>
      </c>
      <c r="D20" s="9">
        <v>22</v>
      </c>
    </row>
    <row r="21" spans="1:4" ht="18" customHeight="1" x14ac:dyDescent="0.15">
      <c r="A21" s="16">
        <v>14</v>
      </c>
      <c r="B21" s="29">
        <v>29</v>
      </c>
      <c r="C21" s="10">
        <v>9</v>
      </c>
      <c r="D21" s="9">
        <v>38</v>
      </c>
    </row>
    <row r="22" spans="1:4" ht="18" customHeight="1" x14ac:dyDescent="0.15">
      <c r="A22" s="8" t="s">
        <v>75</v>
      </c>
      <c r="B22" s="29">
        <v>98</v>
      </c>
      <c r="C22" s="10">
        <v>53</v>
      </c>
      <c r="D22" s="9">
        <v>151</v>
      </c>
    </row>
    <row r="23" spans="1:4" ht="18" customHeight="1" x14ac:dyDescent="0.15">
      <c r="A23" s="8" t="s">
        <v>65</v>
      </c>
      <c r="B23" s="29">
        <v>228</v>
      </c>
      <c r="C23" s="10">
        <v>187</v>
      </c>
      <c r="D23" s="9">
        <v>415</v>
      </c>
    </row>
    <row r="24" spans="1:4" ht="18" customHeight="1" x14ac:dyDescent="0.15">
      <c r="A24" s="16">
        <v>15</v>
      </c>
      <c r="B24" s="29">
        <v>13</v>
      </c>
      <c r="C24" s="10">
        <v>6</v>
      </c>
      <c r="D24" s="9">
        <v>19</v>
      </c>
    </row>
    <row r="25" spans="1:4" ht="18" customHeight="1" x14ac:dyDescent="0.15">
      <c r="A25" s="16">
        <v>16</v>
      </c>
      <c r="B25" s="29">
        <v>19</v>
      </c>
      <c r="C25" s="10">
        <v>18</v>
      </c>
      <c r="D25" s="9">
        <v>37</v>
      </c>
    </row>
    <row r="26" spans="1:4" ht="18" customHeight="1" x14ac:dyDescent="0.15">
      <c r="A26" s="16">
        <v>17</v>
      </c>
      <c r="B26" s="29">
        <v>7</v>
      </c>
      <c r="C26" s="10">
        <v>6</v>
      </c>
      <c r="D26" s="9">
        <v>13</v>
      </c>
    </row>
    <row r="27" spans="1:4" ht="18" customHeight="1" x14ac:dyDescent="0.15">
      <c r="A27" s="16">
        <v>18</v>
      </c>
      <c r="B27" s="29">
        <v>15</v>
      </c>
      <c r="C27" s="10">
        <v>13</v>
      </c>
      <c r="D27" s="9">
        <v>28</v>
      </c>
    </row>
    <row r="28" spans="1:4" ht="18" customHeight="1" x14ac:dyDescent="0.15">
      <c r="A28" s="16">
        <v>19</v>
      </c>
      <c r="B28" s="29">
        <v>17</v>
      </c>
      <c r="C28" s="10">
        <v>18</v>
      </c>
      <c r="D28" s="9">
        <v>35</v>
      </c>
    </row>
    <row r="29" spans="1:4" ht="18" customHeight="1" x14ac:dyDescent="0.15">
      <c r="A29" s="8" t="s">
        <v>48</v>
      </c>
      <c r="B29" s="29">
        <v>71</v>
      </c>
      <c r="C29" s="10">
        <v>61</v>
      </c>
      <c r="D29" s="9">
        <v>132</v>
      </c>
    </row>
    <row r="30" spans="1:4" ht="18" customHeight="1" x14ac:dyDescent="0.15">
      <c r="A30" s="16">
        <v>20</v>
      </c>
      <c r="B30" s="29">
        <v>9</v>
      </c>
      <c r="C30" s="10">
        <v>19</v>
      </c>
      <c r="D30" s="9">
        <v>28</v>
      </c>
    </row>
    <row r="31" spans="1:4" ht="18" customHeight="1" x14ac:dyDescent="0.15">
      <c r="A31" s="16">
        <v>21</v>
      </c>
      <c r="B31" s="29">
        <v>10</v>
      </c>
      <c r="C31" s="10">
        <v>15</v>
      </c>
      <c r="D31" s="9">
        <v>25</v>
      </c>
    </row>
    <row r="32" spans="1:4" ht="18" customHeight="1" x14ac:dyDescent="0.15">
      <c r="A32" s="16">
        <v>22</v>
      </c>
      <c r="B32" s="29">
        <v>16</v>
      </c>
      <c r="C32" s="10">
        <v>15</v>
      </c>
      <c r="D32" s="9">
        <v>31</v>
      </c>
    </row>
    <row r="33" spans="1:4" ht="18" customHeight="1" x14ac:dyDescent="0.15">
      <c r="A33" s="16">
        <v>23</v>
      </c>
      <c r="B33" s="29">
        <v>14</v>
      </c>
      <c r="C33" s="10">
        <v>10</v>
      </c>
      <c r="D33" s="9">
        <v>24</v>
      </c>
    </row>
    <row r="34" spans="1:4" ht="18" customHeight="1" x14ac:dyDescent="0.15">
      <c r="A34" s="16">
        <v>24</v>
      </c>
      <c r="B34" s="29">
        <v>10</v>
      </c>
      <c r="C34" s="10">
        <v>18</v>
      </c>
      <c r="D34" s="9">
        <v>28</v>
      </c>
    </row>
    <row r="35" spans="1:4" ht="18" customHeight="1" x14ac:dyDescent="0.15">
      <c r="A35" s="8" t="s">
        <v>74</v>
      </c>
      <c r="B35" s="29">
        <v>59</v>
      </c>
      <c r="C35" s="10">
        <v>77</v>
      </c>
      <c r="D35" s="9">
        <v>136</v>
      </c>
    </row>
    <row r="36" spans="1:4" ht="18" customHeight="1" x14ac:dyDescent="0.15">
      <c r="A36" s="16">
        <v>25</v>
      </c>
      <c r="B36" s="29">
        <v>21</v>
      </c>
      <c r="C36" s="10">
        <v>11</v>
      </c>
      <c r="D36" s="9">
        <v>32</v>
      </c>
    </row>
    <row r="37" spans="1:4" ht="18" customHeight="1" x14ac:dyDescent="0.15">
      <c r="A37" s="16">
        <v>26</v>
      </c>
      <c r="B37" s="29">
        <v>8</v>
      </c>
      <c r="C37" s="10">
        <v>13</v>
      </c>
      <c r="D37" s="9">
        <v>21</v>
      </c>
    </row>
    <row r="38" spans="1:4" ht="18" customHeight="1" x14ac:dyDescent="0.15">
      <c r="A38" s="16">
        <v>27</v>
      </c>
      <c r="B38" s="29">
        <v>12</v>
      </c>
      <c r="C38" s="10">
        <v>12</v>
      </c>
      <c r="D38" s="9">
        <v>24</v>
      </c>
    </row>
    <row r="39" spans="1:4" ht="18" customHeight="1" x14ac:dyDescent="0.15">
      <c r="A39" s="16">
        <v>28</v>
      </c>
      <c r="B39" s="29">
        <v>20</v>
      </c>
      <c r="C39" s="10">
        <v>14</v>
      </c>
      <c r="D39" s="9">
        <v>34</v>
      </c>
    </row>
    <row r="40" spans="1:4" ht="18" customHeight="1" x14ac:dyDescent="0.15">
      <c r="A40" s="16">
        <v>29</v>
      </c>
      <c r="B40" s="29">
        <v>25</v>
      </c>
      <c r="C40" s="10">
        <v>14</v>
      </c>
      <c r="D40" s="9">
        <v>39</v>
      </c>
    </row>
    <row r="41" spans="1:4" ht="18" customHeight="1" x14ac:dyDescent="0.15">
      <c r="A41" s="8" t="s">
        <v>73</v>
      </c>
      <c r="B41" s="29">
        <v>86</v>
      </c>
      <c r="C41" s="10">
        <v>64</v>
      </c>
      <c r="D41" s="9">
        <v>150</v>
      </c>
    </row>
    <row r="42" spans="1:4" ht="18" customHeight="1" x14ac:dyDescent="0.15">
      <c r="A42" s="16">
        <v>30</v>
      </c>
      <c r="B42" s="29">
        <v>14</v>
      </c>
      <c r="C42" s="10">
        <v>13</v>
      </c>
      <c r="D42" s="9">
        <v>27</v>
      </c>
    </row>
    <row r="43" spans="1:4" ht="18" customHeight="1" x14ac:dyDescent="0.15">
      <c r="A43" s="16">
        <v>31</v>
      </c>
      <c r="B43" s="29">
        <v>9</v>
      </c>
      <c r="C43" s="10">
        <v>13</v>
      </c>
      <c r="D43" s="9">
        <v>22</v>
      </c>
    </row>
    <row r="44" spans="1:4" ht="18" customHeight="1" x14ac:dyDescent="0.15">
      <c r="A44" s="16">
        <v>32</v>
      </c>
      <c r="B44" s="29">
        <v>15</v>
      </c>
      <c r="C44" s="10">
        <v>11</v>
      </c>
      <c r="D44" s="9">
        <v>26</v>
      </c>
    </row>
    <row r="45" spans="1:4" ht="18" customHeight="1" x14ac:dyDescent="0.15">
      <c r="A45" s="16">
        <v>33</v>
      </c>
      <c r="B45" s="29">
        <v>25</v>
      </c>
      <c r="C45" s="10">
        <v>17</v>
      </c>
      <c r="D45" s="9">
        <v>42</v>
      </c>
    </row>
    <row r="46" spans="1:4" ht="18" customHeight="1" x14ac:dyDescent="0.15">
      <c r="A46" s="16">
        <v>34</v>
      </c>
      <c r="B46" s="29">
        <v>19</v>
      </c>
      <c r="C46" s="10">
        <v>24</v>
      </c>
      <c r="D46" s="9">
        <v>43</v>
      </c>
    </row>
    <row r="47" spans="1:4" ht="18" customHeight="1" x14ac:dyDescent="0.15">
      <c r="A47" s="8" t="s">
        <v>61</v>
      </c>
      <c r="B47" s="29">
        <v>82</v>
      </c>
      <c r="C47" s="10">
        <v>78</v>
      </c>
      <c r="D47" s="9">
        <v>160</v>
      </c>
    </row>
    <row r="48" spans="1:4" ht="18" customHeight="1" x14ac:dyDescent="0.15">
      <c r="A48" s="16">
        <v>35</v>
      </c>
      <c r="B48" s="29">
        <v>23</v>
      </c>
      <c r="C48" s="10">
        <v>19</v>
      </c>
      <c r="D48" s="9">
        <v>42</v>
      </c>
    </row>
    <row r="49" spans="1:4" ht="18" customHeight="1" x14ac:dyDescent="0.15">
      <c r="A49" s="16">
        <v>36</v>
      </c>
      <c r="B49" s="29">
        <v>25</v>
      </c>
      <c r="C49" s="10">
        <v>10</v>
      </c>
      <c r="D49" s="9">
        <v>35</v>
      </c>
    </row>
    <row r="50" spans="1:4" ht="18" customHeight="1" x14ac:dyDescent="0.15">
      <c r="A50" s="16">
        <v>37</v>
      </c>
      <c r="B50" s="29">
        <v>29</v>
      </c>
      <c r="C50" s="10">
        <v>23</v>
      </c>
      <c r="D50" s="9">
        <v>52</v>
      </c>
    </row>
    <row r="51" spans="1:4" ht="18" customHeight="1" x14ac:dyDescent="0.15">
      <c r="A51" s="16">
        <v>38</v>
      </c>
      <c r="B51" s="29">
        <v>18</v>
      </c>
      <c r="C51" s="10">
        <v>19</v>
      </c>
      <c r="D51" s="9">
        <v>37</v>
      </c>
    </row>
    <row r="52" spans="1:4" ht="18" customHeight="1" x14ac:dyDescent="0.15">
      <c r="A52" s="16">
        <v>39</v>
      </c>
      <c r="B52" s="29">
        <v>18</v>
      </c>
      <c r="C52" s="10">
        <v>21</v>
      </c>
      <c r="D52" s="9">
        <v>39</v>
      </c>
    </row>
    <row r="53" spans="1:4" ht="18" customHeight="1" x14ac:dyDescent="0.15">
      <c r="A53" s="8" t="s">
        <v>72</v>
      </c>
      <c r="B53" s="29">
        <v>113</v>
      </c>
      <c r="C53" s="10">
        <v>92</v>
      </c>
      <c r="D53" s="9">
        <v>205</v>
      </c>
    </row>
    <row r="54" spans="1:4" ht="18" customHeight="1" x14ac:dyDescent="0.15">
      <c r="A54" s="16">
        <v>40</v>
      </c>
      <c r="B54" s="29">
        <v>32</v>
      </c>
      <c r="C54" s="10">
        <v>20</v>
      </c>
      <c r="D54" s="9">
        <v>52</v>
      </c>
    </row>
    <row r="55" spans="1:4" ht="18" customHeight="1" x14ac:dyDescent="0.15">
      <c r="A55" s="16">
        <v>41</v>
      </c>
      <c r="B55" s="29">
        <v>34</v>
      </c>
      <c r="C55" s="10">
        <v>32</v>
      </c>
      <c r="D55" s="9">
        <v>66</v>
      </c>
    </row>
    <row r="56" spans="1:4" ht="18" customHeight="1" x14ac:dyDescent="0.15">
      <c r="A56" s="16">
        <v>42</v>
      </c>
      <c r="B56" s="29">
        <v>25</v>
      </c>
      <c r="C56" s="10">
        <v>21</v>
      </c>
      <c r="D56" s="9">
        <v>46</v>
      </c>
    </row>
    <row r="57" spans="1:4" ht="18" customHeight="1" x14ac:dyDescent="0.15">
      <c r="A57" s="16">
        <v>43</v>
      </c>
      <c r="B57" s="29">
        <v>25</v>
      </c>
      <c r="C57" s="10">
        <v>23</v>
      </c>
      <c r="D57" s="9">
        <v>48</v>
      </c>
    </row>
    <row r="58" spans="1:4" ht="18" customHeight="1" x14ac:dyDescent="0.15">
      <c r="A58" s="16">
        <v>44</v>
      </c>
      <c r="B58" s="29">
        <v>16</v>
      </c>
      <c r="C58" s="10">
        <v>19</v>
      </c>
      <c r="D58" s="9">
        <v>35</v>
      </c>
    </row>
    <row r="59" spans="1:4" ht="18" customHeight="1" x14ac:dyDescent="0.15">
      <c r="A59" s="8" t="s">
        <v>46</v>
      </c>
      <c r="B59" s="29">
        <v>132</v>
      </c>
      <c r="C59" s="10">
        <v>115</v>
      </c>
      <c r="D59" s="9">
        <v>247</v>
      </c>
    </row>
    <row r="60" spans="1:4" ht="18" customHeight="1" x14ac:dyDescent="0.15">
      <c r="A60" s="16">
        <v>45</v>
      </c>
      <c r="B60" s="29">
        <v>25</v>
      </c>
      <c r="C60" s="10">
        <v>31</v>
      </c>
      <c r="D60" s="9">
        <v>56</v>
      </c>
    </row>
    <row r="61" spans="1:4" ht="18" customHeight="1" x14ac:dyDescent="0.15">
      <c r="A61" s="16">
        <v>46</v>
      </c>
      <c r="B61" s="29">
        <v>27</v>
      </c>
      <c r="C61" s="10">
        <v>24</v>
      </c>
      <c r="D61" s="9">
        <v>51</v>
      </c>
    </row>
    <row r="62" spans="1:4" ht="18" customHeight="1" x14ac:dyDescent="0.15">
      <c r="A62" s="16">
        <v>47</v>
      </c>
      <c r="B62" s="29">
        <v>35</v>
      </c>
      <c r="C62" s="10">
        <v>31</v>
      </c>
      <c r="D62" s="9">
        <v>66</v>
      </c>
    </row>
    <row r="63" spans="1:4" ht="18" customHeight="1" x14ac:dyDescent="0.15">
      <c r="A63" s="16">
        <v>48</v>
      </c>
      <c r="B63" s="29">
        <v>30</v>
      </c>
      <c r="C63" s="10">
        <v>30</v>
      </c>
      <c r="D63" s="9">
        <v>60</v>
      </c>
    </row>
    <row r="64" spans="1:4" ht="18" customHeight="1" x14ac:dyDescent="0.15">
      <c r="A64" s="16">
        <v>49</v>
      </c>
      <c r="B64" s="29">
        <v>36</v>
      </c>
      <c r="C64" s="10">
        <v>40</v>
      </c>
      <c r="D64" s="9">
        <v>76</v>
      </c>
    </row>
    <row r="65" spans="1:4" ht="18" customHeight="1" x14ac:dyDescent="0.15">
      <c r="A65" s="8" t="s">
        <v>45</v>
      </c>
      <c r="B65" s="29">
        <v>153</v>
      </c>
      <c r="C65" s="10">
        <v>156</v>
      </c>
      <c r="D65" s="9">
        <v>309</v>
      </c>
    </row>
    <row r="66" spans="1:4" ht="18" customHeight="1" x14ac:dyDescent="0.15">
      <c r="A66" s="16">
        <v>50</v>
      </c>
      <c r="B66" s="29">
        <v>25</v>
      </c>
      <c r="C66" s="10">
        <v>26</v>
      </c>
      <c r="D66" s="9">
        <v>51</v>
      </c>
    </row>
    <row r="67" spans="1:4" ht="18" customHeight="1" x14ac:dyDescent="0.15">
      <c r="A67" s="16">
        <v>51</v>
      </c>
      <c r="B67" s="29">
        <v>26</v>
      </c>
      <c r="C67" s="10">
        <v>21</v>
      </c>
      <c r="D67" s="9">
        <v>47</v>
      </c>
    </row>
    <row r="68" spans="1:4" ht="18" customHeight="1" x14ac:dyDescent="0.15">
      <c r="A68" s="16">
        <v>52</v>
      </c>
      <c r="B68" s="29">
        <v>17</v>
      </c>
      <c r="C68" s="10">
        <v>36</v>
      </c>
      <c r="D68" s="9">
        <v>53</v>
      </c>
    </row>
    <row r="69" spans="1:4" ht="18" customHeight="1" x14ac:dyDescent="0.15">
      <c r="A69" s="16">
        <v>53</v>
      </c>
      <c r="B69" s="29">
        <v>25</v>
      </c>
      <c r="C69" s="10">
        <v>31</v>
      </c>
      <c r="D69" s="9">
        <v>56</v>
      </c>
    </row>
    <row r="70" spans="1:4" ht="18" customHeight="1" x14ac:dyDescent="0.15">
      <c r="A70" s="16">
        <v>54</v>
      </c>
      <c r="B70" s="29">
        <v>29</v>
      </c>
      <c r="C70" s="10">
        <v>31</v>
      </c>
      <c r="D70" s="9">
        <v>60</v>
      </c>
    </row>
    <row r="71" spans="1:4" ht="18" customHeight="1" x14ac:dyDescent="0.15">
      <c r="A71" s="8" t="s">
        <v>58</v>
      </c>
      <c r="B71" s="29">
        <v>122</v>
      </c>
      <c r="C71" s="10">
        <v>145</v>
      </c>
      <c r="D71" s="9">
        <v>267</v>
      </c>
    </row>
    <row r="72" spans="1:4" ht="18" customHeight="1" x14ac:dyDescent="0.15">
      <c r="A72" s="16">
        <v>55</v>
      </c>
      <c r="B72" s="29">
        <v>35</v>
      </c>
      <c r="C72" s="10">
        <v>25</v>
      </c>
      <c r="D72" s="9">
        <v>60</v>
      </c>
    </row>
    <row r="73" spans="1:4" ht="18" customHeight="1" x14ac:dyDescent="0.15">
      <c r="A73" s="16">
        <v>56</v>
      </c>
      <c r="B73" s="29">
        <v>35</v>
      </c>
      <c r="C73" s="10">
        <v>19</v>
      </c>
      <c r="D73" s="9">
        <v>54</v>
      </c>
    </row>
    <row r="74" spans="1:4" ht="18" customHeight="1" x14ac:dyDescent="0.15">
      <c r="A74" s="16">
        <v>57</v>
      </c>
      <c r="B74" s="29">
        <v>23</v>
      </c>
      <c r="C74" s="10">
        <v>38</v>
      </c>
      <c r="D74" s="9">
        <v>61</v>
      </c>
    </row>
    <row r="75" spans="1:4" ht="18" customHeight="1" x14ac:dyDescent="0.15">
      <c r="A75" s="16">
        <v>58</v>
      </c>
      <c r="B75" s="29">
        <v>25</v>
      </c>
      <c r="C75" s="10">
        <v>21</v>
      </c>
      <c r="D75" s="9">
        <v>46</v>
      </c>
    </row>
    <row r="76" spans="1:4" ht="18" customHeight="1" x14ac:dyDescent="0.15">
      <c r="A76" s="16">
        <v>59</v>
      </c>
      <c r="B76" s="29">
        <v>33</v>
      </c>
      <c r="C76" s="10">
        <v>25</v>
      </c>
      <c r="D76" s="9">
        <v>58</v>
      </c>
    </row>
    <row r="77" spans="1:4" ht="18" customHeight="1" x14ac:dyDescent="0.15">
      <c r="A77" s="8" t="s">
        <v>71</v>
      </c>
      <c r="B77" s="29">
        <v>151</v>
      </c>
      <c r="C77" s="10">
        <v>128</v>
      </c>
      <c r="D77" s="9">
        <v>279</v>
      </c>
    </row>
    <row r="78" spans="1:4" ht="18" customHeight="1" x14ac:dyDescent="0.15">
      <c r="A78" s="16">
        <v>60</v>
      </c>
      <c r="B78" s="29">
        <v>29</v>
      </c>
      <c r="C78" s="10">
        <v>8</v>
      </c>
      <c r="D78" s="9">
        <v>37</v>
      </c>
    </row>
    <row r="79" spans="1:4" ht="18" customHeight="1" x14ac:dyDescent="0.15">
      <c r="A79" s="16">
        <v>61</v>
      </c>
      <c r="B79" s="29">
        <v>24</v>
      </c>
      <c r="C79" s="10">
        <v>26</v>
      </c>
      <c r="D79" s="9">
        <v>50</v>
      </c>
    </row>
    <row r="80" spans="1:4" ht="18" customHeight="1" x14ac:dyDescent="0.15">
      <c r="A80" s="16">
        <v>62</v>
      </c>
      <c r="B80" s="29">
        <v>32</v>
      </c>
      <c r="C80" s="10">
        <v>33</v>
      </c>
      <c r="D80" s="9">
        <v>65</v>
      </c>
    </row>
    <row r="81" spans="1:4" ht="18" customHeight="1" x14ac:dyDescent="0.15">
      <c r="A81" s="16">
        <v>63</v>
      </c>
      <c r="B81" s="29">
        <v>27</v>
      </c>
      <c r="C81" s="10">
        <v>31</v>
      </c>
      <c r="D81" s="9">
        <v>58</v>
      </c>
    </row>
    <row r="82" spans="1:4" ht="18" customHeight="1" x14ac:dyDescent="0.15">
      <c r="A82" s="16">
        <v>64</v>
      </c>
      <c r="B82" s="29">
        <v>28</v>
      </c>
      <c r="C82" s="10">
        <v>20</v>
      </c>
      <c r="D82" s="9">
        <v>48</v>
      </c>
    </row>
    <row r="83" spans="1:4" ht="18" customHeight="1" x14ac:dyDescent="0.15">
      <c r="A83" s="8" t="s">
        <v>44</v>
      </c>
      <c r="B83" s="29">
        <v>140</v>
      </c>
      <c r="C83" s="10">
        <v>118</v>
      </c>
      <c r="D83" s="9">
        <v>258</v>
      </c>
    </row>
    <row r="84" spans="1:4" ht="18" customHeight="1" x14ac:dyDescent="0.15">
      <c r="A84" s="8" t="s">
        <v>43</v>
      </c>
      <c r="B84" s="29">
        <v>1109</v>
      </c>
      <c r="C84" s="10">
        <v>1034</v>
      </c>
      <c r="D84" s="9">
        <v>2143</v>
      </c>
    </row>
    <row r="85" spans="1:4" ht="18" customHeight="1" x14ac:dyDescent="0.15">
      <c r="A85" s="16">
        <v>65</v>
      </c>
      <c r="B85" s="29">
        <v>24</v>
      </c>
      <c r="C85" s="10">
        <v>22</v>
      </c>
      <c r="D85" s="9">
        <v>46</v>
      </c>
    </row>
    <row r="86" spans="1:4" ht="18" customHeight="1" x14ac:dyDescent="0.15">
      <c r="A86" s="16">
        <v>66</v>
      </c>
      <c r="B86" s="29">
        <v>31</v>
      </c>
      <c r="C86" s="10">
        <v>37</v>
      </c>
      <c r="D86" s="9">
        <v>68</v>
      </c>
    </row>
    <row r="87" spans="1:4" ht="18" customHeight="1" x14ac:dyDescent="0.15">
      <c r="A87" s="16">
        <v>67</v>
      </c>
      <c r="B87" s="29">
        <v>22</v>
      </c>
      <c r="C87" s="10">
        <v>36</v>
      </c>
      <c r="D87" s="9">
        <v>58</v>
      </c>
    </row>
    <row r="88" spans="1:4" ht="18" customHeight="1" x14ac:dyDescent="0.15">
      <c r="A88" s="16">
        <v>68</v>
      </c>
      <c r="B88" s="29">
        <v>31</v>
      </c>
      <c r="C88" s="10">
        <v>27</v>
      </c>
      <c r="D88" s="9">
        <v>58</v>
      </c>
    </row>
    <row r="89" spans="1:4" ht="18" customHeight="1" x14ac:dyDescent="0.15">
      <c r="A89" s="16">
        <v>69</v>
      </c>
      <c r="B89" s="29">
        <v>25</v>
      </c>
      <c r="C89" s="10">
        <v>27</v>
      </c>
      <c r="D89" s="9">
        <v>52</v>
      </c>
    </row>
    <row r="90" spans="1:4" ht="18" customHeight="1" x14ac:dyDescent="0.15">
      <c r="A90" s="8" t="s">
        <v>42</v>
      </c>
      <c r="B90" s="29">
        <v>133</v>
      </c>
      <c r="C90" s="10">
        <v>149</v>
      </c>
      <c r="D90" s="9">
        <v>282</v>
      </c>
    </row>
    <row r="91" spans="1:4" ht="18" customHeight="1" x14ac:dyDescent="0.15">
      <c r="A91" s="16">
        <v>70</v>
      </c>
      <c r="B91" s="29">
        <v>37</v>
      </c>
      <c r="C91" s="10">
        <v>31</v>
      </c>
      <c r="D91" s="9">
        <v>68</v>
      </c>
    </row>
    <row r="92" spans="1:4" ht="18" customHeight="1" x14ac:dyDescent="0.15">
      <c r="A92" s="16">
        <v>71</v>
      </c>
      <c r="B92" s="29">
        <v>29</v>
      </c>
      <c r="C92" s="10">
        <v>29</v>
      </c>
      <c r="D92" s="9">
        <v>58</v>
      </c>
    </row>
    <row r="93" spans="1:4" ht="18" customHeight="1" x14ac:dyDescent="0.15">
      <c r="A93" s="16">
        <v>72</v>
      </c>
      <c r="B93" s="29">
        <v>41</v>
      </c>
      <c r="C93" s="10">
        <v>28</v>
      </c>
      <c r="D93" s="9">
        <v>69</v>
      </c>
    </row>
    <row r="94" spans="1:4" ht="18" customHeight="1" x14ac:dyDescent="0.15">
      <c r="A94" s="16">
        <v>73</v>
      </c>
      <c r="B94" s="29">
        <v>34</v>
      </c>
      <c r="C94" s="10">
        <v>44</v>
      </c>
      <c r="D94" s="9">
        <v>78</v>
      </c>
    </row>
    <row r="95" spans="1:4" ht="18" customHeight="1" x14ac:dyDescent="0.15">
      <c r="A95" s="16">
        <v>74</v>
      </c>
      <c r="B95" s="29">
        <v>37</v>
      </c>
      <c r="C95" s="10">
        <v>38</v>
      </c>
      <c r="D95" s="9">
        <v>75</v>
      </c>
    </row>
    <row r="96" spans="1:4" ht="18" customHeight="1" x14ac:dyDescent="0.15">
      <c r="A96" s="8" t="s">
        <v>41</v>
      </c>
      <c r="B96" s="29">
        <v>178</v>
      </c>
      <c r="C96" s="10">
        <v>170</v>
      </c>
      <c r="D96" s="9">
        <v>348</v>
      </c>
    </row>
    <row r="97" spans="1:4" ht="18" customHeight="1" x14ac:dyDescent="0.15">
      <c r="A97" s="16">
        <v>75</v>
      </c>
      <c r="B97" s="29">
        <v>35</v>
      </c>
      <c r="C97" s="10">
        <v>42</v>
      </c>
      <c r="D97" s="9">
        <v>77</v>
      </c>
    </row>
    <row r="98" spans="1:4" ht="18" customHeight="1" x14ac:dyDescent="0.15">
      <c r="A98" s="16">
        <v>76</v>
      </c>
      <c r="B98" s="29">
        <v>29</v>
      </c>
      <c r="C98" s="10">
        <v>29</v>
      </c>
      <c r="D98" s="9">
        <v>58</v>
      </c>
    </row>
    <row r="99" spans="1:4" ht="18" customHeight="1" x14ac:dyDescent="0.15">
      <c r="A99" s="16">
        <v>77</v>
      </c>
      <c r="B99" s="29">
        <v>16</v>
      </c>
      <c r="C99" s="10">
        <v>24</v>
      </c>
      <c r="D99" s="9">
        <v>40</v>
      </c>
    </row>
    <row r="100" spans="1:4" ht="18" customHeight="1" x14ac:dyDescent="0.15">
      <c r="A100" s="16">
        <v>78</v>
      </c>
      <c r="B100" s="29">
        <v>21</v>
      </c>
      <c r="C100" s="10">
        <v>30</v>
      </c>
      <c r="D100" s="9">
        <v>51</v>
      </c>
    </row>
    <row r="101" spans="1:4" ht="18" customHeight="1" x14ac:dyDescent="0.15">
      <c r="A101" s="16">
        <v>79</v>
      </c>
      <c r="B101" s="29">
        <v>21</v>
      </c>
      <c r="C101" s="10">
        <v>30</v>
      </c>
      <c r="D101" s="9">
        <v>51</v>
      </c>
    </row>
    <row r="102" spans="1:4" ht="18" customHeight="1" x14ac:dyDescent="0.15">
      <c r="A102" s="8" t="s">
        <v>70</v>
      </c>
      <c r="B102" s="29">
        <v>122</v>
      </c>
      <c r="C102" s="10">
        <v>155</v>
      </c>
      <c r="D102" s="9">
        <v>277</v>
      </c>
    </row>
    <row r="103" spans="1:4" ht="18" customHeight="1" x14ac:dyDescent="0.15">
      <c r="A103" s="16">
        <v>80</v>
      </c>
      <c r="B103" s="29">
        <v>20</v>
      </c>
      <c r="C103" s="10">
        <v>35</v>
      </c>
      <c r="D103" s="9">
        <v>55</v>
      </c>
    </row>
    <row r="104" spans="1:4" ht="18" customHeight="1" x14ac:dyDescent="0.15">
      <c r="A104" s="16">
        <v>81</v>
      </c>
      <c r="B104" s="29">
        <v>18</v>
      </c>
      <c r="C104" s="10">
        <v>36</v>
      </c>
      <c r="D104" s="9">
        <v>54</v>
      </c>
    </row>
    <row r="105" spans="1:4" ht="18" customHeight="1" x14ac:dyDescent="0.15">
      <c r="A105" s="16">
        <v>82</v>
      </c>
      <c r="B105" s="29">
        <v>18</v>
      </c>
      <c r="C105" s="10">
        <v>27</v>
      </c>
      <c r="D105" s="9">
        <v>45</v>
      </c>
    </row>
    <row r="106" spans="1:4" ht="18" customHeight="1" x14ac:dyDescent="0.15">
      <c r="A106" s="16">
        <v>83</v>
      </c>
      <c r="B106" s="29">
        <v>13</v>
      </c>
      <c r="C106" s="10">
        <v>23</v>
      </c>
      <c r="D106" s="9">
        <v>36</v>
      </c>
    </row>
    <row r="107" spans="1:4" ht="18" customHeight="1" x14ac:dyDescent="0.15">
      <c r="A107" s="16">
        <v>84</v>
      </c>
      <c r="B107" s="29">
        <v>15</v>
      </c>
      <c r="C107" s="10">
        <v>28</v>
      </c>
      <c r="D107" s="9">
        <v>43</v>
      </c>
    </row>
    <row r="108" spans="1:4" ht="18" customHeight="1" x14ac:dyDescent="0.15">
      <c r="A108" s="8" t="s">
        <v>39</v>
      </c>
      <c r="B108" s="29">
        <v>84</v>
      </c>
      <c r="C108" s="10">
        <v>149</v>
      </c>
      <c r="D108" s="9">
        <v>233</v>
      </c>
    </row>
    <row r="109" spans="1:4" ht="18" customHeight="1" x14ac:dyDescent="0.15">
      <c r="A109" s="16">
        <v>85</v>
      </c>
      <c r="B109" s="29">
        <v>19</v>
      </c>
      <c r="C109" s="10">
        <v>23</v>
      </c>
      <c r="D109" s="9">
        <v>42</v>
      </c>
    </row>
    <row r="110" spans="1:4" ht="18" customHeight="1" x14ac:dyDescent="0.15">
      <c r="A110" s="16">
        <v>86</v>
      </c>
      <c r="B110" s="29">
        <v>17</v>
      </c>
      <c r="C110" s="10">
        <v>31</v>
      </c>
      <c r="D110" s="9">
        <v>48</v>
      </c>
    </row>
    <row r="111" spans="1:4" ht="18" customHeight="1" x14ac:dyDescent="0.15">
      <c r="A111" s="16">
        <v>87</v>
      </c>
      <c r="B111" s="29">
        <v>14</v>
      </c>
      <c r="C111" s="10">
        <v>28</v>
      </c>
      <c r="D111" s="9">
        <v>42</v>
      </c>
    </row>
    <row r="112" spans="1:4" ht="18" customHeight="1" x14ac:dyDescent="0.15">
      <c r="A112" s="16">
        <v>88</v>
      </c>
      <c r="B112" s="29">
        <v>13</v>
      </c>
      <c r="C112" s="10">
        <v>25</v>
      </c>
      <c r="D112" s="9">
        <v>38</v>
      </c>
    </row>
    <row r="113" spans="1:4" ht="18" customHeight="1" x14ac:dyDescent="0.15">
      <c r="A113" s="16">
        <v>89</v>
      </c>
      <c r="B113" s="29">
        <v>15</v>
      </c>
      <c r="C113" s="10">
        <v>20</v>
      </c>
      <c r="D113" s="9">
        <v>35</v>
      </c>
    </row>
    <row r="114" spans="1:4" ht="18" customHeight="1" x14ac:dyDescent="0.15">
      <c r="A114" s="8" t="s">
        <v>38</v>
      </c>
      <c r="B114" s="29">
        <v>78</v>
      </c>
      <c r="C114" s="10">
        <v>127</v>
      </c>
      <c r="D114" s="9">
        <v>205</v>
      </c>
    </row>
    <row r="115" spans="1:4" ht="18" customHeight="1" x14ac:dyDescent="0.15">
      <c r="A115" s="16">
        <v>90</v>
      </c>
      <c r="B115" s="29">
        <v>9</v>
      </c>
      <c r="C115" s="10">
        <v>18</v>
      </c>
      <c r="D115" s="9">
        <v>27</v>
      </c>
    </row>
    <row r="116" spans="1:4" ht="18" customHeight="1" x14ac:dyDescent="0.15">
      <c r="A116" s="16">
        <v>91</v>
      </c>
      <c r="B116" s="29">
        <v>16</v>
      </c>
      <c r="C116" s="10">
        <v>18</v>
      </c>
      <c r="D116" s="9">
        <v>34</v>
      </c>
    </row>
    <row r="117" spans="1:4" ht="18" customHeight="1" x14ac:dyDescent="0.15">
      <c r="A117" s="16">
        <v>92</v>
      </c>
      <c r="B117" s="29">
        <v>5</v>
      </c>
      <c r="C117" s="10">
        <v>18</v>
      </c>
      <c r="D117" s="9">
        <v>23</v>
      </c>
    </row>
    <row r="118" spans="1:4" ht="18" customHeight="1" x14ac:dyDescent="0.15">
      <c r="A118" s="16">
        <v>93</v>
      </c>
      <c r="B118" s="29">
        <v>7</v>
      </c>
      <c r="C118" s="10">
        <v>17</v>
      </c>
      <c r="D118" s="9">
        <v>24</v>
      </c>
    </row>
    <row r="119" spans="1:4" ht="18" customHeight="1" x14ac:dyDescent="0.15">
      <c r="A119" s="16">
        <v>94</v>
      </c>
      <c r="B119" s="29">
        <v>4</v>
      </c>
      <c r="C119" s="10">
        <v>14</v>
      </c>
      <c r="D119" s="9">
        <v>18</v>
      </c>
    </row>
    <row r="120" spans="1:4" ht="18" customHeight="1" x14ac:dyDescent="0.15">
      <c r="A120" s="8" t="s">
        <v>69</v>
      </c>
      <c r="B120" s="29">
        <v>41</v>
      </c>
      <c r="C120" s="10">
        <v>85</v>
      </c>
      <c r="D120" s="9">
        <v>126</v>
      </c>
    </row>
    <row r="121" spans="1:4" ht="18" customHeight="1" x14ac:dyDescent="0.15">
      <c r="A121" s="16">
        <v>95</v>
      </c>
      <c r="B121" s="29">
        <v>2</v>
      </c>
      <c r="C121" s="10">
        <v>7</v>
      </c>
      <c r="D121" s="9">
        <v>9</v>
      </c>
    </row>
    <row r="122" spans="1:4" ht="18" customHeight="1" x14ac:dyDescent="0.15">
      <c r="A122" s="16">
        <v>96</v>
      </c>
      <c r="B122" s="29">
        <v>2</v>
      </c>
      <c r="C122" s="10">
        <v>5</v>
      </c>
      <c r="D122" s="9">
        <v>7</v>
      </c>
    </row>
    <row r="123" spans="1:4" ht="18" customHeight="1" x14ac:dyDescent="0.15">
      <c r="A123" s="16">
        <v>97</v>
      </c>
      <c r="B123" s="29">
        <v>1</v>
      </c>
      <c r="C123" s="10">
        <v>7</v>
      </c>
      <c r="D123" s="9">
        <v>8</v>
      </c>
    </row>
    <row r="124" spans="1:4" ht="18" customHeight="1" x14ac:dyDescent="0.15">
      <c r="A124" s="16">
        <v>98</v>
      </c>
      <c r="B124" s="29">
        <v>0</v>
      </c>
      <c r="C124" s="10">
        <v>6</v>
      </c>
      <c r="D124" s="9">
        <v>6</v>
      </c>
    </row>
    <row r="125" spans="1:4" ht="18" customHeight="1" x14ac:dyDescent="0.15">
      <c r="A125" s="16">
        <v>99</v>
      </c>
      <c r="B125" s="29">
        <v>1</v>
      </c>
      <c r="C125" s="10">
        <v>1</v>
      </c>
      <c r="D125" s="9">
        <v>2</v>
      </c>
    </row>
    <row r="126" spans="1:4" ht="18" customHeight="1" x14ac:dyDescent="0.15">
      <c r="A126" s="8" t="s">
        <v>68</v>
      </c>
      <c r="B126" s="29">
        <v>6</v>
      </c>
      <c r="C126" s="10">
        <v>26</v>
      </c>
      <c r="D126" s="9">
        <v>32</v>
      </c>
    </row>
    <row r="127" spans="1:4" ht="18" customHeight="1" x14ac:dyDescent="0.15">
      <c r="A127" s="16">
        <v>100</v>
      </c>
      <c r="B127" s="29">
        <v>0</v>
      </c>
      <c r="C127" s="10">
        <v>1</v>
      </c>
      <c r="D127" s="9">
        <v>1</v>
      </c>
    </row>
    <row r="128" spans="1:4" ht="18" customHeight="1" x14ac:dyDescent="0.15">
      <c r="A128" s="15" t="s">
        <v>37</v>
      </c>
      <c r="B128" s="29">
        <v>1</v>
      </c>
      <c r="C128" s="10">
        <v>3</v>
      </c>
      <c r="D128" s="9">
        <v>4</v>
      </c>
    </row>
    <row r="129" spans="1:4" ht="18" customHeight="1" x14ac:dyDescent="0.15">
      <c r="A129" s="8" t="s">
        <v>36</v>
      </c>
      <c r="B129" s="29">
        <v>1</v>
      </c>
      <c r="C129" s="10">
        <v>4</v>
      </c>
      <c r="D129" s="9">
        <v>5</v>
      </c>
    </row>
    <row r="130" spans="1:4" ht="18" customHeight="1" x14ac:dyDescent="0.15">
      <c r="A130" s="8" t="s">
        <v>35</v>
      </c>
      <c r="B130" s="28">
        <v>643</v>
      </c>
      <c r="C130" s="6">
        <v>865</v>
      </c>
      <c r="D130" s="5">
        <v>1508</v>
      </c>
    </row>
    <row r="131" spans="1:4" ht="18" customHeight="1" x14ac:dyDescent="0.15">
      <c r="A131" s="4" t="s">
        <v>0</v>
      </c>
      <c r="B131" s="27">
        <v>1980</v>
      </c>
      <c r="C131" s="2">
        <v>2086</v>
      </c>
      <c r="D131" s="1">
        <v>4066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6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3</v>
      </c>
      <c r="D5" s="43">
        <v>3</v>
      </c>
    </row>
    <row r="6" spans="1:4" ht="18" customHeight="1" x14ac:dyDescent="0.15">
      <c r="A6" s="8">
        <v>1</v>
      </c>
      <c r="B6" s="39">
        <v>2</v>
      </c>
      <c r="C6" s="13">
        <v>4</v>
      </c>
      <c r="D6" s="12">
        <v>6</v>
      </c>
    </row>
    <row r="7" spans="1:4" ht="18" customHeight="1" x14ac:dyDescent="0.15">
      <c r="A7" s="8">
        <v>2</v>
      </c>
      <c r="B7" s="39">
        <v>2</v>
      </c>
      <c r="C7" s="13">
        <v>2</v>
      </c>
      <c r="D7" s="12">
        <v>4</v>
      </c>
    </row>
    <row r="8" spans="1:4" ht="18" customHeight="1" x14ac:dyDescent="0.15">
      <c r="A8" s="8">
        <v>3</v>
      </c>
      <c r="B8" s="39">
        <v>5</v>
      </c>
      <c r="C8" s="13">
        <v>5</v>
      </c>
      <c r="D8" s="12">
        <v>10</v>
      </c>
    </row>
    <row r="9" spans="1:4" ht="18" customHeight="1" x14ac:dyDescent="0.15">
      <c r="A9" s="8">
        <v>4</v>
      </c>
      <c r="B9" s="42">
        <v>2</v>
      </c>
      <c r="C9" s="41">
        <v>2</v>
      </c>
      <c r="D9" s="40">
        <v>4</v>
      </c>
    </row>
    <row r="10" spans="1:4" ht="18" customHeight="1" x14ac:dyDescent="0.15">
      <c r="A10" s="8" t="s">
        <v>76</v>
      </c>
      <c r="B10" s="34">
        <v>11</v>
      </c>
      <c r="C10" s="13">
        <v>16</v>
      </c>
      <c r="D10" s="12">
        <v>27</v>
      </c>
    </row>
    <row r="11" spans="1:4" ht="18" customHeight="1" x14ac:dyDescent="0.15">
      <c r="A11" s="8">
        <v>5</v>
      </c>
      <c r="B11" s="39">
        <v>3</v>
      </c>
      <c r="C11" s="13">
        <v>2</v>
      </c>
      <c r="D11" s="12">
        <v>5</v>
      </c>
    </row>
    <row r="12" spans="1:4" ht="18" customHeight="1" x14ac:dyDescent="0.15">
      <c r="A12" s="8">
        <v>6</v>
      </c>
      <c r="B12" s="39">
        <v>7</v>
      </c>
      <c r="C12" s="13">
        <v>2</v>
      </c>
      <c r="D12" s="12">
        <v>9</v>
      </c>
    </row>
    <row r="13" spans="1:4" ht="18" customHeight="1" x14ac:dyDescent="0.15">
      <c r="A13" s="8">
        <v>7</v>
      </c>
      <c r="B13" s="39">
        <v>3</v>
      </c>
      <c r="C13" s="13">
        <v>8</v>
      </c>
      <c r="D13" s="12">
        <v>11</v>
      </c>
    </row>
    <row r="14" spans="1:4" ht="18" customHeight="1" x14ac:dyDescent="0.15">
      <c r="A14" s="8">
        <v>8</v>
      </c>
      <c r="B14" s="39">
        <v>4</v>
      </c>
      <c r="C14" s="13">
        <v>5</v>
      </c>
      <c r="D14" s="12">
        <v>9</v>
      </c>
    </row>
    <row r="15" spans="1:4" ht="18" customHeight="1" x14ac:dyDescent="0.15">
      <c r="A15" s="8">
        <v>9</v>
      </c>
      <c r="B15" s="39">
        <v>8</v>
      </c>
      <c r="C15" s="13">
        <v>6</v>
      </c>
      <c r="D15" s="12">
        <v>14</v>
      </c>
    </row>
    <row r="16" spans="1:4" ht="18" customHeight="1" x14ac:dyDescent="0.15">
      <c r="A16" s="8" t="s">
        <v>50</v>
      </c>
      <c r="B16" s="34">
        <v>25</v>
      </c>
      <c r="C16" s="13">
        <v>23</v>
      </c>
      <c r="D16" s="12">
        <v>48</v>
      </c>
    </row>
    <row r="17" spans="1:4" ht="18" customHeight="1" x14ac:dyDescent="0.15">
      <c r="A17" s="8">
        <v>10</v>
      </c>
      <c r="B17" s="34">
        <v>5</v>
      </c>
      <c r="C17" s="13">
        <v>3</v>
      </c>
      <c r="D17" s="12">
        <v>8</v>
      </c>
    </row>
    <row r="18" spans="1:4" ht="18" customHeight="1" x14ac:dyDescent="0.15">
      <c r="A18" s="8">
        <v>11</v>
      </c>
      <c r="B18" s="34">
        <v>6</v>
      </c>
      <c r="C18" s="13">
        <v>7</v>
      </c>
      <c r="D18" s="12">
        <v>13</v>
      </c>
    </row>
    <row r="19" spans="1:4" ht="18" customHeight="1" x14ac:dyDescent="0.15">
      <c r="A19" s="8">
        <v>12</v>
      </c>
      <c r="B19" s="34">
        <v>7</v>
      </c>
      <c r="C19" s="13">
        <v>8</v>
      </c>
      <c r="D19" s="12">
        <v>15</v>
      </c>
    </row>
    <row r="20" spans="1:4" ht="18" customHeight="1" x14ac:dyDescent="0.15">
      <c r="A20" s="8">
        <v>13</v>
      </c>
      <c r="B20" s="34">
        <v>8</v>
      </c>
      <c r="C20" s="13">
        <v>7</v>
      </c>
      <c r="D20" s="12">
        <v>15</v>
      </c>
    </row>
    <row r="21" spans="1:4" ht="18" customHeight="1" x14ac:dyDescent="0.15">
      <c r="A21" s="8">
        <v>14</v>
      </c>
      <c r="B21" s="34">
        <v>4</v>
      </c>
      <c r="C21" s="13">
        <v>3</v>
      </c>
      <c r="D21" s="12">
        <v>7</v>
      </c>
    </row>
    <row r="22" spans="1:4" ht="18" customHeight="1" x14ac:dyDescent="0.15">
      <c r="A22" s="8" t="s">
        <v>75</v>
      </c>
      <c r="B22" s="34">
        <v>30</v>
      </c>
      <c r="C22" s="13">
        <v>28</v>
      </c>
      <c r="D22" s="12">
        <v>58</v>
      </c>
    </row>
    <row r="23" spans="1:4" ht="18" customHeight="1" x14ac:dyDescent="0.15">
      <c r="A23" s="8" t="s">
        <v>65</v>
      </c>
      <c r="B23" s="34">
        <v>66</v>
      </c>
      <c r="C23" s="13">
        <v>67</v>
      </c>
      <c r="D23" s="12">
        <v>133</v>
      </c>
    </row>
    <row r="24" spans="1:4" ht="18" customHeight="1" x14ac:dyDescent="0.15">
      <c r="A24" s="8">
        <v>15</v>
      </c>
      <c r="B24" s="34">
        <v>3</v>
      </c>
      <c r="C24" s="13">
        <v>8</v>
      </c>
      <c r="D24" s="12">
        <v>11</v>
      </c>
    </row>
    <row r="25" spans="1:4" ht="18" customHeight="1" x14ac:dyDescent="0.15">
      <c r="A25" s="8">
        <v>16</v>
      </c>
      <c r="B25" s="34">
        <v>10</v>
      </c>
      <c r="C25" s="13">
        <v>4</v>
      </c>
      <c r="D25" s="12">
        <v>14</v>
      </c>
    </row>
    <row r="26" spans="1:4" ht="18" customHeight="1" x14ac:dyDescent="0.15">
      <c r="A26" s="8">
        <v>17</v>
      </c>
      <c r="B26" s="34">
        <v>9</v>
      </c>
      <c r="C26" s="13">
        <v>3</v>
      </c>
      <c r="D26" s="12">
        <v>12</v>
      </c>
    </row>
    <row r="27" spans="1:4" ht="18" customHeight="1" x14ac:dyDescent="0.15">
      <c r="A27" s="8">
        <v>18</v>
      </c>
      <c r="B27" s="34">
        <v>4</v>
      </c>
      <c r="C27" s="13">
        <v>6</v>
      </c>
      <c r="D27" s="12">
        <v>10</v>
      </c>
    </row>
    <row r="28" spans="1:4" ht="18" customHeight="1" x14ac:dyDescent="0.15">
      <c r="A28" s="8">
        <v>19</v>
      </c>
      <c r="B28" s="34">
        <v>5</v>
      </c>
      <c r="C28" s="13">
        <v>5</v>
      </c>
      <c r="D28" s="12">
        <v>10</v>
      </c>
    </row>
    <row r="29" spans="1:4" ht="18" customHeight="1" x14ac:dyDescent="0.15">
      <c r="A29" s="8" t="s">
        <v>48</v>
      </c>
      <c r="B29" s="34">
        <v>31</v>
      </c>
      <c r="C29" s="13">
        <v>26</v>
      </c>
      <c r="D29" s="12">
        <v>57</v>
      </c>
    </row>
    <row r="30" spans="1:4" ht="18" customHeight="1" x14ac:dyDescent="0.15">
      <c r="A30" s="8">
        <v>20</v>
      </c>
      <c r="B30" s="34">
        <v>1</v>
      </c>
      <c r="C30" s="13">
        <v>3</v>
      </c>
      <c r="D30" s="12">
        <v>4</v>
      </c>
    </row>
    <row r="31" spans="1:4" ht="18" customHeight="1" x14ac:dyDescent="0.15">
      <c r="A31" s="8">
        <v>21</v>
      </c>
      <c r="B31" s="34">
        <v>5</v>
      </c>
      <c r="C31" s="13">
        <v>3</v>
      </c>
      <c r="D31" s="12">
        <v>8</v>
      </c>
    </row>
    <row r="32" spans="1:4" ht="18" customHeight="1" x14ac:dyDescent="0.15">
      <c r="A32" s="8">
        <v>22</v>
      </c>
      <c r="B32" s="34">
        <v>4</v>
      </c>
      <c r="C32" s="13">
        <v>2</v>
      </c>
      <c r="D32" s="12">
        <v>6</v>
      </c>
    </row>
    <row r="33" spans="1:4" ht="18" customHeight="1" x14ac:dyDescent="0.15">
      <c r="A33" s="8">
        <v>23</v>
      </c>
      <c r="B33" s="34">
        <v>5</v>
      </c>
      <c r="C33" s="13">
        <v>4</v>
      </c>
      <c r="D33" s="12">
        <v>9</v>
      </c>
    </row>
    <row r="34" spans="1:4" ht="18" customHeight="1" x14ac:dyDescent="0.15">
      <c r="A34" s="8">
        <v>24</v>
      </c>
      <c r="B34" s="34">
        <v>5</v>
      </c>
      <c r="C34" s="13">
        <v>3</v>
      </c>
      <c r="D34" s="12">
        <v>8</v>
      </c>
    </row>
    <row r="35" spans="1:4" ht="18" customHeight="1" x14ac:dyDescent="0.15">
      <c r="A35" s="8" t="s">
        <v>74</v>
      </c>
      <c r="B35" s="34">
        <v>20</v>
      </c>
      <c r="C35" s="13">
        <v>15</v>
      </c>
      <c r="D35" s="12">
        <v>35</v>
      </c>
    </row>
    <row r="36" spans="1:4" ht="18" customHeight="1" x14ac:dyDescent="0.15">
      <c r="A36" s="8">
        <v>25</v>
      </c>
      <c r="B36" s="34">
        <v>4</v>
      </c>
      <c r="C36" s="13">
        <v>1</v>
      </c>
      <c r="D36" s="12">
        <v>5</v>
      </c>
    </row>
    <row r="37" spans="1:4" ht="18" customHeight="1" x14ac:dyDescent="0.15">
      <c r="A37" s="8">
        <v>26</v>
      </c>
      <c r="B37" s="34">
        <v>6</v>
      </c>
      <c r="C37" s="13">
        <v>4</v>
      </c>
      <c r="D37" s="12">
        <v>10</v>
      </c>
    </row>
    <row r="38" spans="1:4" ht="18" customHeight="1" x14ac:dyDescent="0.15">
      <c r="A38" s="8">
        <v>27</v>
      </c>
      <c r="B38" s="34">
        <v>5</v>
      </c>
      <c r="C38" s="13">
        <v>3</v>
      </c>
      <c r="D38" s="12">
        <v>8</v>
      </c>
    </row>
    <row r="39" spans="1:4" ht="18" customHeight="1" x14ac:dyDescent="0.15">
      <c r="A39" s="8">
        <v>28</v>
      </c>
      <c r="B39" s="34">
        <v>7</v>
      </c>
      <c r="C39" s="13">
        <v>2</v>
      </c>
      <c r="D39" s="12">
        <v>9</v>
      </c>
    </row>
    <row r="40" spans="1:4" ht="18" customHeight="1" x14ac:dyDescent="0.15">
      <c r="A40" s="8">
        <v>29</v>
      </c>
      <c r="B40" s="34">
        <v>3</v>
      </c>
      <c r="C40" s="13">
        <v>2</v>
      </c>
      <c r="D40" s="12">
        <v>5</v>
      </c>
    </row>
    <row r="41" spans="1:4" ht="18" customHeight="1" x14ac:dyDescent="0.15">
      <c r="A41" s="8" t="s">
        <v>73</v>
      </c>
      <c r="B41" s="34">
        <v>25</v>
      </c>
      <c r="C41" s="13">
        <v>12</v>
      </c>
      <c r="D41" s="12">
        <v>37</v>
      </c>
    </row>
    <row r="42" spans="1:4" ht="18" customHeight="1" x14ac:dyDescent="0.15">
      <c r="A42" s="8">
        <v>30</v>
      </c>
      <c r="B42" s="34">
        <v>9</v>
      </c>
      <c r="C42" s="13">
        <v>5</v>
      </c>
      <c r="D42" s="12">
        <v>14</v>
      </c>
    </row>
    <row r="43" spans="1:4" ht="18" customHeight="1" x14ac:dyDescent="0.15">
      <c r="A43" s="8">
        <v>31</v>
      </c>
      <c r="B43" s="34">
        <v>3</v>
      </c>
      <c r="C43" s="13">
        <v>3</v>
      </c>
      <c r="D43" s="12">
        <v>6</v>
      </c>
    </row>
    <row r="44" spans="1:4" ht="18" customHeight="1" x14ac:dyDescent="0.15">
      <c r="A44" s="8">
        <v>32</v>
      </c>
      <c r="B44" s="34">
        <v>5</v>
      </c>
      <c r="C44" s="13">
        <v>2</v>
      </c>
      <c r="D44" s="12">
        <v>7</v>
      </c>
    </row>
    <row r="45" spans="1:4" ht="18" customHeight="1" x14ac:dyDescent="0.15">
      <c r="A45" s="8">
        <v>33</v>
      </c>
      <c r="B45" s="34">
        <v>5</v>
      </c>
      <c r="C45" s="13">
        <v>8</v>
      </c>
      <c r="D45" s="12">
        <v>13</v>
      </c>
    </row>
    <row r="46" spans="1:4" ht="18" customHeight="1" x14ac:dyDescent="0.15">
      <c r="A46" s="8">
        <v>34</v>
      </c>
      <c r="B46" s="34">
        <v>3</v>
      </c>
      <c r="C46" s="13">
        <v>2</v>
      </c>
      <c r="D46" s="12">
        <v>5</v>
      </c>
    </row>
    <row r="47" spans="1:4" ht="18" customHeight="1" x14ac:dyDescent="0.15">
      <c r="A47" s="8" t="s">
        <v>61</v>
      </c>
      <c r="B47" s="34">
        <v>25</v>
      </c>
      <c r="C47" s="13">
        <v>20</v>
      </c>
      <c r="D47" s="12">
        <v>45</v>
      </c>
    </row>
    <row r="48" spans="1:4" ht="18" customHeight="1" x14ac:dyDescent="0.15">
      <c r="A48" s="8">
        <v>35</v>
      </c>
      <c r="B48" s="34">
        <v>8</v>
      </c>
      <c r="C48" s="13">
        <v>5</v>
      </c>
      <c r="D48" s="12">
        <v>13</v>
      </c>
    </row>
    <row r="49" spans="1:4" ht="18" customHeight="1" x14ac:dyDescent="0.15">
      <c r="A49" s="8">
        <v>36</v>
      </c>
      <c r="B49" s="34">
        <v>2</v>
      </c>
      <c r="C49" s="13">
        <v>4</v>
      </c>
      <c r="D49" s="12">
        <v>6</v>
      </c>
    </row>
    <row r="50" spans="1:4" ht="18" customHeight="1" x14ac:dyDescent="0.15">
      <c r="A50" s="8">
        <v>37</v>
      </c>
      <c r="B50" s="34">
        <v>4</v>
      </c>
      <c r="C50" s="13">
        <v>4</v>
      </c>
      <c r="D50" s="12">
        <v>8</v>
      </c>
    </row>
    <row r="51" spans="1:4" ht="18" customHeight="1" x14ac:dyDescent="0.15">
      <c r="A51" s="8">
        <v>38</v>
      </c>
      <c r="B51" s="34">
        <v>6</v>
      </c>
      <c r="C51" s="13">
        <v>4</v>
      </c>
      <c r="D51" s="12">
        <v>10</v>
      </c>
    </row>
    <row r="52" spans="1:4" ht="18" customHeight="1" x14ac:dyDescent="0.15">
      <c r="A52" s="8">
        <v>39</v>
      </c>
      <c r="B52" s="34">
        <v>5</v>
      </c>
      <c r="C52" s="13">
        <v>7</v>
      </c>
      <c r="D52" s="12">
        <v>12</v>
      </c>
    </row>
    <row r="53" spans="1:4" ht="18" customHeight="1" x14ac:dyDescent="0.15">
      <c r="A53" s="8" t="s">
        <v>72</v>
      </c>
      <c r="B53" s="34">
        <v>25</v>
      </c>
      <c r="C53" s="13">
        <v>24</v>
      </c>
      <c r="D53" s="12">
        <v>49</v>
      </c>
    </row>
    <row r="54" spans="1:4" ht="18" customHeight="1" x14ac:dyDescent="0.15">
      <c r="A54" s="8">
        <v>40</v>
      </c>
      <c r="B54" s="34">
        <v>8</v>
      </c>
      <c r="C54" s="13">
        <v>5</v>
      </c>
      <c r="D54" s="12">
        <v>13</v>
      </c>
    </row>
    <row r="55" spans="1:4" ht="18" customHeight="1" x14ac:dyDescent="0.15">
      <c r="A55" s="8">
        <v>41</v>
      </c>
      <c r="B55" s="34">
        <v>9</v>
      </c>
      <c r="C55" s="13">
        <v>6</v>
      </c>
      <c r="D55" s="12">
        <v>15</v>
      </c>
    </row>
    <row r="56" spans="1:4" ht="18" customHeight="1" x14ac:dyDescent="0.15">
      <c r="A56" s="8">
        <v>42</v>
      </c>
      <c r="B56" s="34">
        <v>4</v>
      </c>
      <c r="C56" s="13">
        <v>9</v>
      </c>
      <c r="D56" s="12">
        <v>13</v>
      </c>
    </row>
    <row r="57" spans="1:4" ht="18" customHeight="1" x14ac:dyDescent="0.15">
      <c r="A57" s="8">
        <v>43</v>
      </c>
      <c r="B57" s="34">
        <v>10</v>
      </c>
      <c r="C57" s="13">
        <v>8</v>
      </c>
      <c r="D57" s="12">
        <v>18</v>
      </c>
    </row>
    <row r="58" spans="1:4" ht="18" customHeight="1" x14ac:dyDescent="0.15">
      <c r="A58" s="8">
        <v>44</v>
      </c>
      <c r="B58" s="34">
        <v>8</v>
      </c>
      <c r="C58" s="13">
        <v>5</v>
      </c>
      <c r="D58" s="12">
        <v>13</v>
      </c>
    </row>
    <row r="59" spans="1:4" ht="18" customHeight="1" x14ac:dyDescent="0.15">
      <c r="A59" s="8" t="s">
        <v>46</v>
      </c>
      <c r="B59" s="34">
        <v>39</v>
      </c>
      <c r="C59" s="13">
        <v>33</v>
      </c>
      <c r="D59" s="12">
        <v>72</v>
      </c>
    </row>
    <row r="60" spans="1:4" ht="18" customHeight="1" x14ac:dyDescent="0.15">
      <c r="A60" s="8">
        <v>45</v>
      </c>
      <c r="B60" s="34">
        <v>12</v>
      </c>
      <c r="C60" s="13">
        <v>7</v>
      </c>
      <c r="D60" s="12">
        <v>19</v>
      </c>
    </row>
    <row r="61" spans="1:4" ht="18" customHeight="1" x14ac:dyDescent="0.15">
      <c r="A61" s="8">
        <v>46</v>
      </c>
      <c r="B61" s="34">
        <v>8</v>
      </c>
      <c r="C61" s="13">
        <v>6</v>
      </c>
      <c r="D61" s="12">
        <v>14</v>
      </c>
    </row>
    <row r="62" spans="1:4" ht="18" customHeight="1" x14ac:dyDescent="0.15">
      <c r="A62" s="8">
        <v>47</v>
      </c>
      <c r="B62" s="34">
        <v>7</v>
      </c>
      <c r="C62" s="13">
        <v>6</v>
      </c>
      <c r="D62" s="12">
        <v>13</v>
      </c>
    </row>
    <row r="63" spans="1:4" ht="18" customHeight="1" x14ac:dyDescent="0.15">
      <c r="A63" s="8">
        <v>48</v>
      </c>
      <c r="B63" s="34">
        <v>13</v>
      </c>
      <c r="C63" s="13">
        <v>7</v>
      </c>
      <c r="D63" s="12">
        <v>20</v>
      </c>
    </row>
    <row r="64" spans="1:4" ht="18" customHeight="1" x14ac:dyDescent="0.15">
      <c r="A64" s="8">
        <v>49</v>
      </c>
      <c r="B64" s="34">
        <v>11</v>
      </c>
      <c r="C64" s="13">
        <v>8</v>
      </c>
      <c r="D64" s="12">
        <v>19</v>
      </c>
    </row>
    <row r="65" spans="1:4" ht="18" customHeight="1" x14ac:dyDescent="0.15">
      <c r="A65" s="8" t="s">
        <v>45</v>
      </c>
      <c r="B65" s="34">
        <v>51</v>
      </c>
      <c r="C65" s="13">
        <v>34</v>
      </c>
      <c r="D65" s="12">
        <v>85</v>
      </c>
    </row>
    <row r="66" spans="1:4" ht="18" customHeight="1" x14ac:dyDescent="0.15">
      <c r="A66" s="8">
        <v>50</v>
      </c>
      <c r="B66" s="34">
        <v>14</v>
      </c>
      <c r="C66" s="13">
        <v>9</v>
      </c>
      <c r="D66" s="12">
        <v>23</v>
      </c>
    </row>
    <row r="67" spans="1:4" ht="18" customHeight="1" x14ac:dyDescent="0.15">
      <c r="A67" s="8">
        <v>51</v>
      </c>
      <c r="B67" s="34">
        <v>7</v>
      </c>
      <c r="C67" s="13">
        <v>4</v>
      </c>
      <c r="D67" s="12">
        <v>11</v>
      </c>
    </row>
    <row r="68" spans="1:4" ht="18" customHeight="1" x14ac:dyDescent="0.15">
      <c r="A68" s="8">
        <v>52</v>
      </c>
      <c r="B68" s="34">
        <v>4</v>
      </c>
      <c r="C68" s="13">
        <v>4</v>
      </c>
      <c r="D68" s="12">
        <v>8</v>
      </c>
    </row>
    <row r="69" spans="1:4" ht="18" customHeight="1" x14ac:dyDescent="0.15">
      <c r="A69" s="8">
        <v>53</v>
      </c>
      <c r="B69" s="34">
        <v>9</v>
      </c>
      <c r="C69" s="13">
        <v>10</v>
      </c>
      <c r="D69" s="12">
        <v>19</v>
      </c>
    </row>
    <row r="70" spans="1:4" ht="18" customHeight="1" x14ac:dyDescent="0.15">
      <c r="A70" s="8">
        <v>54</v>
      </c>
      <c r="B70" s="34">
        <v>6</v>
      </c>
      <c r="C70" s="13">
        <v>6</v>
      </c>
      <c r="D70" s="12">
        <v>12</v>
      </c>
    </row>
    <row r="71" spans="1:4" ht="18" customHeight="1" x14ac:dyDescent="0.15">
      <c r="A71" s="8" t="s">
        <v>58</v>
      </c>
      <c r="B71" s="34">
        <v>40</v>
      </c>
      <c r="C71" s="13">
        <v>33</v>
      </c>
      <c r="D71" s="12">
        <v>73</v>
      </c>
    </row>
    <row r="72" spans="1:4" ht="18" customHeight="1" x14ac:dyDescent="0.15">
      <c r="A72" s="8">
        <v>55</v>
      </c>
      <c r="B72" s="34">
        <v>9</v>
      </c>
      <c r="C72" s="13">
        <v>11</v>
      </c>
      <c r="D72" s="12">
        <v>20</v>
      </c>
    </row>
    <row r="73" spans="1:4" ht="18" customHeight="1" x14ac:dyDescent="0.15">
      <c r="A73" s="8">
        <v>56</v>
      </c>
      <c r="B73" s="34">
        <v>9</v>
      </c>
      <c r="C73" s="13">
        <v>15</v>
      </c>
      <c r="D73" s="12">
        <v>24</v>
      </c>
    </row>
    <row r="74" spans="1:4" ht="18" customHeight="1" x14ac:dyDescent="0.15">
      <c r="A74" s="8">
        <v>57</v>
      </c>
      <c r="B74" s="34">
        <v>7</v>
      </c>
      <c r="C74" s="13">
        <v>10</v>
      </c>
      <c r="D74" s="12">
        <v>17</v>
      </c>
    </row>
    <row r="75" spans="1:4" ht="18" customHeight="1" x14ac:dyDescent="0.15">
      <c r="A75" s="8">
        <v>58</v>
      </c>
      <c r="B75" s="34">
        <v>9</v>
      </c>
      <c r="C75" s="13">
        <v>12</v>
      </c>
      <c r="D75" s="12">
        <v>21</v>
      </c>
    </row>
    <row r="76" spans="1:4" ht="18" customHeight="1" x14ac:dyDescent="0.15">
      <c r="A76" s="8">
        <v>59</v>
      </c>
      <c r="B76" s="34">
        <v>6</v>
      </c>
      <c r="C76" s="13">
        <v>7</v>
      </c>
      <c r="D76" s="12">
        <v>13</v>
      </c>
    </row>
    <row r="77" spans="1:4" ht="18" customHeight="1" x14ac:dyDescent="0.15">
      <c r="A77" s="8" t="s">
        <v>71</v>
      </c>
      <c r="B77" s="34">
        <v>40</v>
      </c>
      <c r="C77" s="13">
        <v>55</v>
      </c>
      <c r="D77" s="12">
        <v>95</v>
      </c>
    </row>
    <row r="78" spans="1:4" ht="18" customHeight="1" x14ac:dyDescent="0.15">
      <c r="A78" s="8">
        <v>60</v>
      </c>
      <c r="B78" s="34">
        <v>5</v>
      </c>
      <c r="C78" s="13">
        <v>9</v>
      </c>
      <c r="D78" s="12">
        <v>14</v>
      </c>
    </row>
    <row r="79" spans="1:4" ht="18" customHeight="1" x14ac:dyDescent="0.15">
      <c r="A79" s="8">
        <v>61</v>
      </c>
      <c r="B79" s="34">
        <v>10</v>
      </c>
      <c r="C79" s="13">
        <v>10</v>
      </c>
      <c r="D79" s="12">
        <v>20</v>
      </c>
    </row>
    <row r="80" spans="1:4" ht="18" customHeight="1" x14ac:dyDescent="0.15">
      <c r="A80" s="8">
        <v>62</v>
      </c>
      <c r="B80" s="34">
        <v>6</v>
      </c>
      <c r="C80" s="13">
        <v>4</v>
      </c>
      <c r="D80" s="12">
        <v>10</v>
      </c>
    </row>
    <row r="81" spans="1:4" ht="18" customHeight="1" x14ac:dyDescent="0.15">
      <c r="A81" s="8">
        <v>63</v>
      </c>
      <c r="B81" s="34">
        <v>15</v>
      </c>
      <c r="C81" s="13">
        <v>7</v>
      </c>
      <c r="D81" s="12">
        <v>22</v>
      </c>
    </row>
    <row r="82" spans="1:4" ht="18" customHeight="1" x14ac:dyDescent="0.15">
      <c r="A82" s="8">
        <v>64</v>
      </c>
      <c r="B82" s="34">
        <v>7</v>
      </c>
      <c r="C82" s="13">
        <v>10</v>
      </c>
      <c r="D82" s="12">
        <v>17</v>
      </c>
    </row>
    <row r="83" spans="1:4" ht="18" customHeight="1" x14ac:dyDescent="0.15">
      <c r="A83" s="8" t="s">
        <v>44</v>
      </c>
      <c r="B83" s="34">
        <v>43</v>
      </c>
      <c r="C83" s="13">
        <v>40</v>
      </c>
      <c r="D83" s="12">
        <v>83</v>
      </c>
    </row>
    <row r="84" spans="1:4" ht="18" customHeight="1" x14ac:dyDescent="0.15">
      <c r="A84" s="8" t="s">
        <v>43</v>
      </c>
      <c r="B84" s="34">
        <v>339</v>
      </c>
      <c r="C84" s="13">
        <v>292</v>
      </c>
      <c r="D84" s="12">
        <v>631</v>
      </c>
    </row>
    <row r="85" spans="1:4" ht="18" customHeight="1" x14ac:dyDescent="0.15">
      <c r="A85" s="8">
        <v>65</v>
      </c>
      <c r="B85" s="34">
        <v>8</v>
      </c>
      <c r="C85" s="13">
        <v>10</v>
      </c>
      <c r="D85" s="12">
        <v>18</v>
      </c>
    </row>
    <row r="86" spans="1:4" ht="18" customHeight="1" x14ac:dyDescent="0.15">
      <c r="A86" s="8">
        <v>66</v>
      </c>
      <c r="B86" s="34">
        <v>7</v>
      </c>
      <c r="C86" s="13">
        <v>6</v>
      </c>
      <c r="D86" s="12">
        <v>13</v>
      </c>
    </row>
    <row r="87" spans="1:4" ht="18" customHeight="1" x14ac:dyDescent="0.15">
      <c r="A87" s="8">
        <v>67</v>
      </c>
      <c r="B87" s="34">
        <v>6</v>
      </c>
      <c r="C87" s="13">
        <v>4</v>
      </c>
      <c r="D87" s="12">
        <v>10</v>
      </c>
    </row>
    <row r="88" spans="1:4" ht="18" customHeight="1" x14ac:dyDescent="0.15">
      <c r="A88" s="8">
        <v>68</v>
      </c>
      <c r="B88" s="34">
        <v>10</v>
      </c>
      <c r="C88" s="13">
        <v>12</v>
      </c>
      <c r="D88" s="12">
        <v>22</v>
      </c>
    </row>
    <row r="89" spans="1:4" ht="18" customHeight="1" x14ac:dyDescent="0.15">
      <c r="A89" s="8">
        <v>69</v>
      </c>
      <c r="B89" s="34">
        <v>20</v>
      </c>
      <c r="C89" s="13">
        <v>14</v>
      </c>
      <c r="D89" s="12">
        <v>34</v>
      </c>
    </row>
    <row r="90" spans="1:4" ht="18" customHeight="1" x14ac:dyDescent="0.15">
      <c r="A90" s="8" t="s">
        <v>42</v>
      </c>
      <c r="B90" s="34">
        <v>51</v>
      </c>
      <c r="C90" s="13">
        <v>46</v>
      </c>
      <c r="D90" s="12">
        <v>97</v>
      </c>
    </row>
    <row r="91" spans="1:4" ht="18" customHeight="1" x14ac:dyDescent="0.15">
      <c r="A91" s="8">
        <v>70</v>
      </c>
      <c r="B91" s="34">
        <v>6</v>
      </c>
      <c r="C91" s="13">
        <v>17</v>
      </c>
      <c r="D91" s="12">
        <v>23</v>
      </c>
    </row>
    <row r="92" spans="1:4" ht="18" customHeight="1" x14ac:dyDescent="0.15">
      <c r="A92" s="8">
        <v>71</v>
      </c>
      <c r="B92" s="34">
        <v>10</v>
      </c>
      <c r="C92" s="13">
        <v>15</v>
      </c>
      <c r="D92" s="12">
        <v>25</v>
      </c>
    </row>
    <row r="93" spans="1:4" ht="18" customHeight="1" x14ac:dyDescent="0.15">
      <c r="A93" s="8">
        <v>72</v>
      </c>
      <c r="B93" s="34">
        <v>11</v>
      </c>
      <c r="C93" s="13">
        <v>12</v>
      </c>
      <c r="D93" s="12">
        <v>23</v>
      </c>
    </row>
    <row r="94" spans="1:4" ht="18" customHeight="1" x14ac:dyDescent="0.15">
      <c r="A94" s="8">
        <v>73</v>
      </c>
      <c r="B94" s="34">
        <v>17</v>
      </c>
      <c r="C94" s="13">
        <v>16</v>
      </c>
      <c r="D94" s="12">
        <v>33</v>
      </c>
    </row>
    <row r="95" spans="1:4" ht="18" customHeight="1" x14ac:dyDescent="0.15">
      <c r="A95" s="8">
        <v>74</v>
      </c>
      <c r="B95" s="34">
        <v>19</v>
      </c>
      <c r="C95" s="13">
        <v>9</v>
      </c>
      <c r="D95" s="12">
        <v>28</v>
      </c>
    </row>
    <row r="96" spans="1:4" ht="18" customHeight="1" x14ac:dyDescent="0.15">
      <c r="A96" s="8" t="s">
        <v>41</v>
      </c>
      <c r="B96" s="34">
        <v>63</v>
      </c>
      <c r="C96" s="13">
        <v>69</v>
      </c>
      <c r="D96" s="12">
        <v>132</v>
      </c>
    </row>
    <row r="97" spans="1:4" ht="18" customHeight="1" x14ac:dyDescent="0.15">
      <c r="A97" s="8">
        <v>75</v>
      </c>
      <c r="B97" s="34">
        <v>20</v>
      </c>
      <c r="C97" s="13">
        <v>16</v>
      </c>
      <c r="D97" s="12">
        <v>36</v>
      </c>
    </row>
    <row r="98" spans="1:4" ht="18" customHeight="1" x14ac:dyDescent="0.15">
      <c r="A98" s="8">
        <v>76</v>
      </c>
      <c r="B98" s="34">
        <v>12</v>
      </c>
      <c r="C98" s="13">
        <v>9</v>
      </c>
      <c r="D98" s="12">
        <v>21</v>
      </c>
    </row>
    <row r="99" spans="1:4" ht="18" customHeight="1" x14ac:dyDescent="0.15">
      <c r="A99" s="8">
        <v>77</v>
      </c>
      <c r="B99" s="34">
        <v>6</v>
      </c>
      <c r="C99" s="13">
        <v>3</v>
      </c>
      <c r="D99" s="12">
        <v>9</v>
      </c>
    </row>
    <row r="100" spans="1:4" ht="18" customHeight="1" x14ac:dyDescent="0.15">
      <c r="A100" s="8">
        <v>78</v>
      </c>
      <c r="B100" s="34">
        <v>6</v>
      </c>
      <c r="C100" s="13">
        <v>7</v>
      </c>
      <c r="D100" s="12">
        <v>13</v>
      </c>
    </row>
    <row r="101" spans="1:4" ht="18" customHeight="1" x14ac:dyDescent="0.15">
      <c r="A101" s="8">
        <v>79</v>
      </c>
      <c r="B101" s="34">
        <v>6</v>
      </c>
      <c r="C101" s="13">
        <v>7</v>
      </c>
      <c r="D101" s="12">
        <v>13</v>
      </c>
    </row>
    <row r="102" spans="1:4" ht="18" customHeight="1" x14ac:dyDescent="0.15">
      <c r="A102" s="8" t="s">
        <v>70</v>
      </c>
      <c r="B102" s="34">
        <v>50</v>
      </c>
      <c r="C102" s="13">
        <v>42</v>
      </c>
      <c r="D102" s="12">
        <v>92</v>
      </c>
    </row>
    <row r="103" spans="1:4" ht="18" customHeight="1" x14ac:dyDescent="0.15">
      <c r="A103" s="8">
        <v>80</v>
      </c>
      <c r="B103" s="34">
        <v>3</v>
      </c>
      <c r="C103" s="13">
        <v>12</v>
      </c>
      <c r="D103" s="12">
        <v>15</v>
      </c>
    </row>
    <row r="104" spans="1:4" ht="18" customHeight="1" x14ac:dyDescent="0.15">
      <c r="A104" s="8">
        <v>81</v>
      </c>
      <c r="B104" s="34">
        <v>7</v>
      </c>
      <c r="C104" s="13">
        <v>6</v>
      </c>
      <c r="D104" s="12">
        <v>13</v>
      </c>
    </row>
    <row r="105" spans="1:4" ht="18" customHeight="1" x14ac:dyDescent="0.15">
      <c r="A105" s="8">
        <v>82</v>
      </c>
      <c r="B105" s="34">
        <v>4</v>
      </c>
      <c r="C105" s="13">
        <v>8</v>
      </c>
      <c r="D105" s="12">
        <v>12</v>
      </c>
    </row>
    <row r="106" spans="1:4" ht="18" customHeight="1" x14ac:dyDescent="0.15">
      <c r="A106" s="8">
        <v>83</v>
      </c>
      <c r="B106" s="34">
        <v>8</v>
      </c>
      <c r="C106" s="13">
        <v>8</v>
      </c>
      <c r="D106" s="12">
        <v>16</v>
      </c>
    </row>
    <row r="107" spans="1:4" ht="18" customHeight="1" x14ac:dyDescent="0.15">
      <c r="A107" s="8">
        <v>84</v>
      </c>
      <c r="B107" s="34">
        <v>4</v>
      </c>
      <c r="C107" s="13">
        <v>6</v>
      </c>
      <c r="D107" s="12">
        <v>10</v>
      </c>
    </row>
    <row r="108" spans="1:4" ht="18" customHeight="1" x14ac:dyDescent="0.15">
      <c r="A108" s="8" t="s">
        <v>39</v>
      </c>
      <c r="B108" s="34">
        <v>26</v>
      </c>
      <c r="C108" s="13">
        <v>40</v>
      </c>
      <c r="D108" s="12">
        <v>66</v>
      </c>
    </row>
    <row r="109" spans="1:4" ht="18" customHeight="1" x14ac:dyDescent="0.15">
      <c r="A109" s="8">
        <v>85</v>
      </c>
      <c r="B109" s="34">
        <v>3</v>
      </c>
      <c r="C109" s="13">
        <v>11</v>
      </c>
      <c r="D109" s="12">
        <v>14</v>
      </c>
    </row>
    <row r="110" spans="1:4" ht="18" customHeight="1" x14ac:dyDescent="0.15">
      <c r="A110" s="8">
        <v>86</v>
      </c>
      <c r="B110" s="34">
        <v>6</v>
      </c>
      <c r="C110" s="13">
        <v>12</v>
      </c>
      <c r="D110" s="12">
        <v>18</v>
      </c>
    </row>
    <row r="111" spans="1:4" ht="18" customHeight="1" x14ac:dyDescent="0.15">
      <c r="A111" s="8">
        <v>87</v>
      </c>
      <c r="B111" s="34">
        <v>11</v>
      </c>
      <c r="C111" s="13">
        <v>12</v>
      </c>
      <c r="D111" s="12">
        <v>23</v>
      </c>
    </row>
    <row r="112" spans="1:4" ht="18" customHeight="1" x14ac:dyDescent="0.15">
      <c r="A112" s="8">
        <v>88</v>
      </c>
      <c r="B112" s="34">
        <v>2</v>
      </c>
      <c r="C112" s="13">
        <v>9</v>
      </c>
      <c r="D112" s="12">
        <v>11</v>
      </c>
    </row>
    <row r="113" spans="1:4" ht="18" customHeight="1" x14ac:dyDescent="0.15">
      <c r="A113" s="8">
        <v>89</v>
      </c>
      <c r="B113" s="34">
        <v>2</v>
      </c>
      <c r="C113" s="13">
        <v>8</v>
      </c>
      <c r="D113" s="12">
        <v>10</v>
      </c>
    </row>
    <row r="114" spans="1:4" ht="18" customHeight="1" x14ac:dyDescent="0.15">
      <c r="A114" s="8" t="s">
        <v>38</v>
      </c>
      <c r="B114" s="34">
        <v>24</v>
      </c>
      <c r="C114" s="13">
        <v>52</v>
      </c>
      <c r="D114" s="12">
        <v>76</v>
      </c>
    </row>
    <row r="115" spans="1:4" ht="18" customHeight="1" x14ac:dyDescent="0.15">
      <c r="A115" s="8">
        <v>90</v>
      </c>
      <c r="B115" s="34">
        <v>4</v>
      </c>
      <c r="C115" s="13">
        <v>6</v>
      </c>
      <c r="D115" s="12">
        <v>10</v>
      </c>
    </row>
    <row r="116" spans="1:4" ht="18" customHeight="1" x14ac:dyDescent="0.15">
      <c r="A116" s="8">
        <v>91</v>
      </c>
      <c r="B116" s="34">
        <v>4</v>
      </c>
      <c r="C116" s="13">
        <v>4</v>
      </c>
      <c r="D116" s="12">
        <v>8</v>
      </c>
    </row>
    <row r="117" spans="1:4" ht="18" customHeight="1" x14ac:dyDescent="0.15">
      <c r="A117" s="8">
        <v>92</v>
      </c>
      <c r="B117" s="34">
        <v>0</v>
      </c>
      <c r="C117" s="13">
        <v>6</v>
      </c>
      <c r="D117" s="12">
        <v>6</v>
      </c>
    </row>
    <row r="118" spans="1:4" ht="18" customHeight="1" x14ac:dyDescent="0.15">
      <c r="A118" s="8">
        <v>93</v>
      </c>
      <c r="B118" s="34">
        <v>0</v>
      </c>
      <c r="C118" s="13">
        <v>4</v>
      </c>
      <c r="D118" s="12">
        <v>4</v>
      </c>
    </row>
    <row r="119" spans="1:4" ht="18" customHeight="1" x14ac:dyDescent="0.15">
      <c r="A119" s="8">
        <v>94</v>
      </c>
      <c r="B119" s="34">
        <v>0</v>
      </c>
      <c r="C119" s="13">
        <v>5</v>
      </c>
      <c r="D119" s="12">
        <v>5</v>
      </c>
    </row>
    <row r="120" spans="1:4" ht="18" customHeight="1" x14ac:dyDescent="0.15">
      <c r="A120" s="8" t="s">
        <v>69</v>
      </c>
      <c r="B120" s="34">
        <v>8</v>
      </c>
      <c r="C120" s="13">
        <v>25</v>
      </c>
      <c r="D120" s="12">
        <v>33</v>
      </c>
    </row>
    <row r="121" spans="1:4" ht="18" customHeight="1" x14ac:dyDescent="0.15">
      <c r="A121" s="8">
        <v>95</v>
      </c>
      <c r="B121" s="34">
        <v>1</v>
      </c>
      <c r="C121" s="13">
        <v>3</v>
      </c>
      <c r="D121" s="12">
        <v>4</v>
      </c>
    </row>
    <row r="122" spans="1:4" ht="18" customHeight="1" x14ac:dyDescent="0.15">
      <c r="A122" s="8">
        <v>96</v>
      </c>
      <c r="B122" s="34">
        <v>0</v>
      </c>
      <c r="C122" s="13">
        <v>3</v>
      </c>
      <c r="D122" s="12">
        <v>3</v>
      </c>
    </row>
    <row r="123" spans="1:4" ht="18" customHeight="1" x14ac:dyDescent="0.15">
      <c r="A123" s="8">
        <v>97</v>
      </c>
      <c r="B123" s="34">
        <v>1</v>
      </c>
      <c r="C123" s="13">
        <v>3</v>
      </c>
      <c r="D123" s="12">
        <v>4</v>
      </c>
    </row>
    <row r="124" spans="1:4" ht="18" customHeight="1" x14ac:dyDescent="0.15">
      <c r="A124" s="8">
        <v>98</v>
      </c>
      <c r="B124" s="34">
        <v>0</v>
      </c>
      <c r="C124" s="13">
        <v>1</v>
      </c>
      <c r="D124" s="12">
        <v>1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2</v>
      </c>
      <c r="C126" s="13">
        <v>10</v>
      </c>
      <c r="D126" s="12">
        <v>12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224</v>
      </c>
      <c r="C130" s="6">
        <v>285</v>
      </c>
      <c r="D130" s="5">
        <v>509</v>
      </c>
    </row>
    <row r="131" spans="1:4" ht="18" customHeight="1" x14ac:dyDescent="0.15">
      <c r="A131" s="4" t="s">
        <v>0</v>
      </c>
      <c r="B131" s="27">
        <v>629</v>
      </c>
      <c r="C131" s="2">
        <v>644</v>
      </c>
      <c r="D131" s="1">
        <v>1273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6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1</v>
      </c>
      <c r="C5" s="44">
        <v>18</v>
      </c>
      <c r="D5" s="43">
        <v>29</v>
      </c>
    </row>
    <row r="6" spans="1:4" ht="18" customHeight="1" x14ac:dyDescent="0.15">
      <c r="A6" s="8">
        <v>1</v>
      </c>
      <c r="B6" s="39">
        <v>13</v>
      </c>
      <c r="C6" s="13">
        <v>22</v>
      </c>
      <c r="D6" s="12">
        <v>35</v>
      </c>
    </row>
    <row r="7" spans="1:4" ht="18" customHeight="1" x14ac:dyDescent="0.15">
      <c r="A7" s="8">
        <v>2</v>
      </c>
      <c r="B7" s="39">
        <v>15</v>
      </c>
      <c r="C7" s="13">
        <v>25</v>
      </c>
      <c r="D7" s="12">
        <v>40</v>
      </c>
    </row>
    <row r="8" spans="1:4" ht="18" customHeight="1" x14ac:dyDescent="0.15">
      <c r="A8" s="8">
        <v>3</v>
      </c>
      <c r="B8" s="39">
        <v>25</v>
      </c>
      <c r="C8" s="13">
        <v>22</v>
      </c>
      <c r="D8" s="12">
        <v>47</v>
      </c>
    </row>
    <row r="9" spans="1:4" ht="18" customHeight="1" x14ac:dyDescent="0.15">
      <c r="A9" s="8">
        <v>4</v>
      </c>
      <c r="B9" s="42">
        <v>16</v>
      </c>
      <c r="C9" s="41">
        <v>18</v>
      </c>
      <c r="D9" s="40">
        <v>34</v>
      </c>
    </row>
    <row r="10" spans="1:4" ht="18" customHeight="1" x14ac:dyDescent="0.15">
      <c r="A10" s="8" t="s">
        <v>76</v>
      </c>
      <c r="B10" s="34">
        <v>80</v>
      </c>
      <c r="C10" s="13">
        <v>105</v>
      </c>
      <c r="D10" s="12">
        <v>185</v>
      </c>
    </row>
    <row r="11" spans="1:4" ht="18" customHeight="1" x14ac:dyDescent="0.15">
      <c r="A11" s="8">
        <v>5</v>
      </c>
      <c r="B11" s="39">
        <v>18</v>
      </c>
      <c r="C11" s="13">
        <v>17</v>
      </c>
      <c r="D11" s="12">
        <v>35</v>
      </c>
    </row>
    <row r="12" spans="1:4" ht="18" customHeight="1" x14ac:dyDescent="0.15">
      <c r="A12" s="8">
        <v>6</v>
      </c>
      <c r="B12" s="39">
        <v>27</v>
      </c>
      <c r="C12" s="13">
        <v>23</v>
      </c>
      <c r="D12" s="12">
        <v>50</v>
      </c>
    </row>
    <row r="13" spans="1:4" ht="18" customHeight="1" x14ac:dyDescent="0.15">
      <c r="A13" s="8">
        <v>7</v>
      </c>
      <c r="B13" s="39">
        <v>27</v>
      </c>
      <c r="C13" s="13">
        <v>12</v>
      </c>
      <c r="D13" s="12">
        <v>39</v>
      </c>
    </row>
    <row r="14" spans="1:4" ht="18" customHeight="1" x14ac:dyDescent="0.15">
      <c r="A14" s="8">
        <v>8</v>
      </c>
      <c r="B14" s="39">
        <v>18</v>
      </c>
      <c r="C14" s="13">
        <v>17</v>
      </c>
      <c r="D14" s="12">
        <v>35</v>
      </c>
    </row>
    <row r="15" spans="1:4" ht="18" customHeight="1" x14ac:dyDescent="0.15">
      <c r="A15" s="8">
        <v>9</v>
      </c>
      <c r="B15" s="39">
        <v>25</v>
      </c>
      <c r="C15" s="13">
        <v>14</v>
      </c>
      <c r="D15" s="12">
        <v>39</v>
      </c>
    </row>
    <row r="16" spans="1:4" ht="18" customHeight="1" x14ac:dyDescent="0.15">
      <c r="A16" s="8" t="s">
        <v>50</v>
      </c>
      <c r="B16" s="34">
        <v>115</v>
      </c>
      <c r="C16" s="13">
        <v>83</v>
      </c>
      <c r="D16" s="12">
        <v>198</v>
      </c>
    </row>
    <row r="17" spans="1:4" ht="18" customHeight="1" x14ac:dyDescent="0.15">
      <c r="A17" s="8">
        <v>10</v>
      </c>
      <c r="B17" s="34">
        <v>25</v>
      </c>
      <c r="C17" s="13">
        <v>17</v>
      </c>
      <c r="D17" s="12">
        <v>42</v>
      </c>
    </row>
    <row r="18" spans="1:4" ht="18" customHeight="1" x14ac:dyDescent="0.15">
      <c r="A18" s="8">
        <v>11</v>
      </c>
      <c r="B18" s="34">
        <v>15</v>
      </c>
      <c r="C18" s="13">
        <v>24</v>
      </c>
      <c r="D18" s="12">
        <v>39</v>
      </c>
    </row>
    <row r="19" spans="1:4" ht="18" customHeight="1" x14ac:dyDescent="0.15">
      <c r="A19" s="8">
        <v>12</v>
      </c>
      <c r="B19" s="34">
        <v>24</v>
      </c>
      <c r="C19" s="13">
        <v>28</v>
      </c>
      <c r="D19" s="12">
        <v>52</v>
      </c>
    </row>
    <row r="20" spans="1:4" ht="18" customHeight="1" x14ac:dyDescent="0.15">
      <c r="A20" s="8">
        <v>13</v>
      </c>
      <c r="B20" s="34">
        <v>21</v>
      </c>
      <c r="C20" s="13">
        <v>13</v>
      </c>
      <c r="D20" s="12">
        <v>34</v>
      </c>
    </row>
    <row r="21" spans="1:4" ht="18" customHeight="1" x14ac:dyDescent="0.15">
      <c r="A21" s="8">
        <v>14</v>
      </c>
      <c r="B21" s="34">
        <v>33</v>
      </c>
      <c r="C21" s="13">
        <v>15</v>
      </c>
      <c r="D21" s="12">
        <v>48</v>
      </c>
    </row>
    <row r="22" spans="1:4" ht="18" customHeight="1" x14ac:dyDescent="0.15">
      <c r="A22" s="8" t="s">
        <v>75</v>
      </c>
      <c r="B22" s="34">
        <v>118</v>
      </c>
      <c r="C22" s="13">
        <v>97</v>
      </c>
      <c r="D22" s="12">
        <v>215</v>
      </c>
    </row>
    <row r="23" spans="1:4" ht="18" customHeight="1" x14ac:dyDescent="0.15">
      <c r="A23" s="8" t="s">
        <v>65</v>
      </c>
      <c r="B23" s="34">
        <v>313</v>
      </c>
      <c r="C23" s="13">
        <v>285</v>
      </c>
      <c r="D23" s="12">
        <v>598</v>
      </c>
    </row>
    <row r="24" spans="1:4" ht="18" customHeight="1" x14ac:dyDescent="0.15">
      <c r="A24" s="8">
        <v>15</v>
      </c>
      <c r="B24" s="34">
        <v>14</v>
      </c>
      <c r="C24" s="13">
        <v>20</v>
      </c>
      <c r="D24" s="12">
        <v>34</v>
      </c>
    </row>
    <row r="25" spans="1:4" ht="18" customHeight="1" x14ac:dyDescent="0.15">
      <c r="A25" s="8">
        <v>16</v>
      </c>
      <c r="B25" s="34">
        <v>20</v>
      </c>
      <c r="C25" s="13">
        <v>22</v>
      </c>
      <c r="D25" s="12">
        <v>42</v>
      </c>
    </row>
    <row r="26" spans="1:4" ht="18" customHeight="1" x14ac:dyDescent="0.15">
      <c r="A26" s="8">
        <v>17</v>
      </c>
      <c r="B26" s="34">
        <v>22</v>
      </c>
      <c r="C26" s="13">
        <v>21</v>
      </c>
      <c r="D26" s="12">
        <v>43</v>
      </c>
    </row>
    <row r="27" spans="1:4" ht="18" customHeight="1" x14ac:dyDescent="0.15">
      <c r="A27" s="8">
        <v>18</v>
      </c>
      <c r="B27" s="34">
        <v>22</v>
      </c>
      <c r="C27" s="13">
        <v>18</v>
      </c>
      <c r="D27" s="12">
        <v>40</v>
      </c>
    </row>
    <row r="28" spans="1:4" ht="18" customHeight="1" x14ac:dyDescent="0.15">
      <c r="A28" s="8">
        <v>19</v>
      </c>
      <c r="B28" s="34">
        <v>22</v>
      </c>
      <c r="C28" s="13">
        <v>25</v>
      </c>
      <c r="D28" s="12">
        <v>47</v>
      </c>
    </row>
    <row r="29" spans="1:4" ht="18" customHeight="1" x14ac:dyDescent="0.15">
      <c r="A29" s="8" t="s">
        <v>48</v>
      </c>
      <c r="B29" s="34">
        <v>100</v>
      </c>
      <c r="C29" s="13">
        <v>106</v>
      </c>
      <c r="D29" s="12">
        <v>206</v>
      </c>
    </row>
    <row r="30" spans="1:4" ht="18" customHeight="1" x14ac:dyDescent="0.15">
      <c r="A30" s="8">
        <v>20</v>
      </c>
      <c r="B30" s="34">
        <v>19</v>
      </c>
      <c r="C30" s="13">
        <v>18</v>
      </c>
      <c r="D30" s="12">
        <v>37</v>
      </c>
    </row>
    <row r="31" spans="1:4" ht="18" customHeight="1" x14ac:dyDescent="0.15">
      <c r="A31" s="8">
        <v>21</v>
      </c>
      <c r="B31" s="34">
        <v>25</v>
      </c>
      <c r="C31" s="13">
        <v>27</v>
      </c>
      <c r="D31" s="12">
        <v>52</v>
      </c>
    </row>
    <row r="32" spans="1:4" ht="18" customHeight="1" x14ac:dyDescent="0.15">
      <c r="A32" s="8">
        <v>22</v>
      </c>
      <c r="B32" s="34">
        <v>30</v>
      </c>
      <c r="C32" s="13">
        <v>19</v>
      </c>
      <c r="D32" s="12">
        <v>49</v>
      </c>
    </row>
    <row r="33" spans="1:4" ht="18" customHeight="1" x14ac:dyDescent="0.15">
      <c r="A33" s="8">
        <v>23</v>
      </c>
      <c r="B33" s="34">
        <v>22</v>
      </c>
      <c r="C33" s="13">
        <v>17</v>
      </c>
      <c r="D33" s="12">
        <v>39</v>
      </c>
    </row>
    <row r="34" spans="1:4" ht="18" customHeight="1" x14ac:dyDescent="0.15">
      <c r="A34" s="8">
        <v>24</v>
      </c>
      <c r="B34" s="34">
        <v>21</v>
      </c>
      <c r="C34" s="13">
        <v>27</v>
      </c>
      <c r="D34" s="12">
        <v>48</v>
      </c>
    </row>
    <row r="35" spans="1:4" ht="18" customHeight="1" x14ac:dyDescent="0.15">
      <c r="A35" s="8" t="s">
        <v>74</v>
      </c>
      <c r="B35" s="34">
        <v>117</v>
      </c>
      <c r="C35" s="13">
        <v>108</v>
      </c>
      <c r="D35" s="12">
        <v>225</v>
      </c>
    </row>
    <row r="36" spans="1:4" ht="18" customHeight="1" x14ac:dyDescent="0.15">
      <c r="A36" s="8">
        <v>25</v>
      </c>
      <c r="B36" s="34">
        <v>21</v>
      </c>
      <c r="C36" s="13">
        <v>15</v>
      </c>
      <c r="D36" s="12">
        <v>36</v>
      </c>
    </row>
    <row r="37" spans="1:4" ht="18" customHeight="1" x14ac:dyDescent="0.15">
      <c r="A37" s="8">
        <v>26</v>
      </c>
      <c r="B37" s="34">
        <v>19</v>
      </c>
      <c r="C37" s="13">
        <v>19</v>
      </c>
      <c r="D37" s="12">
        <v>38</v>
      </c>
    </row>
    <row r="38" spans="1:4" ht="18" customHeight="1" x14ac:dyDescent="0.15">
      <c r="A38" s="8">
        <v>27</v>
      </c>
      <c r="B38" s="34">
        <v>20</v>
      </c>
      <c r="C38" s="13">
        <v>23</v>
      </c>
      <c r="D38" s="12">
        <v>43</v>
      </c>
    </row>
    <row r="39" spans="1:4" ht="18" customHeight="1" x14ac:dyDescent="0.15">
      <c r="A39" s="8">
        <v>28</v>
      </c>
      <c r="B39" s="34">
        <v>22</v>
      </c>
      <c r="C39" s="13">
        <v>17</v>
      </c>
      <c r="D39" s="12">
        <v>39</v>
      </c>
    </row>
    <row r="40" spans="1:4" ht="18" customHeight="1" x14ac:dyDescent="0.15">
      <c r="A40" s="8">
        <v>29</v>
      </c>
      <c r="B40" s="34">
        <v>21</v>
      </c>
      <c r="C40" s="13">
        <v>18</v>
      </c>
      <c r="D40" s="12">
        <v>39</v>
      </c>
    </row>
    <row r="41" spans="1:4" ht="18" customHeight="1" x14ac:dyDescent="0.15">
      <c r="A41" s="8" t="s">
        <v>73</v>
      </c>
      <c r="B41" s="34">
        <v>103</v>
      </c>
      <c r="C41" s="13">
        <v>92</v>
      </c>
      <c r="D41" s="12">
        <v>195</v>
      </c>
    </row>
    <row r="42" spans="1:4" ht="18" customHeight="1" x14ac:dyDescent="0.15">
      <c r="A42" s="8">
        <v>30</v>
      </c>
      <c r="B42" s="34">
        <v>21</v>
      </c>
      <c r="C42" s="13">
        <v>16</v>
      </c>
      <c r="D42" s="12">
        <v>37</v>
      </c>
    </row>
    <row r="43" spans="1:4" ht="18" customHeight="1" x14ac:dyDescent="0.15">
      <c r="A43" s="8">
        <v>31</v>
      </c>
      <c r="B43" s="34">
        <v>34</v>
      </c>
      <c r="C43" s="13">
        <v>23</v>
      </c>
      <c r="D43" s="12">
        <v>57</v>
      </c>
    </row>
    <row r="44" spans="1:4" ht="18" customHeight="1" x14ac:dyDescent="0.15">
      <c r="A44" s="8">
        <v>32</v>
      </c>
      <c r="B44" s="34">
        <v>22</v>
      </c>
      <c r="C44" s="13">
        <v>24</v>
      </c>
      <c r="D44" s="12">
        <v>46</v>
      </c>
    </row>
    <row r="45" spans="1:4" ht="18" customHeight="1" x14ac:dyDescent="0.15">
      <c r="A45" s="8">
        <v>33</v>
      </c>
      <c r="B45" s="34">
        <v>24</v>
      </c>
      <c r="C45" s="13">
        <v>26</v>
      </c>
      <c r="D45" s="12">
        <v>50</v>
      </c>
    </row>
    <row r="46" spans="1:4" ht="18" customHeight="1" x14ac:dyDescent="0.15">
      <c r="A46" s="8">
        <v>34</v>
      </c>
      <c r="B46" s="34">
        <v>28</v>
      </c>
      <c r="C46" s="13">
        <v>32</v>
      </c>
      <c r="D46" s="12">
        <v>60</v>
      </c>
    </row>
    <row r="47" spans="1:4" ht="18" customHeight="1" x14ac:dyDescent="0.15">
      <c r="A47" s="8" t="s">
        <v>61</v>
      </c>
      <c r="B47" s="34">
        <v>129</v>
      </c>
      <c r="C47" s="13">
        <v>121</v>
      </c>
      <c r="D47" s="12">
        <v>250</v>
      </c>
    </row>
    <row r="48" spans="1:4" ht="18" customHeight="1" x14ac:dyDescent="0.15">
      <c r="A48" s="8">
        <v>35</v>
      </c>
      <c r="B48" s="34">
        <v>20</v>
      </c>
      <c r="C48" s="13">
        <v>25</v>
      </c>
      <c r="D48" s="12">
        <v>45</v>
      </c>
    </row>
    <row r="49" spans="1:4" ht="18" customHeight="1" x14ac:dyDescent="0.15">
      <c r="A49" s="8">
        <v>36</v>
      </c>
      <c r="B49" s="34">
        <v>21</v>
      </c>
      <c r="C49" s="13">
        <v>28</v>
      </c>
      <c r="D49" s="12">
        <v>49</v>
      </c>
    </row>
    <row r="50" spans="1:4" ht="18" customHeight="1" x14ac:dyDescent="0.15">
      <c r="A50" s="8">
        <v>37</v>
      </c>
      <c r="B50" s="34">
        <v>18</v>
      </c>
      <c r="C50" s="13">
        <v>33</v>
      </c>
      <c r="D50" s="12">
        <v>51</v>
      </c>
    </row>
    <row r="51" spans="1:4" ht="18" customHeight="1" x14ac:dyDescent="0.15">
      <c r="A51" s="8">
        <v>38</v>
      </c>
      <c r="B51" s="34">
        <v>34</v>
      </c>
      <c r="C51" s="13">
        <v>24</v>
      </c>
      <c r="D51" s="12">
        <v>58</v>
      </c>
    </row>
    <row r="52" spans="1:4" ht="18" customHeight="1" x14ac:dyDescent="0.15">
      <c r="A52" s="8">
        <v>39</v>
      </c>
      <c r="B52" s="34">
        <v>34</v>
      </c>
      <c r="C52" s="13">
        <v>32</v>
      </c>
      <c r="D52" s="12">
        <v>66</v>
      </c>
    </row>
    <row r="53" spans="1:4" ht="18" customHeight="1" x14ac:dyDescent="0.15">
      <c r="A53" s="8" t="s">
        <v>72</v>
      </c>
      <c r="B53" s="34">
        <v>127</v>
      </c>
      <c r="C53" s="13">
        <v>142</v>
      </c>
      <c r="D53" s="12">
        <v>269</v>
      </c>
    </row>
    <row r="54" spans="1:4" ht="18" customHeight="1" x14ac:dyDescent="0.15">
      <c r="A54" s="8">
        <v>40</v>
      </c>
      <c r="B54" s="34">
        <v>34</v>
      </c>
      <c r="C54" s="13">
        <v>20</v>
      </c>
      <c r="D54" s="12">
        <v>54</v>
      </c>
    </row>
    <row r="55" spans="1:4" ht="18" customHeight="1" x14ac:dyDescent="0.15">
      <c r="A55" s="8">
        <v>41</v>
      </c>
      <c r="B55" s="34">
        <v>29</v>
      </c>
      <c r="C55" s="13">
        <v>26</v>
      </c>
      <c r="D55" s="12">
        <v>55</v>
      </c>
    </row>
    <row r="56" spans="1:4" ht="18" customHeight="1" x14ac:dyDescent="0.15">
      <c r="A56" s="8">
        <v>42</v>
      </c>
      <c r="B56" s="34">
        <v>25</v>
      </c>
      <c r="C56" s="13">
        <v>34</v>
      </c>
      <c r="D56" s="12">
        <v>59</v>
      </c>
    </row>
    <row r="57" spans="1:4" ht="18" customHeight="1" x14ac:dyDescent="0.15">
      <c r="A57" s="8">
        <v>43</v>
      </c>
      <c r="B57" s="34">
        <v>27</v>
      </c>
      <c r="C57" s="13">
        <v>13</v>
      </c>
      <c r="D57" s="12">
        <v>40</v>
      </c>
    </row>
    <row r="58" spans="1:4" ht="18" customHeight="1" x14ac:dyDescent="0.15">
      <c r="A58" s="8">
        <v>44</v>
      </c>
      <c r="B58" s="34">
        <v>36</v>
      </c>
      <c r="C58" s="13">
        <v>31</v>
      </c>
      <c r="D58" s="12">
        <v>67</v>
      </c>
    </row>
    <row r="59" spans="1:4" ht="18" customHeight="1" x14ac:dyDescent="0.15">
      <c r="A59" s="8" t="s">
        <v>46</v>
      </c>
      <c r="B59" s="34">
        <v>151</v>
      </c>
      <c r="C59" s="13">
        <v>124</v>
      </c>
      <c r="D59" s="12">
        <v>275</v>
      </c>
    </row>
    <row r="60" spans="1:4" ht="18" customHeight="1" x14ac:dyDescent="0.15">
      <c r="A60" s="8">
        <v>45</v>
      </c>
      <c r="B60" s="34">
        <v>37</v>
      </c>
      <c r="C60" s="13">
        <v>47</v>
      </c>
      <c r="D60" s="12">
        <v>84</v>
      </c>
    </row>
    <row r="61" spans="1:4" ht="18" customHeight="1" x14ac:dyDescent="0.15">
      <c r="A61" s="8">
        <v>46</v>
      </c>
      <c r="B61" s="34">
        <v>33</v>
      </c>
      <c r="C61" s="13">
        <v>22</v>
      </c>
      <c r="D61" s="12">
        <v>55</v>
      </c>
    </row>
    <row r="62" spans="1:4" ht="18" customHeight="1" x14ac:dyDescent="0.15">
      <c r="A62" s="8">
        <v>47</v>
      </c>
      <c r="B62" s="34">
        <v>40</v>
      </c>
      <c r="C62" s="13">
        <v>34</v>
      </c>
      <c r="D62" s="12">
        <v>74</v>
      </c>
    </row>
    <row r="63" spans="1:4" ht="18" customHeight="1" x14ac:dyDescent="0.15">
      <c r="A63" s="8">
        <v>48</v>
      </c>
      <c r="B63" s="34">
        <v>28</v>
      </c>
      <c r="C63" s="13">
        <v>34</v>
      </c>
      <c r="D63" s="12">
        <v>62</v>
      </c>
    </row>
    <row r="64" spans="1:4" ht="18" customHeight="1" x14ac:dyDescent="0.15">
      <c r="A64" s="8">
        <v>49</v>
      </c>
      <c r="B64" s="34">
        <v>44</v>
      </c>
      <c r="C64" s="13">
        <v>38</v>
      </c>
      <c r="D64" s="12">
        <v>82</v>
      </c>
    </row>
    <row r="65" spans="1:4" ht="18" customHeight="1" x14ac:dyDescent="0.15">
      <c r="A65" s="8" t="s">
        <v>45</v>
      </c>
      <c r="B65" s="34">
        <v>182</v>
      </c>
      <c r="C65" s="13">
        <v>175</v>
      </c>
      <c r="D65" s="12">
        <v>357</v>
      </c>
    </row>
    <row r="66" spans="1:4" ht="18" customHeight="1" x14ac:dyDescent="0.15">
      <c r="A66" s="8">
        <v>50</v>
      </c>
      <c r="B66" s="34">
        <v>32</v>
      </c>
      <c r="C66" s="13">
        <v>36</v>
      </c>
      <c r="D66" s="12">
        <v>68</v>
      </c>
    </row>
    <row r="67" spans="1:4" ht="18" customHeight="1" x14ac:dyDescent="0.15">
      <c r="A67" s="8">
        <v>51</v>
      </c>
      <c r="B67" s="34">
        <v>42</v>
      </c>
      <c r="C67" s="13">
        <v>38</v>
      </c>
      <c r="D67" s="12">
        <v>80</v>
      </c>
    </row>
    <row r="68" spans="1:4" ht="18" customHeight="1" x14ac:dyDescent="0.15">
      <c r="A68" s="8">
        <v>52</v>
      </c>
      <c r="B68" s="34">
        <v>27</v>
      </c>
      <c r="C68" s="13">
        <v>29</v>
      </c>
      <c r="D68" s="12">
        <v>56</v>
      </c>
    </row>
    <row r="69" spans="1:4" ht="18" customHeight="1" x14ac:dyDescent="0.15">
      <c r="A69" s="8">
        <v>53</v>
      </c>
      <c r="B69" s="34">
        <v>40</v>
      </c>
      <c r="C69" s="13">
        <v>40</v>
      </c>
      <c r="D69" s="12">
        <v>80</v>
      </c>
    </row>
    <row r="70" spans="1:4" ht="18" customHeight="1" x14ac:dyDescent="0.15">
      <c r="A70" s="8">
        <v>54</v>
      </c>
      <c r="B70" s="34">
        <v>34</v>
      </c>
      <c r="C70" s="13">
        <v>43</v>
      </c>
      <c r="D70" s="12">
        <v>77</v>
      </c>
    </row>
    <row r="71" spans="1:4" ht="18" customHeight="1" x14ac:dyDescent="0.15">
      <c r="A71" s="8" t="s">
        <v>58</v>
      </c>
      <c r="B71" s="34">
        <v>175</v>
      </c>
      <c r="C71" s="13">
        <v>186</v>
      </c>
      <c r="D71" s="12">
        <v>361</v>
      </c>
    </row>
    <row r="72" spans="1:4" ht="18" customHeight="1" x14ac:dyDescent="0.15">
      <c r="A72" s="8">
        <v>55</v>
      </c>
      <c r="B72" s="34">
        <v>45</v>
      </c>
      <c r="C72" s="13">
        <v>40</v>
      </c>
      <c r="D72" s="12">
        <v>85</v>
      </c>
    </row>
    <row r="73" spans="1:4" ht="18" customHeight="1" x14ac:dyDescent="0.15">
      <c r="A73" s="8">
        <v>56</v>
      </c>
      <c r="B73" s="34">
        <v>36</v>
      </c>
      <c r="C73" s="13">
        <v>42</v>
      </c>
      <c r="D73" s="12">
        <v>78</v>
      </c>
    </row>
    <row r="74" spans="1:4" ht="18" customHeight="1" x14ac:dyDescent="0.15">
      <c r="A74" s="8">
        <v>57</v>
      </c>
      <c r="B74" s="34">
        <v>28</v>
      </c>
      <c r="C74" s="13">
        <v>29</v>
      </c>
      <c r="D74" s="12">
        <v>57</v>
      </c>
    </row>
    <row r="75" spans="1:4" ht="18" customHeight="1" x14ac:dyDescent="0.15">
      <c r="A75" s="8">
        <v>58</v>
      </c>
      <c r="B75" s="34">
        <v>38</v>
      </c>
      <c r="C75" s="13">
        <v>43</v>
      </c>
      <c r="D75" s="12">
        <v>81</v>
      </c>
    </row>
    <row r="76" spans="1:4" ht="18" customHeight="1" x14ac:dyDescent="0.15">
      <c r="A76" s="8">
        <v>59</v>
      </c>
      <c r="B76" s="34">
        <v>34</v>
      </c>
      <c r="C76" s="13">
        <v>27</v>
      </c>
      <c r="D76" s="12">
        <v>61</v>
      </c>
    </row>
    <row r="77" spans="1:4" ht="18" customHeight="1" x14ac:dyDescent="0.15">
      <c r="A77" s="8" t="s">
        <v>71</v>
      </c>
      <c r="B77" s="34">
        <v>181</v>
      </c>
      <c r="C77" s="13">
        <v>181</v>
      </c>
      <c r="D77" s="12">
        <v>362</v>
      </c>
    </row>
    <row r="78" spans="1:4" ht="18" customHeight="1" x14ac:dyDescent="0.15">
      <c r="A78" s="8">
        <v>60</v>
      </c>
      <c r="B78" s="34">
        <v>32</v>
      </c>
      <c r="C78" s="13">
        <v>34</v>
      </c>
      <c r="D78" s="12">
        <v>66</v>
      </c>
    </row>
    <row r="79" spans="1:4" ht="18" customHeight="1" x14ac:dyDescent="0.15">
      <c r="A79" s="8">
        <v>61</v>
      </c>
      <c r="B79" s="34">
        <v>29</v>
      </c>
      <c r="C79" s="13">
        <v>23</v>
      </c>
      <c r="D79" s="12">
        <v>52</v>
      </c>
    </row>
    <row r="80" spans="1:4" ht="18" customHeight="1" x14ac:dyDescent="0.15">
      <c r="A80" s="8">
        <v>62</v>
      </c>
      <c r="B80" s="34">
        <v>29</v>
      </c>
      <c r="C80" s="13">
        <v>31</v>
      </c>
      <c r="D80" s="12">
        <v>60</v>
      </c>
    </row>
    <row r="81" spans="1:4" ht="18" customHeight="1" x14ac:dyDescent="0.15">
      <c r="A81" s="8">
        <v>63</v>
      </c>
      <c r="B81" s="34">
        <v>39</v>
      </c>
      <c r="C81" s="13">
        <v>34</v>
      </c>
      <c r="D81" s="12">
        <v>73</v>
      </c>
    </row>
    <row r="82" spans="1:4" ht="18" customHeight="1" x14ac:dyDescent="0.15">
      <c r="A82" s="8">
        <v>64</v>
      </c>
      <c r="B82" s="34">
        <v>27</v>
      </c>
      <c r="C82" s="13">
        <v>28</v>
      </c>
      <c r="D82" s="12">
        <v>55</v>
      </c>
    </row>
    <row r="83" spans="1:4" ht="18" customHeight="1" x14ac:dyDescent="0.15">
      <c r="A83" s="8" t="s">
        <v>44</v>
      </c>
      <c r="B83" s="34">
        <v>156</v>
      </c>
      <c r="C83" s="13">
        <v>150</v>
      </c>
      <c r="D83" s="12">
        <v>306</v>
      </c>
    </row>
    <row r="84" spans="1:4" ht="18" customHeight="1" x14ac:dyDescent="0.15">
      <c r="A84" s="8" t="s">
        <v>43</v>
      </c>
      <c r="B84" s="34">
        <v>1421</v>
      </c>
      <c r="C84" s="13">
        <v>1385</v>
      </c>
      <c r="D84" s="12">
        <v>2806</v>
      </c>
    </row>
    <row r="85" spans="1:4" ht="18" customHeight="1" x14ac:dyDescent="0.15">
      <c r="A85" s="8">
        <v>65</v>
      </c>
      <c r="B85" s="34">
        <v>31</v>
      </c>
      <c r="C85" s="13">
        <v>33</v>
      </c>
      <c r="D85" s="12">
        <v>64</v>
      </c>
    </row>
    <row r="86" spans="1:4" ht="18" customHeight="1" x14ac:dyDescent="0.15">
      <c r="A86" s="8">
        <v>66</v>
      </c>
      <c r="B86" s="34">
        <v>17</v>
      </c>
      <c r="C86" s="13">
        <v>45</v>
      </c>
      <c r="D86" s="12">
        <v>62</v>
      </c>
    </row>
    <row r="87" spans="1:4" ht="18" customHeight="1" x14ac:dyDescent="0.15">
      <c r="A87" s="8">
        <v>67</v>
      </c>
      <c r="B87" s="34">
        <v>34</v>
      </c>
      <c r="C87" s="13">
        <v>23</v>
      </c>
      <c r="D87" s="12">
        <v>57</v>
      </c>
    </row>
    <row r="88" spans="1:4" ht="18" customHeight="1" x14ac:dyDescent="0.15">
      <c r="A88" s="8">
        <v>68</v>
      </c>
      <c r="B88" s="34">
        <v>30</v>
      </c>
      <c r="C88" s="13">
        <v>44</v>
      </c>
      <c r="D88" s="12">
        <v>74</v>
      </c>
    </row>
    <row r="89" spans="1:4" ht="18" customHeight="1" x14ac:dyDescent="0.15">
      <c r="A89" s="8">
        <v>69</v>
      </c>
      <c r="B89" s="34">
        <v>32</v>
      </c>
      <c r="C89" s="13">
        <v>33</v>
      </c>
      <c r="D89" s="12">
        <v>65</v>
      </c>
    </row>
    <row r="90" spans="1:4" ht="18" customHeight="1" x14ac:dyDescent="0.15">
      <c r="A90" s="8" t="s">
        <v>42</v>
      </c>
      <c r="B90" s="34">
        <v>144</v>
      </c>
      <c r="C90" s="13">
        <v>178</v>
      </c>
      <c r="D90" s="12">
        <v>322</v>
      </c>
    </row>
    <row r="91" spans="1:4" ht="18" customHeight="1" x14ac:dyDescent="0.15">
      <c r="A91" s="8">
        <v>70</v>
      </c>
      <c r="B91" s="34">
        <v>36</v>
      </c>
      <c r="C91" s="13">
        <v>31</v>
      </c>
      <c r="D91" s="12">
        <v>67</v>
      </c>
    </row>
    <row r="92" spans="1:4" ht="18" customHeight="1" x14ac:dyDescent="0.15">
      <c r="A92" s="8">
        <v>71</v>
      </c>
      <c r="B92" s="34">
        <v>28</v>
      </c>
      <c r="C92" s="13">
        <v>42</v>
      </c>
      <c r="D92" s="12">
        <v>70</v>
      </c>
    </row>
    <row r="93" spans="1:4" ht="18" customHeight="1" x14ac:dyDescent="0.15">
      <c r="A93" s="8">
        <v>72</v>
      </c>
      <c r="B93" s="34">
        <v>28</v>
      </c>
      <c r="C93" s="13">
        <v>34</v>
      </c>
      <c r="D93" s="12">
        <v>62</v>
      </c>
    </row>
    <row r="94" spans="1:4" ht="18" customHeight="1" x14ac:dyDescent="0.15">
      <c r="A94" s="8">
        <v>73</v>
      </c>
      <c r="B94" s="34">
        <v>36</v>
      </c>
      <c r="C94" s="13">
        <v>45</v>
      </c>
      <c r="D94" s="12">
        <v>81</v>
      </c>
    </row>
    <row r="95" spans="1:4" ht="18" customHeight="1" x14ac:dyDescent="0.15">
      <c r="A95" s="8">
        <v>74</v>
      </c>
      <c r="B95" s="34">
        <v>39</v>
      </c>
      <c r="C95" s="13">
        <v>33</v>
      </c>
      <c r="D95" s="12">
        <v>72</v>
      </c>
    </row>
    <row r="96" spans="1:4" ht="18" customHeight="1" x14ac:dyDescent="0.15">
      <c r="A96" s="8" t="s">
        <v>41</v>
      </c>
      <c r="B96" s="34">
        <v>167</v>
      </c>
      <c r="C96" s="13">
        <v>185</v>
      </c>
      <c r="D96" s="12">
        <v>352</v>
      </c>
    </row>
    <row r="97" spans="1:4" ht="18" customHeight="1" x14ac:dyDescent="0.15">
      <c r="A97" s="8">
        <v>75</v>
      </c>
      <c r="B97" s="34">
        <v>44</v>
      </c>
      <c r="C97" s="13">
        <v>39</v>
      </c>
      <c r="D97" s="12">
        <v>83</v>
      </c>
    </row>
    <row r="98" spans="1:4" ht="18" customHeight="1" x14ac:dyDescent="0.15">
      <c r="A98" s="8">
        <v>76</v>
      </c>
      <c r="B98" s="34">
        <v>25</v>
      </c>
      <c r="C98" s="13">
        <v>31</v>
      </c>
      <c r="D98" s="12">
        <v>56</v>
      </c>
    </row>
    <row r="99" spans="1:4" ht="18" customHeight="1" x14ac:dyDescent="0.15">
      <c r="A99" s="8">
        <v>77</v>
      </c>
      <c r="B99" s="34">
        <v>21</v>
      </c>
      <c r="C99" s="13">
        <v>18</v>
      </c>
      <c r="D99" s="12">
        <v>39</v>
      </c>
    </row>
    <row r="100" spans="1:4" ht="18" customHeight="1" x14ac:dyDescent="0.15">
      <c r="A100" s="8">
        <v>78</v>
      </c>
      <c r="B100" s="34">
        <v>21</v>
      </c>
      <c r="C100" s="13">
        <v>26</v>
      </c>
      <c r="D100" s="12">
        <v>47</v>
      </c>
    </row>
    <row r="101" spans="1:4" ht="18" customHeight="1" x14ac:dyDescent="0.15">
      <c r="A101" s="8">
        <v>79</v>
      </c>
      <c r="B101" s="34">
        <v>20</v>
      </c>
      <c r="C101" s="13">
        <v>34</v>
      </c>
      <c r="D101" s="12">
        <v>54</v>
      </c>
    </row>
    <row r="102" spans="1:4" ht="18" customHeight="1" x14ac:dyDescent="0.15">
      <c r="A102" s="8" t="s">
        <v>70</v>
      </c>
      <c r="B102" s="34">
        <v>131</v>
      </c>
      <c r="C102" s="13">
        <v>148</v>
      </c>
      <c r="D102" s="12">
        <v>279</v>
      </c>
    </row>
    <row r="103" spans="1:4" ht="18" customHeight="1" x14ac:dyDescent="0.15">
      <c r="A103" s="8">
        <v>80</v>
      </c>
      <c r="B103" s="34">
        <v>18</v>
      </c>
      <c r="C103" s="13">
        <v>24</v>
      </c>
      <c r="D103" s="12">
        <v>42</v>
      </c>
    </row>
    <row r="104" spans="1:4" ht="18" customHeight="1" x14ac:dyDescent="0.15">
      <c r="A104" s="8">
        <v>81</v>
      </c>
      <c r="B104" s="34">
        <v>17</v>
      </c>
      <c r="C104" s="13">
        <v>36</v>
      </c>
      <c r="D104" s="12">
        <v>53</v>
      </c>
    </row>
    <row r="105" spans="1:4" ht="18" customHeight="1" x14ac:dyDescent="0.15">
      <c r="A105" s="8">
        <v>82</v>
      </c>
      <c r="B105" s="34">
        <v>16</v>
      </c>
      <c r="C105" s="13">
        <v>31</v>
      </c>
      <c r="D105" s="12">
        <v>47</v>
      </c>
    </row>
    <row r="106" spans="1:4" ht="18" customHeight="1" x14ac:dyDescent="0.15">
      <c r="A106" s="8">
        <v>83</v>
      </c>
      <c r="B106" s="34">
        <v>13</v>
      </c>
      <c r="C106" s="13">
        <v>22</v>
      </c>
      <c r="D106" s="12">
        <v>35</v>
      </c>
    </row>
    <row r="107" spans="1:4" ht="18" customHeight="1" x14ac:dyDescent="0.15">
      <c r="A107" s="8">
        <v>84</v>
      </c>
      <c r="B107" s="34">
        <v>15</v>
      </c>
      <c r="C107" s="13">
        <v>21</v>
      </c>
      <c r="D107" s="12">
        <v>36</v>
      </c>
    </row>
    <row r="108" spans="1:4" ht="18" customHeight="1" x14ac:dyDescent="0.15">
      <c r="A108" s="8" t="s">
        <v>39</v>
      </c>
      <c r="B108" s="34">
        <v>79</v>
      </c>
      <c r="C108" s="13">
        <v>134</v>
      </c>
      <c r="D108" s="12">
        <v>213</v>
      </c>
    </row>
    <row r="109" spans="1:4" ht="18" customHeight="1" x14ac:dyDescent="0.15">
      <c r="A109" s="8">
        <v>85</v>
      </c>
      <c r="B109" s="34">
        <v>23</v>
      </c>
      <c r="C109" s="13">
        <v>23</v>
      </c>
      <c r="D109" s="12">
        <v>46</v>
      </c>
    </row>
    <row r="110" spans="1:4" ht="18" customHeight="1" x14ac:dyDescent="0.15">
      <c r="A110" s="8">
        <v>86</v>
      </c>
      <c r="B110" s="34">
        <v>16</v>
      </c>
      <c r="C110" s="13">
        <v>24</v>
      </c>
      <c r="D110" s="12">
        <v>40</v>
      </c>
    </row>
    <row r="111" spans="1:4" ht="18" customHeight="1" x14ac:dyDescent="0.15">
      <c r="A111" s="8">
        <v>87</v>
      </c>
      <c r="B111" s="34">
        <v>15</v>
      </c>
      <c r="C111" s="13">
        <v>24</v>
      </c>
      <c r="D111" s="12">
        <v>39</v>
      </c>
    </row>
    <row r="112" spans="1:4" ht="18" customHeight="1" x14ac:dyDescent="0.15">
      <c r="A112" s="8">
        <v>88</v>
      </c>
      <c r="B112" s="34">
        <v>9</v>
      </c>
      <c r="C112" s="13">
        <v>21</v>
      </c>
      <c r="D112" s="12">
        <v>30</v>
      </c>
    </row>
    <row r="113" spans="1:4" ht="18" customHeight="1" x14ac:dyDescent="0.15">
      <c r="A113" s="8">
        <v>89</v>
      </c>
      <c r="B113" s="34">
        <v>11</v>
      </c>
      <c r="C113" s="13">
        <v>17</v>
      </c>
      <c r="D113" s="12">
        <v>28</v>
      </c>
    </row>
    <row r="114" spans="1:4" ht="18" customHeight="1" x14ac:dyDescent="0.15">
      <c r="A114" s="8" t="s">
        <v>38</v>
      </c>
      <c r="B114" s="34">
        <v>74</v>
      </c>
      <c r="C114" s="13">
        <v>109</v>
      </c>
      <c r="D114" s="12">
        <v>183</v>
      </c>
    </row>
    <row r="115" spans="1:4" ht="18" customHeight="1" x14ac:dyDescent="0.15">
      <c r="A115" s="8">
        <v>90</v>
      </c>
      <c r="B115" s="34">
        <v>5</v>
      </c>
      <c r="C115" s="13">
        <v>24</v>
      </c>
      <c r="D115" s="12">
        <v>29</v>
      </c>
    </row>
    <row r="116" spans="1:4" ht="18" customHeight="1" x14ac:dyDescent="0.15">
      <c r="A116" s="8">
        <v>91</v>
      </c>
      <c r="B116" s="34">
        <v>4</v>
      </c>
      <c r="C116" s="13">
        <v>19</v>
      </c>
      <c r="D116" s="12">
        <v>23</v>
      </c>
    </row>
    <row r="117" spans="1:4" ht="18" customHeight="1" x14ac:dyDescent="0.15">
      <c r="A117" s="8">
        <v>92</v>
      </c>
      <c r="B117" s="34">
        <v>6</v>
      </c>
      <c r="C117" s="13">
        <v>19</v>
      </c>
      <c r="D117" s="12">
        <v>25</v>
      </c>
    </row>
    <row r="118" spans="1:4" ht="18" customHeight="1" x14ac:dyDescent="0.15">
      <c r="A118" s="8">
        <v>93</v>
      </c>
      <c r="B118" s="34">
        <v>6</v>
      </c>
      <c r="C118" s="13">
        <v>8</v>
      </c>
      <c r="D118" s="12">
        <v>14</v>
      </c>
    </row>
    <row r="119" spans="1:4" ht="18" customHeight="1" x14ac:dyDescent="0.15">
      <c r="A119" s="8">
        <v>94</v>
      </c>
      <c r="B119" s="34">
        <v>2</v>
      </c>
      <c r="C119" s="13">
        <v>11</v>
      </c>
      <c r="D119" s="12">
        <v>13</v>
      </c>
    </row>
    <row r="120" spans="1:4" ht="18" customHeight="1" x14ac:dyDescent="0.15">
      <c r="A120" s="8" t="s">
        <v>69</v>
      </c>
      <c r="B120" s="34">
        <v>23</v>
      </c>
      <c r="C120" s="13">
        <v>81</v>
      </c>
      <c r="D120" s="12">
        <v>104</v>
      </c>
    </row>
    <row r="121" spans="1:4" ht="18" customHeight="1" x14ac:dyDescent="0.15">
      <c r="A121" s="8">
        <v>95</v>
      </c>
      <c r="B121" s="34">
        <v>1</v>
      </c>
      <c r="C121" s="13">
        <v>5</v>
      </c>
      <c r="D121" s="12">
        <v>6</v>
      </c>
    </row>
    <row r="122" spans="1:4" ht="18" customHeight="1" x14ac:dyDescent="0.15">
      <c r="A122" s="8">
        <v>96</v>
      </c>
      <c r="B122" s="34">
        <v>0</v>
      </c>
      <c r="C122" s="13">
        <v>4</v>
      </c>
      <c r="D122" s="12">
        <v>4</v>
      </c>
    </row>
    <row r="123" spans="1:4" ht="18" customHeight="1" x14ac:dyDescent="0.15">
      <c r="A123" s="8">
        <v>97</v>
      </c>
      <c r="B123" s="34">
        <v>3</v>
      </c>
      <c r="C123" s="13">
        <v>1</v>
      </c>
      <c r="D123" s="12">
        <v>4</v>
      </c>
    </row>
    <row r="124" spans="1:4" ht="18" customHeight="1" x14ac:dyDescent="0.15">
      <c r="A124" s="8">
        <v>98</v>
      </c>
      <c r="B124" s="34">
        <v>0</v>
      </c>
      <c r="C124" s="13">
        <v>3</v>
      </c>
      <c r="D124" s="12">
        <v>3</v>
      </c>
    </row>
    <row r="125" spans="1:4" ht="18" customHeight="1" x14ac:dyDescent="0.15">
      <c r="A125" s="8">
        <v>99</v>
      </c>
      <c r="B125" s="34">
        <v>0</v>
      </c>
      <c r="C125" s="13">
        <v>0</v>
      </c>
      <c r="D125" s="12">
        <v>0</v>
      </c>
    </row>
    <row r="126" spans="1:4" ht="18" customHeight="1" x14ac:dyDescent="0.15">
      <c r="A126" s="8" t="s">
        <v>68</v>
      </c>
      <c r="B126" s="34">
        <v>4</v>
      </c>
      <c r="C126" s="13">
        <v>13</v>
      </c>
      <c r="D126" s="12">
        <v>17</v>
      </c>
    </row>
    <row r="127" spans="1:4" ht="18" customHeight="1" x14ac:dyDescent="0.15">
      <c r="A127" s="8">
        <v>100</v>
      </c>
      <c r="B127" s="34">
        <v>1</v>
      </c>
      <c r="C127" s="13">
        <v>3</v>
      </c>
      <c r="D127" s="12">
        <v>4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1</v>
      </c>
      <c r="C129" s="13">
        <v>3</v>
      </c>
      <c r="D129" s="12">
        <v>4</v>
      </c>
    </row>
    <row r="130" spans="1:4" ht="18" customHeight="1" x14ac:dyDescent="0.15">
      <c r="A130" s="8" t="s">
        <v>35</v>
      </c>
      <c r="B130" s="28">
        <v>623</v>
      </c>
      <c r="C130" s="6">
        <v>851</v>
      </c>
      <c r="D130" s="5">
        <v>1474</v>
      </c>
    </row>
    <row r="131" spans="1:4" ht="18" customHeight="1" x14ac:dyDescent="0.15">
      <c r="A131" s="4" t="s">
        <v>0</v>
      </c>
      <c r="B131" s="27">
        <v>2357</v>
      </c>
      <c r="C131" s="2">
        <v>2521</v>
      </c>
      <c r="D131" s="1">
        <v>4878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6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42</v>
      </c>
      <c r="C5" s="44">
        <v>135</v>
      </c>
      <c r="D5" s="43">
        <v>277</v>
      </c>
    </row>
    <row r="6" spans="1:4" ht="18" customHeight="1" x14ac:dyDescent="0.15">
      <c r="A6" s="8">
        <v>1</v>
      </c>
      <c r="B6" s="39">
        <v>135</v>
      </c>
      <c r="C6" s="13">
        <v>146</v>
      </c>
      <c r="D6" s="12">
        <v>281</v>
      </c>
    </row>
    <row r="7" spans="1:4" ht="18" customHeight="1" x14ac:dyDescent="0.15">
      <c r="A7" s="8">
        <v>2</v>
      </c>
      <c r="B7" s="39">
        <v>146</v>
      </c>
      <c r="C7" s="13">
        <v>180</v>
      </c>
      <c r="D7" s="12">
        <v>326</v>
      </c>
    </row>
    <row r="8" spans="1:4" ht="18" customHeight="1" x14ac:dyDescent="0.15">
      <c r="A8" s="8">
        <v>3</v>
      </c>
      <c r="B8" s="39">
        <v>171</v>
      </c>
      <c r="C8" s="13">
        <v>145</v>
      </c>
      <c r="D8" s="12">
        <v>316</v>
      </c>
    </row>
    <row r="9" spans="1:4" ht="18" customHeight="1" x14ac:dyDescent="0.15">
      <c r="A9" s="8">
        <v>4</v>
      </c>
      <c r="B9" s="42">
        <v>181</v>
      </c>
      <c r="C9" s="41">
        <v>166</v>
      </c>
      <c r="D9" s="40">
        <v>347</v>
      </c>
    </row>
    <row r="10" spans="1:4" ht="18" customHeight="1" x14ac:dyDescent="0.15">
      <c r="A10" s="8" t="s">
        <v>76</v>
      </c>
      <c r="B10" s="34">
        <v>775</v>
      </c>
      <c r="C10" s="13">
        <v>772</v>
      </c>
      <c r="D10" s="12">
        <v>1547</v>
      </c>
    </row>
    <row r="11" spans="1:4" ht="18" customHeight="1" x14ac:dyDescent="0.15">
      <c r="A11" s="8">
        <v>5</v>
      </c>
      <c r="B11" s="39">
        <v>182</v>
      </c>
      <c r="C11" s="13">
        <v>173</v>
      </c>
      <c r="D11" s="12">
        <v>355</v>
      </c>
    </row>
    <row r="12" spans="1:4" ht="18" customHeight="1" x14ac:dyDescent="0.15">
      <c r="A12" s="8">
        <v>6</v>
      </c>
      <c r="B12" s="39">
        <v>198</v>
      </c>
      <c r="C12" s="13">
        <v>179</v>
      </c>
      <c r="D12" s="12">
        <v>377</v>
      </c>
    </row>
    <row r="13" spans="1:4" ht="18" customHeight="1" x14ac:dyDescent="0.15">
      <c r="A13" s="8">
        <v>7</v>
      </c>
      <c r="B13" s="39">
        <v>217</v>
      </c>
      <c r="C13" s="13">
        <v>160</v>
      </c>
      <c r="D13" s="12">
        <v>377</v>
      </c>
    </row>
    <row r="14" spans="1:4" ht="18" customHeight="1" x14ac:dyDescent="0.15">
      <c r="A14" s="8">
        <v>8</v>
      </c>
      <c r="B14" s="39">
        <v>176</v>
      </c>
      <c r="C14" s="13">
        <v>163</v>
      </c>
      <c r="D14" s="12">
        <v>339</v>
      </c>
    </row>
    <row r="15" spans="1:4" ht="18" customHeight="1" x14ac:dyDescent="0.15">
      <c r="A15" s="8">
        <v>9</v>
      </c>
      <c r="B15" s="39">
        <v>202</v>
      </c>
      <c r="C15" s="13">
        <v>213</v>
      </c>
      <c r="D15" s="12">
        <v>415</v>
      </c>
    </row>
    <row r="16" spans="1:4" ht="18" customHeight="1" x14ac:dyDescent="0.15">
      <c r="A16" s="8" t="s">
        <v>50</v>
      </c>
      <c r="B16" s="34">
        <v>975</v>
      </c>
      <c r="C16" s="13">
        <v>888</v>
      </c>
      <c r="D16" s="12">
        <v>1863</v>
      </c>
    </row>
    <row r="17" spans="1:4" ht="18" customHeight="1" x14ac:dyDescent="0.15">
      <c r="A17" s="8">
        <v>10</v>
      </c>
      <c r="B17" s="34">
        <v>197</v>
      </c>
      <c r="C17" s="13">
        <v>194</v>
      </c>
      <c r="D17" s="12">
        <v>391</v>
      </c>
    </row>
    <row r="18" spans="1:4" ht="18" customHeight="1" x14ac:dyDescent="0.15">
      <c r="A18" s="8">
        <v>11</v>
      </c>
      <c r="B18" s="34">
        <v>206</v>
      </c>
      <c r="C18" s="13">
        <v>211</v>
      </c>
      <c r="D18" s="12">
        <v>417</v>
      </c>
    </row>
    <row r="19" spans="1:4" ht="18" customHeight="1" x14ac:dyDescent="0.15">
      <c r="A19" s="8">
        <v>12</v>
      </c>
      <c r="B19" s="34">
        <v>229</v>
      </c>
      <c r="C19" s="13">
        <v>200</v>
      </c>
      <c r="D19" s="12">
        <v>429</v>
      </c>
    </row>
    <row r="20" spans="1:4" ht="18" customHeight="1" x14ac:dyDescent="0.15">
      <c r="A20" s="8">
        <v>13</v>
      </c>
      <c r="B20" s="34">
        <v>217</v>
      </c>
      <c r="C20" s="13">
        <v>233</v>
      </c>
      <c r="D20" s="12">
        <v>450</v>
      </c>
    </row>
    <row r="21" spans="1:4" ht="18" customHeight="1" x14ac:dyDescent="0.15">
      <c r="A21" s="8">
        <v>14</v>
      </c>
      <c r="B21" s="34">
        <v>240</v>
      </c>
      <c r="C21" s="13">
        <v>206</v>
      </c>
      <c r="D21" s="12">
        <v>446</v>
      </c>
    </row>
    <row r="22" spans="1:4" ht="18" customHeight="1" x14ac:dyDescent="0.15">
      <c r="A22" s="8" t="s">
        <v>365</v>
      </c>
      <c r="B22" s="34">
        <v>1089</v>
      </c>
      <c r="C22" s="13">
        <v>1044</v>
      </c>
      <c r="D22" s="12">
        <v>2133</v>
      </c>
    </row>
    <row r="23" spans="1:4" ht="18" customHeight="1" x14ac:dyDescent="0.15">
      <c r="A23" s="8" t="s">
        <v>364</v>
      </c>
      <c r="B23" s="34">
        <v>2839</v>
      </c>
      <c r="C23" s="13">
        <v>2704</v>
      </c>
      <c r="D23" s="12">
        <v>5543</v>
      </c>
    </row>
    <row r="24" spans="1:4" ht="18" customHeight="1" x14ac:dyDescent="0.15">
      <c r="A24" s="8">
        <v>15</v>
      </c>
      <c r="B24" s="34">
        <v>233</v>
      </c>
      <c r="C24" s="13">
        <v>212</v>
      </c>
      <c r="D24" s="12">
        <v>445</v>
      </c>
    </row>
    <row r="25" spans="1:4" ht="18" customHeight="1" x14ac:dyDescent="0.15">
      <c r="A25" s="8">
        <v>16</v>
      </c>
      <c r="B25" s="34">
        <v>250</v>
      </c>
      <c r="C25" s="13">
        <v>224</v>
      </c>
      <c r="D25" s="12">
        <v>474</v>
      </c>
    </row>
    <row r="26" spans="1:4" ht="18" customHeight="1" x14ac:dyDescent="0.15">
      <c r="A26" s="8">
        <v>17</v>
      </c>
      <c r="B26" s="34">
        <v>219</v>
      </c>
      <c r="C26" s="13">
        <v>214</v>
      </c>
      <c r="D26" s="12">
        <v>433</v>
      </c>
    </row>
    <row r="27" spans="1:4" ht="18" customHeight="1" x14ac:dyDescent="0.15">
      <c r="A27" s="8">
        <v>18</v>
      </c>
      <c r="B27" s="34">
        <v>234</v>
      </c>
      <c r="C27" s="13">
        <v>224</v>
      </c>
      <c r="D27" s="12">
        <v>458</v>
      </c>
    </row>
    <row r="28" spans="1:4" ht="18" customHeight="1" x14ac:dyDescent="0.15">
      <c r="A28" s="8">
        <v>19</v>
      </c>
      <c r="B28" s="34">
        <v>225</v>
      </c>
      <c r="C28" s="13">
        <v>203</v>
      </c>
      <c r="D28" s="12">
        <v>428</v>
      </c>
    </row>
    <row r="29" spans="1:4" ht="18" customHeight="1" x14ac:dyDescent="0.15">
      <c r="A29" s="8" t="s">
        <v>48</v>
      </c>
      <c r="B29" s="34">
        <v>1161</v>
      </c>
      <c r="C29" s="13">
        <v>1077</v>
      </c>
      <c r="D29" s="12">
        <v>2238</v>
      </c>
    </row>
    <row r="30" spans="1:4" ht="18" customHeight="1" x14ac:dyDescent="0.15">
      <c r="A30" s="8">
        <v>20</v>
      </c>
      <c r="B30" s="34">
        <v>202</v>
      </c>
      <c r="C30" s="13">
        <v>206</v>
      </c>
      <c r="D30" s="12">
        <v>408</v>
      </c>
    </row>
    <row r="31" spans="1:4" ht="18" customHeight="1" x14ac:dyDescent="0.15">
      <c r="A31" s="8">
        <v>21</v>
      </c>
      <c r="B31" s="34">
        <v>203</v>
      </c>
      <c r="C31" s="13">
        <v>197</v>
      </c>
      <c r="D31" s="12">
        <v>400</v>
      </c>
    </row>
    <row r="32" spans="1:4" ht="18" customHeight="1" x14ac:dyDescent="0.15">
      <c r="A32" s="8">
        <v>22</v>
      </c>
      <c r="B32" s="34">
        <v>233</v>
      </c>
      <c r="C32" s="13">
        <v>178</v>
      </c>
      <c r="D32" s="12">
        <v>411</v>
      </c>
    </row>
    <row r="33" spans="1:4" ht="18" customHeight="1" x14ac:dyDescent="0.15">
      <c r="A33" s="8">
        <v>23</v>
      </c>
      <c r="B33" s="34">
        <v>188</v>
      </c>
      <c r="C33" s="13">
        <v>210</v>
      </c>
      <c r="D33" s="12">
        <v>398</v>
      </c>
    </row>
    <row r="34" spans="1:4" ht="18" customHeight="1" x14ac:dyDescent="0.15">
      <c r="A34" s="8">
        <v>24</v>
      </c>
      <c r="B34" s="34">
        <v>194</v>
      </c>
      <c r="C34" s="13">
        <v>205</v>
      </c>
      <c r="D34" s="12">
        <v>399</v>
      </c>
    </row>
    <row r="35" spans="1:4" ht="18" customHeight="1" x14ac:dyDescent="0.15">
      <c r="A35" s="8" t="s">
        <v>74</v>
      </c>
      <c r="B35" s="34">
        <v>1020</v>
      </c>
      <c r="C35" s="13">
        <v>996</v>
      </c>
      <c r="D35" s="12">
        <v>2016</v>
      </c>
    </row>
    <row r="36" spans="1:4" ht="18" customHeight="1" x14ac:dyDescent="0.15">
      <c r="A36" s="8">
        <v>25</v>
      </c>
      <c r="B36" s="34">
        <v>209</v>
      </c>
      <c r="C36" s="13">
        <v>188</v>
      </c>
      <c r="D36" s="12">
        <v>397</v>
      </c>
    </row>
    <row r="37" spans="1:4" ht="18" customHeight="1" x14ac:dyDescent="0.15">
      <c r="A37" s="8">
        <v>26</v>
      </c>
      <c r="B37" s="34">
        <v>202</v>
      </c>
      <c r="C37" s="13">
        <v>203</v>
      </c>
      <c r="D37" s="12">
        <v>405</v>
      </c>
    </row>
    <row r="38" spans="1:4" ht="18" customHeight="1" x14ac:dyDescent="0.15">
      <c r="A38" s="8">
        <v>27</v>
      </c>
      <c r="B38" s="34">
        <v>215</v>
      </c>
      <c r="C38" s="13">
        <v>201</v>
      </c>
      <c r="D38" s="12">
        <v>416</v>
      </c>
    </row>
    <row r="39" spans="1:4" ht="18" customHeight="1" x14ac:dyDescent="0.15">
      <c r="A39" s="8">
        <v>28</v>
      </c>
      <c r="B39" s="34">
        <v>238</v>
      </c>
      <c r="C39" s="13">
        <v>211</v>
      </c>
      <c r="D39" s="12">
        <v>449</v>
      </c>
    </row>
    <row r="40" spans="1:4" ht="18" customHeight="1" x14ac:dyDescent="0.15">
      <c r="A40" s="8">
        <v>29</v>
      </c>
      <c r="B40" s="34">
        <v>206</v>
      </c>
      <c r="C40" s="13">
        <v>189</v>
      </c>
      <c r="D40" s="12">
        <v>395</v>
      </c>
    </row>
    <row r="41" spans="1:4" ht="18" customHeight="1" x14ac:dyDescent="0.15">
      <c r="A41" s="8" t="s">
        <v>73</v>
      </c>
      <c r="B41" s="34">
        <v>1070</v>
      </c>
      <c r="C41" s="13">
        <v>992</v>
      </c>
      <c r="D41" s="12">
        <v>2062</v>
      </c>
    </row>
    <row r="42" spans="1:4" ht="18" customHeight="1" x14ac:dyDescent="0.15">
      <c r="A42" s="8">
        <v>30</v>
      </c>
      <c r="B42" s="34">
        <v>217</v>
      </c>
      <c r="C42" s="13">
        <v>172</v>
      </c>
      <c r="D42" s="12">
        <v>389</v>
      </c>
    </row>
    <row r="43" spans="1:4" ht="18" customHeight="1" x14ac:dyDescent="0.15">
      <c r="A43" s="8">
        <v>31</v>
      </c>
      <c r="B43" s="34">
        <v>229</v>
      </c>
      <c r="C43" s="13">
        <v>191</v>
      </c>
      <c r="D43" s="12">
        <v>420</v>
      </c>
    </row>
    <row r="44" spans="1:4" ht="18" customHeight="1" x14ac:dyDescent="0.15">
      <c r="A44" s="8">
        <v>32</v>
      </c>
      <c r="B44" s="34">
        <v>237</v>
      </c>
      <c r="C44" s="13">
        <v>188</v>
      </c>
      <c r="D44" s="12">
        <v>425</v>
      </c>
    </row>
    <row r="45" spans="1:4" ht="18" customHeight="1" x14ac:dyDescent="0.15">
      <c r="A45" s="8">
        <v>33</v>
      </c>
      <c r="B45" s="34">
        <v>233</v>
      </c>
      <c r="C45" s="13">
        <v>201</v>
      </c>
      <c r="D45" s="12">
        <v>434</v>
      </c>
    </row>
    <row r="46" spans="1:4" ht="18" customHeight="1" x14ac:dyDescent="0.15">
      <c r="A46" s="8">
        <v>34</v>
      </c>
      <c r="B46" s="34">
        <v>205</v>
      </c>
      <c r="C46" s="13">
        <v>199</v>
      </c>
      <c r="D46" s="12">
        <v>404</v>
      </c>
    </row>
    <row r="47" spans="1:4" ht="18" customHeight="1" x14ac:dyDescent="0.15">
      <c r="A47" s="8" t="s">
        <v>61</v>
      </c>
      <c r="B47" s="34">
        <v>1121</v>
      </c>
      <c r="C47" s="13">
        <v>951</v>
      </c>
      <c r="D47" s="12">
        <v>2072</v>
      </c>
    </row>
    <row r="48" spans="1:4" ht="18" customHeight="1" x14ac:dyDescent="0.15">
      <c r="A48" s="8">
        <v>35</v>
      </c>
      <c r="B48" s="34">
        <v>217</v>
      </c>
      <c r="C48" s="13">
        <v>207</v>
      </c>
      <c r="D48" s="12">
        <v>424</v>
      </c>
    </row>
    <row r="49" spans="1:4" ht="18" customHeight="1" x14ac:dyDescent="0.15">
      <c r="A49" s="8">
        <v>36</v>
      </c>
      <c r="B49" s="34">
        <v>258</v>
      </c>
      <c r="C49" s="13">
        <v>240</v>
      </c>
      <c r="D49" s="12">
        <v>498</v>
      </c>
    </row>
    <row r="50" spans="1:4" ht="18" customHeight="1" x14ac:dyDescent="0.15">
      <c r="A50" s="8">
        <v>37</v>
      </c>
      <c r="B50" s="34">
        <v>208</v>
      </c>
      <c r="C50" s="13">
        <v>247</v>
      </c>
      <c r="D50" s="12">
        <v>455</v>
      </c>
    </row>
    <row r="51" spans="1:4" ht="18" customHeight="1" x14ac:dyDescent="0.15">
      <c r="A51" s="8">
        <v>38</v>
      </c>
      <c r="B51" s="34">
        <v>252</v>
      </c>
      <c r="C51" s="13">
        <v>243</v>
      </c>
      <c r="D51" s="12">
        <v>495</v>
      </c>
    </row>
    <row r="52" spans="1:4" ht="18" customHeight="1" x14ac:dyDescent="0.15">
      <c r="A52" s="8">
        <v>39</v>
      </c>
      <c r="B52" s="34">
        <v>257</v>
      </c>
      <c r="C52" s="13">
        <v>257</v>
      </c>
      <c r="D52" s="12">
        <v>514</v>
      </c>
    </row>
    <row r="53" spans="1:4" ht="18" customHeight="1" x14ac:dyDescent="0.15">
      <c r="A53" s="8" t="s">
        <v>72</v>
      </c>
      <c r="B53" s="34">
        <v>1192</v>
      </c>
      <c r="C53" s="13">
        <v>1194</v>
      </c>
      <c r="D53" s="12">
        <v>2386</v>
      </c>
    </row>
    <row r="54" spans="1:4" ht="18" customHeight="1" x14ac:dyDescent="0.15">
      <c r="A54" s="8">
        <v>40</v>
      </c>
      <c r="B54" s="34">
        <v>265</v>
      </c>
      <c r="C54" s="13">
        <v>256</v>
      </c>
      <c r="D54" s="12">
        <v>521</v>
      </c>
    </row>
    <row r="55" spans="1:4" ht="18" customHeight="1" x14ac:dyDescent="0.15">
      <c r="A55" s="8">
        <v>41</v>
      </c>
      <c r="B55" s="34">
        <v>248</v>
      </c>
      <c r="C55" s="13">
        <v>266</v>
      </c>
      <c r="D55" s="12">
        <v>514</v>
      </c>
    </row>
    <row r="56" spans="1:4" ht="18" customHeight="1" x14ac:dyDescent="0.15">
      <c r="A56" s="8">
        <v>42</v>
      </c>
      <c r="B56" s="34">
        <v>273</v>
      </c>
      <c r="C56" s="13">
        <v>253</v>
      </c>
      <c r="D56" s="12">
        <v>526</v>
      </c>
    </row>
    <row r="57" spans="1:4" ht="18" customHeight="1" x14ac:dyDescent="0.15">
      <c r="A57" s="8">
        <v>43</v>
      </c>
      <c r="B57" s="34">
        <v>294</v>
      </c>
      <c r="C57" s="13">
        <v>271</v>
      </c>
      <c r="D57" s="12">
        <v>565</v>
      </c>
    </row>
    <row r="58" spans="1:4" ht="18" customHeight="1" x14ac:dyDescent="0.15">
      <c r="A58" s="8">
        <v>44</v>
      </c>
      <c r="B58" s="34">
        <v>308</v>
      </c>
      <c r="C58" s="13">
        <v>321</v>
      </c>
      <c r="D58" s="12">
        <v>629</v>
      </c>
    </row>
    <row r="59" spans="1:4" ht="18" customHeight="1" x14ac:dyDescent="0.15">
      <c r="A59" s="8" t="s">
        <v>46</v>
      </c>
      <c r="B59" s="34">
        <v>1388</v>
      </c>
      <c r="C59" s="13">
        <v>1367</v>
      </c>
      <c r="D59" s="12">
        <v>2755</v>
      </c>
    </row>
    <row r="60" spans="1:4" ht="18" customHeight="1" x14ac:dyDescent="0.15">
      <c r="A60" s="8">
        <v>45</v>
      </c>
      <c r="B60" s="34">
        <v>375</v>
      </c>
      <c r="C60" s="13">
        <v>321</v>
      </c>
      <c r="D60" s="12">
        <v>696</v>
      </c>
    </row>
    <row r="61" spans="1:4" ht="18" customHeight="1" x14ac:dyDescent="0.15">
      <c r="A61" s="8">
        <v>46</v>
      </c>
      <c r="B61" s="34">
        <v>323</v>
      </c>
      <c r="C61" s="13">
        <v>324</v>
      </c>
      <c r="D61" s="12">
        <v>647</v>
      </c>
    </row>
    <row r="62" spans="1:4" ht="18" customHeight="1" x14ac:dyDescent="0.15">
      <c r="A62" s="8">
        <v>47</v>
      </c>
      <c r="B62" s="34">
        <v>361</v>
      </c>
      <c r="C62" s="13">
        <v>328</v>
      </c>
      <c r="D62" s="12">
        <v>689</v>
      </c>
    </row>
    <row r="63" spans="1:4" ht="18" customHeight="1" x14ac:dyDescent="0.15">
      <c r="A63" s="8">
        <v>48</v>
      </c>
      <c r="B63" s="34">
        <v>345</v>
      </c>
      <c r="C63" s="13">
        <v>358</v>
      </c>
      <c r="D63" s="12">
        <v>703</v>
      </c>
    </row>
    <row r="64" spans="1:4" ht="18" customHeight="1" x14ac:dyDescent="0.15">
      <c r="A64" s="8">
        <v>49</v>
      </c>
      <c r="B64" s="34">
        <v>389</v>
      </c>
      <c r="C64" s="13">
        <v>375</v>
      </c>
      <c r="D64" s="12">
        <v>764</v>
      </c>
    </row>
    <row r="65" spans="1:4" ht="18" customHeight="1" x14ac:dyDescent="0.15">
      <c r="A65" s="8" t="s">
        <v>45</v>
      </c>
      <c r="B65" s="34">
        <v>1793</v>
      </c>
      <c r="C65" s="13">
        <v>1706</v>
      </c>
      <c r="D65" s="12">
        <v>3499</v>
      </c>
    </row>
    <row r="66" spans="1:4" ht="18" customHeight="1" x14ac:dyDescent="0.15">
      <c r="A66" s="8">
        <v>50</v>
      </c>
      <c r="B66" s="34">
        <v>364</v>
      </c>
      <c r="C66" s="13">
        <v>351</v>
      </c>
      <c r="D66" s="12">
        <v>715</v>
      </c>
    </row>
    <row r="67" spans="1:4" ht="18" customHeight="1" x14ac:dyDescent="0.15">
      <c r="A67" s="8">
        <v>51</v>
      </c>
      <c r="B67" s="34">
        <v>310</v>
      </c>
      <c r="C67" s="13">
        <v>345</v>
      </c>
      <c r="D67" s="12">
        <v>655</v>
      </c>
    </row>
    <row r="68" spans="1:4" ht="18" customHeight="1" x14ac:dyDescent="0.15">
      <c r="A68" s="8">
        <v>52</v>
      </c>
      <c r="B68" s="34">
        <v>306</v>
      </c>
      <c r="C68" s="13">
        <v>299</v>
      </c>
      <c r="D68" s="12">
        <v>605</v>
      </c>
    </row>
    <row r="69" spans="1:4" ht="18" customHeight="1" x14ac:dyDescent="0.15">
      <c r="A69" s="8">
        <v>53</v>
      </c>
      <c r="B69" s="34">
        <v>317</v>
      </c>
      <c r="C69" s="13">
        <v>282</v>
      </c>
      <c r="D69" s="12">
        <v>599</v>
      </c>
    </row>
    <row r="70" spans="1:4" ht="18" customHeight="1" x14ac:dyDescent="0.15">
      <c r="A70" s="8">
        <v>54</v>
      </c>
      <c r="B70" s="34">
        <v>310</v>
      </c>
      <c r="C70" s="13">
        <v>299</v>
      </c>
      <c r="D70" s="12">
        <v>609</v>
      </c>
    </row>
    <row r="71" spans="1:4" ht="18" customHeight="1" x14ac:dyDescent="0.15">
      <c r="A71" s="8" t="s">
        <v>58</v>
      </c>
      <c r="B71" s="34">
        <v>1607</v>
      </c>
      <c r="C71" s="13">
        <v>1576</v>
      </c>
      <c r="D71" s="12">
        <v>3183</v>
      </c>
    </row>
    <row r="72" spans="1:4" ht="18" customHeight="1" x14ac:dyDescent="0.15">
      <c r="A72" s="8">
        <v>55</v>
      </c>
      <c r="B72" s="34">
        <v>255</v>
      </c>
      <c r="C72" s="13">
        <v>270</v>
      </c>
      <c r="D72" s="12">
        <v>525</v>
      </c>
    </row>
    <row r="73" spans="1:4" ht="18" customHeight="1" x14ac:dyDescent="0.15">
      <c r="A73" s="8">
        <v>56</v>
      </c>
      <c r="B73" s="34">
        <v>235</v>
      </c>
      <c r="C73" s="13">
        <v>234</v>
      </c>
      <c r="D73" s="12">
        <v>469</v>
      </c>
    </row>
    <row r="74" spans="1:4" ht="18" customHeight="1" x14ac:dyDescent="0.15">
      <c r="A74" s="8">
        <v>57</v>
      </c>
      <c r="B74" s="34">
        <v>224</v>
      </c>
      <c r="C74" s="13">
        <v>262</v>
      </c>
      <c r="D74" s="12">
        <v>486</v>
      </c>
    </row>
    <row r="75" spans="1:4" ht="18" customHeight="1" x14ac:dyDescent="0.15">
      <c r="A75" s="8">
        <v>58</v>
      </c>
      <c r="B75" s="34">
        <v>242</v>
      </c>
      <c r="C75" s="13">
        <v>270</v>
      </c>
      <c r="D75" s="12">
        <v>512</v>
      </c>
    </row>
    <row r="76" spans="1:4" ht="18" customHeight="1" x14ac:dyDescent="0.15">
      <c r="A76" s="8">
        <v>59</v>
      </c>
      <c r="B76" s="34">
        <v>246</v>
      </c>
      <c r="C76" s="13">
        <v>254</v>
      </c>
      <c r="D76" s="12">
        <v>500</v>
      </c>
    </row>
    <row r="77" spans="1:4" ht="18" customHeight="1" x14ac:dyDescent="0.15">
      <c r="A77" s="8" t="s">
        <v>71</v>
      </c>
      <c r="B77" s="34">
        <v>1202</v>
      </c>
      <c r="C77" s="13">
        <v>1290</v>
      </c>
      <c r="D77" s="12">
        <v>2492</v>
      </c>
    </row>
    <row r="78" spans="1:4" ht="18" customHeight="1" x14ac:dyDescent="0.15">
      <c r="A78" s="8">
        <v>60</v>
      </c>
      <c r="B78" s="34">
        <v>217</v>
      </c>
      <c r="C78" s="13">
        <v>255</v>
      </c>
      <c r="D78" s="12">
        <v>472</v>
      </c>
    </row>
    <row r="79" spans="1:4" ht="18" customHeight="1" x14ac:dyDescent="0.15">
      <c r="A79" s="8">
        <v>61</v>
      </c>
      <c r="B79" s="34">
        <v>231</v>
      </c>
      <c r="C79" s="13">
        <v>224</v>
      </c>
      <c r="D79" s="12">
        <v>455</v>
      </c>
    </row>
    <row r="80" spans="1:4" ht="18" customHeight="1" x14ac:dyDescent="0.15">
      <c r="A80" s="8">
        <v>62</v>
      </c>
      <c r="B80" s="34">
        <v>217</v>
      </c>
      <c r="C80" s="13">
        <v>257</v>
      </c>
      <c r="D80" s="12">
        <v>474</v>
      </c>
    </row>
    <row r="81" spans="1:4" ht="18" customHeight="1" x14ac:dyDescent="0.15">
      <c r="A81" s="8">
        <v>63</v>
      </c>
      <c r="B81" s="34">
        <v>246</v>
      </c>
      <c r="C81" s="13">
        <v>206</v>
      </c>
      <c r="D81" s="12">
        <v>452</v>
      </c>
    </row>
    <row r="82" spans="1:4" ht="18" customHeight="1" x14ac:dyDescent="0.15">
      <c r="A82" s="8">
        <v>64</v>
      </c>
      <c r="B82" s="34">
        <v>204</v>
      </c>
      <c r="C82" s="13">
        <v>234</v>
      </c>
      <c r="D82" s="12">
        <v>438</v>
      </c>
    </row>
    <row r="83" spans="1:4" ht="18" customHeight="1" x14ac:dyDescent="0.15">
      <c r="A83" s="8" t="s">
        <v>44</v>
      </c>
      <c r="B83" s="34">
        <v>1115</v>
      </c>
      <c r="C83" s="13">
        <v>1176</v>
      </c>
      <c r="D83" s="12">
        <v>2291</v>
      </c>
    </row>
    <row r="84" spans="1:4" ht="18" customHeight="1" x14ac:dyDescent="0.15">
      <c r="A84" s="8" t="s">
        <v>43</v>
      </c>
      <c r="B84" s="34">
        <v>12669</v>
      </c>
      <c r="C84" s="13">
        <v>12325</v>
      </c>
      <c r="D84" s="12">
        <v>24994</v>
      </c>
    </row>
    <row r="85" spans="1:4" ht="18" customHeight="1" x14ac:dyDescent="0.15">
      <c r="A85" s="8">
        <v>65</v>
      </c>
      <c r="B85" s="34">
        <v>196</v>
      </c>
      <c r="C85" s="13">
        <v>238</v>
      </c>
      <c r="D85" s="12">
        <v>434</v>
      </c>
    </row>
    <row r="86" spans="1:4" ht="18" customHeight="1" x14ac:dyDescent="0.15">
      <c r="A86" s="8">
        <v>66</v>
      </c>
      <c r="B86" s="34">
        <v>202</v>
      </c>
      <c r="C86" s="13">
        <v>220</v>
      </c>
      <c r="D86" s="12">
        <v>422</v>
      </c>
    </row>
    <row r="87" spans="1:4" ht="18" customHeight="1" x14ac:dyDescent="0.15">
      <c r="A87" s="8">
        <v>67</v>
      </c>
      <c r="B87" s="34">
        <v>235</v>
      </c>
      <c r="C87" s="13">
        <v>239</v>
      </c>
      <c r="D87" s="12">
        <v>474</v>
      </c>
    </row>
    <row r="88" spans="1:4" ht="18" customHeight="1" x14ac:dyDescent="0.15">
      <c r="A88" s="8">
        <v>68</v>
      </c>
      <c r="B88" s="34">
        <v>243</v>
      </c>
      <c r="C88" s="13">
        <v>257</v>
      </c>
      <c r="D88" s="12">
        <v>500</v>
      </c>
    </row>
    <row r="89" spans="1:4" ht="18" customHeight="1" x14ac:dyDescent="0.15">
      <c r="A89" s="8">
        <v>69</v>
      </c>
      <c r="B89" s="34">
        <v>240</v>
      </c>
      <c r="C89" s="13">
        <v>269</v>
      </c>
      <c r="D89" s="12">
        <v>509</v>
      </c>
    </row>
    <row r="90" spans="1:4" ht="18" customHeight="1" x14ac:dyDescent="0.15">
      <c r="A90" s="8" t="s">
        <v>42</v>
      </c>
      <c r="B90" s="34">
        <v>1116</v>
      </c>
      <c r="C90" s="13">
        <v>1223</v>
      </c>
      <c r="D90" s="12">
        <v>2339</v>
      </c>
    </row>
    <row r="91" spans="1:4" ht="18" customHeight="1" x14ac:dyDescent="0.15">
      <c r="A91" s="8">
        <v>70</v>
      </c>
      <c r="B91" s="34">
        <v>243</v>
      </c>
      <c r="C91" s="13">
        <v>252</v>
      </c>
      <c r="D91" s="12">
        <v>495</v>
      </c>
    </row>
    <row r="92" spans="1:4" ht="18" customHeight="1" x14ac:dyDescent="0.15">
      <c r="A92" s="8">
        <v>71</v>
      </c>
      <c r="B92" s="34">
        <v>236</v>
      </c>
      <c r="C92" s="13">
        <v>276</v>
      </c>
      <c r="D92" s="12">
        <v>512</v>
      </c>
    </row>
    <row r="93" spans="1:4" ht="18" customHeight="1" x14ac:dyDescent="0.15">
      <c r="A93" s="8">
        <v>72</v>
      </c>
      <c r="B93" s="34">
        <v>256</v>
      </c>
      <c r="C93" s="13">
        <v>277</v>
      </c>
      <c r="D93" s="12">
        <v>533</v>
      </c>
    </row>
    <row r="94" spans="1:4" ht="18" customHeight="1" x14ac:dyDescent="0.15">
      <c r="A94" s="8">
        <v>73</v>
      </c>
      <c r="B94" s="34">
        <v>247</v>
      </c>
      <c r="C94" s="13">
        <v>307</v>
      </c>
      <c r="D94" s="12">
        <v>554</v>
      </c>
    </row>
    <row r="95" spans="1:4" ht="18" customHeight="1" x14ac:dyDescent="0.15">
      <c r="A95" s="8">
        <v>74</v>
      </c>
      <c r="B95" s="34">
        <v>315</v>
      </c>
      <c r="C95" s="13">
        <v>313</v>
      </c>
      <c r="D95" s="12">
        <v>628</v>
      </c>
    </row>
    <row r="96" spans="1:4" ht="18" customHeight="1" x14ac:dyDescent="0.15">
      <c r="A96" s="8" t="s">
        <v>41</v>
      </c>
      <c r="B96" s="34">
        <v>1297</v>
      </c>
      <c r="C96" s="13">
        <v>1425</v>
      </c>
      <c r="D96" s="12">
        <v>2722</v>
      </c>
    </row>
    <row r="97" spans="1:4" ht="18" customHeight="1" x14ac:dyDescent="0.15">
      <c r="A97" s="8">
        <v>75</v>
      </c>
      <c r="B97" s="34">
        <v>296</v>
      </c>
      <c r="C97" s="13">
        <v>327</v>
      </c>
      <c r="D97" s="12">
        <v>623</v>
      </c>
    </row>
    <row r="98" spans="1:4" ht="18" customHeight="1" x14ac:dyDescent="0.15">
      <c r="A98" s="8">
        <v>76</v>
      </c>
      <c r="B98" s="34">
        <v>200</v>
      </c>
      <c r="C98" s="13">
        <v>238</v>
      </c>
      <c r="D98" s="12">
        <v>438</v>
      </c>
    </row>
    <row r="99" spans="1:4" ht="18" customHeight="1" x14ac:dyDescent="0.15">
      <c r="A99" s="8">
        <v>77</v>
      </c>
      <c r="B99" s="34">
        <v>123</v>
      </c>
      <c r="C99" s="13">
        <v>125</v>
      </c>
      <c r="D99" s="12">
        <v>248</v>
      </c>
    </row>
    <row r="100" spans="1:4" ht="18" customHeight="1" x14ac:dyDescent="0.15">
      <c r="A100" s="8">
        <v>78</v>
      </c>
      <c r="B100" s="34">
        <v>170</v>
      </c>
      <c r="C100" s="13">
        <v>186</v>
      </c>
      <c r="D100" s="12">
        <v>356</v>
      </c>
    </row>
    <row r="101" spans="1:4" ht="18" customHeight="1" x14ac:dyDescent="0.15">
      <c r="A101" s="8">
        <v>79</v>
      </c>
      <c r="B101" s="34">
        <v>152</v>
      </c>
      <c r="C101" s="13">
        <v>207</v>
      </c>
      <c r="D101" s="12">
        <v>359</v>
      </c>
    </row>
    <row r="102" spans="1:4" ht="18" customHeight="1" x14ac:dyDescent="0.15">
      <c r="A102" s="8" t="s">
        <v>70</v>
      </c>
      <c r="B102" s="34">
        <v>941</v>
      </c>
      <c r="C102" s="13">
        <v>1083</v>
      </c>
      <c r="D102" s="12">
        <v>2024</v>
      </c>
    </row>
    <row r="103" spans="1:4" ht="18" customHeight="1" x14ac:dyDescent="0.15">
      <c r="A103" s="8">
        <v>80</v>
      </c>
      <c r="B103" s="34">
        <v>164</v>
      </c>
      <c r="C103" s="13">
        <v>209</v>
      </c>
      <c r="D103" s="12">
        <v>373</v>
      </c>
    </row>
    <row r="104" spans="1:4" ht="18" customHeight="1" x14ac:dyDescent="0.15">
      <c r="A104" s="8">
        <v>81</v>
      </c>
      <c r="B104" s="34">
        <v>145</v>
      </c>
      <c r="C104" s="13">
        <v>194</v>
      </c>
      <c r="D104" s="12">
        <v>339</v>
      </c>
    </row>
    <row r="105" spans="1:4" ht="18" customHeight="1" x14ac:dyDescent="0.15">
      <c r="A105" s="8">
        <v>82</v>
      </c>
      <c r="B105" s="34">
        <v>130</v>
      </c>
      <c r="C105" s="13">
        <v>184</v>
      </c>
      <c r="D105" s="12">
        <v>314</v>
      </c>
    </row>
    <row r="106" spans="1:4" ht="18" customHeight="1" x14ac:dyDescent="0.15">
      <c r="A106" s="8">
        <v>83</v>
      </c>
      <c r="B106" s="34">
        <v>107</v>
      </c>
      <c r="C106" s="13">
        <v>148</v>
      </c>
      <c r="D106" s="12">
        <v>255</v>
      </c>
    </row>
    <row r="107" spans="1:4" ht="18" customHeight="1" x14ac:dyDescent="0.15">
      <c r="A107" s="8">
        <v>84</v>
      </c>
      <c r="B107" s="34">
        <v>85</v>
      </c>
      <c r="C107" s="13">
        <v>129</v>
      </c>
      <c r="D107" s="12">
        <v>214</v>
      </c>
    </row>
    <row r="108" spans="1:4" ht="18" customHeight="1" x14ac:dyDescent="0.15">
      <c r="A108" s="8" t="s">
        <v>39</v>
      </c>
      <c r="B108" s="34">
        <v>631</v>
      </c>
      <c r="C108" s="13">
        <v>864</v>
      </c>
      <c r="D108" s="12">
        <v>1495</v>
      </c>
    </row>
    <row r="109" spans="1:4" ht="18" customHeight="1" x14ac:dyDescent="0.15">
      <c r="A109" s="8">
        <v>85</v>
      </c>
      <c r="B109" s="34">
        <v>101</v>
      </c>
      <c r="C109" s="13">
        <v>132</v>
      </c>
      <c r="D109" s="12">
        <v>233</v>
      </c>
    </row>
    <row r="110" spans="1:4" ht="18" customHeight="1" x14ac:dyDescent="0.15">
      <c r="A110" s="8">
        <v>86</v>
      </c>
      <c r="B110" s="34">
        <v>84</v>
      </c>
      <c r="C110" s="13">
        <v>127</v>
      </c>
      <c r="D110" s="12">
        <v>211</v>
      </c>
    </row>
    <row r="111" spans="1:4" ht="18" customHeight="1" x14ac:dyDescent="0.15">
      <c r="A111" s="8">
        <v>87</v>
      </c>
      <c r="B111" s="34">
        <v>91</v>
      </c>
      <c r="C111" s="13">
        <v>149</v>
      </c>
      <c r="D111" s="12">
        <v>240</v>
      </c>
    </row>
    <row r="112" spans="1:4" ht="18" customHeight="1" x14ac:dyDescent="0.15">
      <c r="A112" s="8">
        <v>88</v>
      </c>
      <c r="B112" s="34">
        <v>57</v>
      </c>
      <c r="C112" s="13">
        <v>118</v>
      </c>
      <c r="D112" s="12">
        <v>175</v>
      </c>
    </row>
    <row r="113" spans="1:4" ht="18" customHeight="1" x14ac:dyDescent="0.15">
      <c r="A113" s="8">
        <v>89</v>
      </c>
      <c r="B113" s="34">
        <v>47</v>
      </c>
      <c r="C113" s="13">
        <v>135</v>
      </c>
      <c r="D113" s="12">
        <v>182</v>
      </c>
    </row>
    <row r="114" spans="1:4" ht="18" customHeight="1" x14ac:dyDescent="0.15">
      <c r="A114" s="8" t="s">
        <v>38</v>
      </c>
      <c r="B114" s="34">
        <v>380</v>
      </c>
      <c r="C114" s="13">
        <v>661</v>
      </c>
      <c r="D114" s="12">
        <v>1041</v>
      </c>
    </row>
    <row r="115" spans="1:4" ht="18" customHeight="1" x14ac:dyDescent="0.15">
      <c r="A115" s="8">
        <v>90</v>
      </c>
      <c r="B115" s="34">
        <v>36</v>
      </c>
      <c r="C115" s="13">
        <v>136</v>
      </c>
      <c r="D115" s="12">
        <v>172</v>
      </c>
    </row>
    <row r="116" spans="1:4" ht="18" customHeight="1" x14ac:dyDescent="0.15">
      <c r="A116" s="8">
        <v>91</v>
      </c>
      <c r="B116" s="34">
        <v>35</v>
      </c>
      <c r="C116" s="13">
        <v>97</v>
      </c>
      <c r="D116" s="12">
        <v>132</v>
      </c>
    </row>
    <row r="117" spans="1:4" ht="18" customHeight="1" x14ac:dyDescent="0.15">
      <c r="A117" s="8">
        <v>92</v>
      </c>
      <c r="B117" s="34">
        <v>27</v>
      </c>
      <c r="C117" s="13">
        <v>100</v>
      </c>
      <c r="D117" s="12">
        <v>127</v>
      </c>
    </row>
    <row r="118" spans="1:4" ht="18" customHeight="1" x14ac:dyDescent="0.15">
      <c r="A118" s="8">
        <v>93</v>
      </c>
      <c r="B118" s="34">
        <v>26</v>
      </c>
      <c r="C118" s="13">
        <v>60</v>
      </c>
      <c r="D118" s="12">
        <v>86</v>
      </c>
    </row>
    <row r="119" spans="1:4" ht="18" customHeight="1" x14ac:dyDescent="0.15">
      <c r="A119" s="8">
        <v>94</v>
      </c>
      <c r="B119" s="34">
        <v>17</v>
      </c>
      <c r="C119" s="13">
        <v>70</v>
      </c>
      <c r="D119" s="12">
        <v>87</v>
      </c>
    </row>
    <row r="120" spans="1:4" ht="18" customHeight="1" x14ac:dyDescent="0.15">
      <c r="A120" s="8" t="s">
        <v>69</v>
      </c>
      <c r="B120" s="34">
        <v>141</v>
      </c>
      <c r="C120" s="13">
        <v>463</v>
      </c>
      <c r="D120" s="12">
        <v>604</v>
      </c>
    </row>
    <row r="121" spans="1:4" ht="18" customHeight="1" x14ac:dyDescent="0.15">
      <c r="A121" s="8">
        <v>95</v>
      </c>
      <c r="B121" s="34">
        <v>12</v>
      </c>
      <c r="C121" s="13">
        <v>37</v>
      </c>
      <c r="D121" s="12">
        <v>49</v>
      </c>
    </row>
    <row r="122" spans="1:4" ht="18" customHeight="1" x14ac:dyDescent="0.15">
      <c r="A122" s="8">
        <v>96</v>
      </c>
      <c r="B122" s="34">
        <v>15</v>
      </c>
      <c r="C122" s="13">
        <v>38</v>
      </c>
      <c r="D122" s="12">
        <v>53</v>
      </c>
    </row>
    <row r="123" spans="1:4" ht="18" customHeight="1" x14ac:dyDescent="0.15">
      <c r="A123" s="8">
        <v>97</v>
      </c>
      <c r="B123" s="34">
        <v>8</v>
      </c>
      <c r="C123" s="13">
        <v>19</v>
      </c>
      <c r="D123" s="12">
        <v>27</v>
      </c>
    </row>
    <row r="124" spans="1:4" ht="18" customHeight="1" x14ac:dyDescent="0.15">
      <c r="A124" s="8">
        <v>98</v>
      </c>
      <c r="B124" s="34">
        <v>4</v>
      </c>
      <c r="C124" s="13">
        <v>24</v>
      </c>
      <c r="D124" s="12">
        <v>28</v>
      </c>
    </row>
    <row r="125" spans="1:4" ht="18" customHeight="1" x14ac:dyDescent="0.15">
      <c r="A125" s="8">
        <v>99</v>
      </c>
      <c r="B125" s="34">
        <v>4</v>
      </c>
      <c r="C125" s="13">
        <v>11</v>
      </c>
      <c r="D125" s="12">
        <v>15</v>
      </c>
    </row>
    <row r="126" spans="1:4" ht="18" customHeight="1" x14ac:dyDescent="0.15">
      <c r="A126" s="8" t="s">
        <v>68</v>
      </c>
      <c r="B126" s="34">
        <v>43</v>
      </c>
      <c r="C126" s="13">
        <v>129</v>
      </c>
      <c r="D126" s="12">
        <v>172</v>
      </c>
    </row>
    <row r="127" spans="1:4" ht="18" customHeight="1" x14ac:dyDescent="0.15">
      <c r="A127" s="8">
        <v>100</v>
      </c>
      <c r="B127" s="34">
        <v>2</v>
      </c>
      <c r="C127" s="13">
        <v>13</v>
      </c>
      <c r="D127" s="12">
        <v>15</v>
      </c>
    </row>
    <row r="128" spans="1:4" ht="18" customHeight="1" x14ac:dyDescent="0.15">
      <c r="A128" s="15" t="s">
        <v>37</v>
      </c>
      <c r="B128" s="34">
        <v>2</v>
      </c>
      <c r="C128" s="13">
        <v>19</v>
      </c>
      <c r="D128" s="12">
        <v>21</v>
      </c>
    </row>
    <row r="129" spans="1:4" ht="18" customHeight="1" x14ac:dyDescent="0.15">
      <c r="A129" s="8" t="s">
        <v>36</v>
      </c>
      <c r="B129" s="34">
        <v>4</v>
      </c>
      <c r="C129" s="13">
        <v>32</v>
      </c>
      <c r="D129" s="12">
        <v>36</v>
      </c>
    </row>
    <row r="130" spans="1:4" ht="18" customHeight="1" x14ac:dyDescent="0.15">
      <c r="A130" s="8" t="s">
        <v>35</v>
      </c>
      <c r="B130" s="28">
        <v>4553</v>
      </c>
      <c r="C130" s="6">
        <v>5880</v>
      </c>
      <c r="D130" s="5">
        <v>10433</v>
      </c>
    </row>
    <row r="131" spans="1:4" ht="18" customHeight="1" x14ac:dyDescent="0.15">
      <c r="A131" s="4" t="s">
        <v>0</v>
      </c>
      <c r="B131" s="27">
        <v>20061</v>
      </c>
      <c r="C131" s="2">
        <v>20909</v>
      </c>
      <c r="D131" s="1">
        <v>4097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68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60" t="s">
        <v>483</v>
      </c>
      <c r="C5" s="61" t="s">
        <v>483</v>
      </c>
      <c r="D5" s="62" t="s">
        <v>483</v>
      </c>
    </row>
    <row r="6" spans="1:4" ht="18" customHeight="1" x14ac:dyDescent="0.15">
      <c r="A6" s="8">
        <v>1</v>
      </c>
      <c r="B6" s="63" t="s">
        <v>483</v>
      </c>
      <c r="C6" s="64" t="s">
        <v>483</v>
      </c>
      <c r="D6" s="65" t="s">
        <v>483</v>
      </c>
    </row>
    <row r="7" spans="1:4" ht="18" customHeight="1" x14ac:dyDescent="0.15">
      <c r="A7" s="8">
        <v>2</v>
      </c>
      <c r="B7" s="63" t="s">
        <v>483</v>
      </c>
      <c r="C7" s="64" t="s">
        <v>483</v>
      </c>
      <c r="D7" s="65" t="s">
        <v>483</v>
      </c>
    </row>
    <row r="8" spans="1:4" ht="18" customHeight="1" x14ac:dyDescent="0.15">
      <c r="A8" s="8">
        <v>3</v>
      </c>
      <c r="B8" s="63" t="s">
        <v>483</v>
      </c>
      <c r="C8" s="64" t="s">
        <v>483</v>
      </c>
      <c r="D8" s="65" t="s">
        <v>483</v>
      </c>
    </row>
    <row r="9" spans="1:4" ht="18" customHeight="1" x14ac:dyDescent="0.15">
      <c r="A9" s="8">
        <v>4</v>
      </c>
      <c r="B9" s="66" t="s">
        <v>483</v>
      </c>
      <c r="C9" s="67" t="s">
        <v>483</v>
      </c>
      <c r="D9" s="68" t="s">
        <v>483</v>
      </c>
    </row>
    <row r="10" spans="1:4" ht="18" customHeight="1" x14ac:dyDescent="0.15">
      <c r="A10" s="8" t="s">
        <v>76</v>
      </c>
      <c r="B10" s="69" t="s">
        <v>483</v>
      </c>
      <c r="C10" s="64" t="s">
        <v>483</v>
      </c>
      <c r="D10" s="65" t="s">
        <v>483</v>
      </c>
    </row>
    <row r="11" spans="1:4" ht="18" customHeight="1" x14ac:dyDescent="0.15">
      <c r="A11" s="8">
        <v>5</v>
      </c>
      <c r="B11" s="63" t="s">
        <v>483</v>
      </c>
      <c r="C11" s="64" t="s">
        <v>483</v>
      </c>
      <c r="D11" s="65" t="s">
        <v>483</v>
      </c>
    </row>
    <row r="12" spans="1:4" ht="18" customHeight="1" x14ac:dyDescent="0.15">
      <c r="A12" s="8">
        <v>6</v>
      </c>
      <c r="B12" s="63" t="s">
        <v>483</v>
      </c>
      <c r="C12" s="64" t="s">
        <v>483</v>
      </c>
      <c r="D12" s="65" t="s">
        <v>483</v>
      </c>
    </row>
    <row r="13" spans="1:4" ht="18" customHeight="1" x14ac:dyDescent="0.15">
      <c r="A13" s="8">
        <v>7</v>
      </c>
      <c r="B13" s="63" t="s">
        <v>483</v>
      </c>
      <c r="C13" s="64" t="s">
        <v>483</v>
      </c>
      <c r="D13" s="65" t="s">
        <v>483</v>
      </c>
    </row>
    <row r="14" spans="1:4" ht="18" customHeight="1" x14ac:dyDescent="0.15">
      <c r="A14" s="8">
        <v>8</v>
      </c>
      <c r="B14" s="63" t="s">
        <v>483</v>
      </c>
      <c r="C14" s="64" t="s">
        <v>483</v>
      </c>
      <c r="D14" s="65" t="s">
        <v>483</v>
      </c>
    </row>
    <row r="15" spans="1:4" ht="18" customHeight="1" x14ac:dyDescent="0.15">
      <c r="A15" s="8">
        <v>9</v>
      </c>
      <c r="B15" s="63" t="s">
        <v>483</v>
      </c>
      <c r="C15" s="64" t="s">
        <v>483</v>
      </c>
      <c r="D15" s="65" t="s">
        <v>483</v>
      </c>
    </row>
    <row r="16" spans="1:4" ht="18" customHeight="1" x14ac:dyDescent="0.15">
      <c r="A16" s="8" t="s">
        <v>50</v>
      </c>
      <c r="B16" s="69" t="s">
        <v>483</v>
      </c>
      <c r="C16" s="64" t="s">
        <v>483</v>
      </c>
      <c r="D16" s="65" t="s">
        <v>483</v>
      </c>
    </row>
    <row r="17" spans="1:4" ht="18" customHeight="1" x14ac:dyDescent="0.15">
      <c r="A17" s="8">
        <v>10</v>
      </c>
      <c r="B17" s="69" t="s">
        <v>483</v>
      </c>
      <c r="C17" s="64" t="s">
        <v>483</v>
      </c>
      <c r="D17" s="65" t="s">
        <v>483</v>
      </c>
    </row>
    <row r="18" spans="1:4" ht="18" customHeight="1" x14ac:dyDescent="0.15">
      <c r="A18" s="8">
        <v>11</v>
      </c>
      <c r="B18" s="69" t="s">
        <v>483</v>
      </c>
      <c r="C18" s="64" t="s">
        <v>483</v>
      </c>
      <c r="D18" s="65" t="s">
        <v>483</v>
      </c>
    </row>
    <row r="19" spans="1:4" ht="18" customHeight="1" x14ac:dyDescent="0.15">
      <c r="A19" s="8">
        <v>12</v>
      </c>
      <c r="B19" s="69" t="s">
        <v>483</v>
      </c>
      <c r="C19" s="64" t="s">
        <v>483</v>
      </c>
      <c r="D19" s="65" t="s">
        <v>483</v>
      </c>
    </row>
    <row r="20" spans="1:4" ht="18" customHeight="1" x14ac:dyDescent="0.15">
      <c r="A20" s="8">
        <v>13</v>
      </c>
      <c r="B20" s="69" t="s">
        <v>483</v>
      </c>
      <c r="C20" s="64" t="s">
        <v>483</v>
      </c>
      <c r="D20" s="65" t="s">
        <v>483</v>
      </c>
    </row>
    <row r="21" spans="1:4" ht="18" customHeight="1" x14ac:dyDescent="0.15">
      <c r="A21" s="8">
        <v>14</v>
      </c>
      <c r="B21" s="69" t="s">
        <v>483</v>
      </c>
      <c r="C21" s="64" t="s">
        <v>483</v>
      </c>
      <c r="D21" s="65" t="s">
        <v>483</v>
      </c>
    </row>
    <row r="22" spans="1:4" ht="18" customHeight="1" x14ac:dyDescent="0.15">
      <c r="A22" s="8" t="s">
        <v>355</v>
      </c>
      <c r="B22" s="69" t="s">
        <v>483</v>
      </c>
      <c r="C22" s="64" t="s">
        <v>483</v>
      </c>
      <c r="D22" s="65" t="s">
        <v>483</v>
      </c>
    </row>
    <row r="23" spans="1:4" ht="18" customHeight="1" x14ac:dyDescent="0.15">
      <c r="A23" s="8" t="s">
        <v>65</v>
      </c>
      <c r="B23" s="34">
        <v>0</v>
      </c>
      <c r="C23" s="13">
        <v>0</v>
      </c>
      <c r="D23" s="12">
        <v>0</v>
      </c>
    </row>
    <row r="24" spans="1:4" ht="18" customHeight="1" x14ac:dyDescent="0.15">
      <c r="A24" s="8">
        <v>15</v>
      </c>
      <c r="B24" s="69" t="s">
        <v>483</v>
      </c>
      <c r="C24" s="64" t="s">
        <v>483</v>
      </c>
      <c r="D24" s="65" t="s">
        <v>483</v>
      </c>
    </row>
    <row r="25" spans="1:4" ht="18" customHeight="1" x14ac:dyDescent="0.15">
      <c r="A25" s="8">
        <v>16</v>
      </c>
      <c r="B25" s="69" t="s">
        <v>483</v>
      </c>
      <c r="C25" s="64" t="s">
        <v>483</v>
      </c>
      <c r="D25" s="65" t="s">
        <v>483</v>
      </c>
    </row>
    <row r="26" spans="1:4" ht="18" customHeight="1" x14ac:dyDescent="0.15">
      <c r="A26" s="8">
        <v>17</v>
      </c>
      <c r="B26" s="69" t="s">
        <v>483</v>
      </c>
      <c r="C26" s="64" t="s">
        <v>483</v>
      </c>
      <c r="D26" s="65" t="s">
        <v>483</v>
      </c>
    </row>
    <row r="27" spans="1:4" ht="18" customHeight="1" x14ac:dyDescent="0.15">
      <c r="A27" s="8">
        <v>18</v>
      </c>
      <c r="B27" s="69" t="s">
        <v>483</v>
      </c>
      <c r="C27" s="64" t="s">
        <v>483</v>
      </c>
      <c r="D27" s="65" t="s">
        <v>483</v>
      </c>
    </row>
    <row r="28" spans="1:4" ht="18" customHeight="1" x14ac:dyDescent="0.15">
      <c r="A28" s="8">
        <v>19</v>
      </c>
      <c r="B28" s="69" t="s">
        <v>483</v>
      </c>
      <c r="C28" s="64" t="s">
        <v>483</v>
      </c>
      <c r="D28" s="65" t="s">
        <v>483</v>
      </c>
    </row>
    <row r="29" spans="1:4" ht="18" customHeight="1" x14ac:dyDescent="0.15">
      <c r="A29" s="8" t="s">
        <v>48</v>
      </c>
      <c r="B29" s="69" t="s">
        <v>483</v>
      </c>
      <c r="C29" s="64" t="s">
        <v>483</v>
      </c>
      <c r="D29" s="65" t="s">
        <v>483</v>
      </c>
    </row>
    <row r="30" spans="1:4" ht="18" customHeight="1" x14ac:dyDescent="0.15">
      <c r="A30" s="8">
        <v>20</v>
      </c>
      <c r="B30" s="69" t="s">
        <v>483</v>
      </c>
      <c r="C30" s="64" t="s">
        <v>483</v>
      </c>
      <c r="D30" s="65" t="s">
        <v>483</v>
      </c>
    </row>
    <row r="31" spans="1:4" ht="18" customHeight="1" x14ac:dyDescent="0.15">
      <c r="A31" s="8">
        <v>21</v>
      </c>
      <c r="B31" s="69" t="s">
        <v>483</v>
      </c>
      <c r="C31" s="64" t="s">
        <v>483</v>
      </c>
      <c r="D31" s="65" t="s">
        <v>483</v>
      </c>
    </row>
    <row r="32" spans="1:4" ht="18" customHeight="1" x14ac:dyDescent="0.15">
      <c r="A32" s="8">
        <v>22</v>
      </c>
      <c r="B32" s="69" t="s">
        <v>483</v>
      </c>
      <c r="C32" s="64" t="s">
        <v>483</v>
      </c>
      <c r="D32" s="65" t="s">
        <v>483</v>
      </c>
    </row>
    <row r="33" spans="1:4" ht="18" customHeight="1" x14ac:dyDescent="0.15">
      <c r="A33" s="8">
        <v>23</v>
      </c>
      <c r="B33" s="69" t="s">
        <v>483</v>
      </c>
      <c r="C33" s="64" t="s">
        <v>483</v>
      </c>
      <c r="D33" s="65" t="s">
        <v>483</v>
      </c>
    </row>
    <row r="34" spans="1:4" ht="18" customHeight="1" x14ac:dyDescent="0.15">
      <c r="A34" s="8">
        <v>24</v>
      </c>
      <c r="B34" s="69" t="s">
        <v>483</v>
      </c>
      <c r="C34" s="64" t="s">
        <v>483</v>
      </c>
      <c r="D34" s="65" t="s">
        <v>483</v>
      </c>
    </row>
    <row r="35" spans="1:4" ht="18" customHeight="1" x14ac:dyDescent="0.15">
      <c r="A35" s="8" t="s">
        <v>74</v>
      </c>
      <c r="B35" s="69" t="s">
        <v>483</v>
      </c>
      <c r="C35" s="64" t="s">
        <v>483</v>
      </c>
      <c r="D35" s="65" t="s">
        <v>483</v>
      </c>
    </row>
    <row r="36" spans="1:4" ht="18" customHeight="1" x14ac:dyDescent="0.15">
      <c r="A36" s="8">
        <v>25</v>
      </c>
      <c r="B36" s="69" t="s">
        <v>483</v>
      </c>
      <c r="C36" s="64" t="s">
        <v>483</v>
      </c>
      <c r="D36" s="65" t="s">
        <v>483</v>
      </c>
    </row>
    <row r="37" spans="1:4" ht="18" customHeight="1" x14ac:dyDescent="0.15">
      <c r="A37" s="8">
        <v>26</v>
      </c>
      <c r="B37" s="69" t="s">
        <v>483</v>
      </c>
      <c r="C37" s="64" t="s">
        <v>483</v>
      </c>
      <c r="D37" s="65" t="s">
        <v>483</v>
      </c>
    </row>
    <row r="38" spans="1:4" ht="18" customHeight="1" x14ac:dyDescent="0.15">
      <c r="A38" s="8">
        <v>27</v>
      </c>
      <c r="B38" s="69" t="s">
        <v>483</v>
      </c>
      <c r="C38" s="64" t="s">
        <v>483</v>
      </c>
      <c r="D38" s="65" t="s">
        <v>483</v>
      </c>
    </row>
    <row r="39" spans="1:4" ht="18" customHeight="1" x14ac:dyDescent="0.15">
      <c r="A39" s="8">
        <v>28</v>
      </c>
      <c r="B39" s="69" t="s">
        <v>483</v>
      </c>
      <c r="C39" s="64" t="s">
        <v>483</v>
      </c>
      <c r="D39" s="65" t="s">
        <v>483</v>
      </c>
    </row>
    <row r="40" spans="1:4" ht="18" customHeight="1" x14ac:dyDescent="0.15">
      <c r="A40" s="8">
        <v>29</v>
      </c>
      <c r="B40" s="69" t="s">
        <v>483</v>
      </c>
      <c r="C40" s="64" t="s">
        <v>483</v>
      </c>
      <c r="D40" s="65" t="s">
        <v>483</v>
      </c>
    </row>
    <row r="41" spans="1:4" ht="18" customHeight="1" x14ac:dyDescent="0.15">
      <c r="A41" s="8" t="s">
        <v>73</v>
      </c>
      <c r="B41" s="69" t="s">
        <v>483</v>
      </c>
      <c r="C41" s="64" t="s">
        <v>483</v>
      </c>
      <c r="D41" s="65" t="s">
        <v>483</v>
      </c>
    </row>
    <row r="42" spans="1:4" ht="18" customHeight="1" x14ac:dyDescent="0.15">
      <c r="A42" s="8">
        <v>30</v>
      </c>
      <c r="B42" s="69" t="s">
        <v>483</v>
      </c>
      <c r="C42" s="64" t="s">
        <v>483</v>
      </c>
      <c r="D42" s="65" t="s">
        <v>483</v>
      </c>
    </row>
    <row r="43" spans="1:4" ht="18" customHeight="1" x14ac:dyDescent="0.15">
      <c r="A43" s="8">
        <v>31</v>
      </c>
      <c r="B43" s="69" t="s">
        <v>483</v>
      </c>
      <c r="C43" s="64" t="s">
        <v>483</v>
      </c>
      <c r="D43" s="65" t="s">
        <v>483</v>
      </c>
    </row>
    <row r="44" spans="1:4" ht="18" customHeight="1" x14ac:dyDescent="0.15">
      <c r="A44" s="8">
        <v>32</v>
      </c>
      <c r="B44" s="69" t="s">
        <v>483</v>
      </c>
      <c r="C44" s="64" t="s">
        <v>483</v>
      </c>
      <c r="D44" s="65" t="s">
        <v>483</v>
      </c>
    </row>
    <row r="45" spans="1:4" ht="18" customHeight="1" x14ac:dyDescent="0.15">
      <c r="A45" s="8">
        <v>33</v>
      </c>
      <c r="B45" s="69" t="s">
        <v>483</v>
      </c>
      <c r="C45" s="64" t="s">
        <v>483</v>
      </c>
      <c r="D45" s="65" t="s">
        <v>483</v>
      </c>
    </row>
    <row r="46" spans="1:4" ht="18" customHeight="1" x14ac:dyDescent="0.15">
      <c r="A46" s="8">
        <v>34</v>
      </c>
      <c r="B46" s="69" t="s">
        <v>483</v>
      </c>
      <c r="C46" s="64" t="s">
        <v>483</v>
      </c>
      <c r="D46" s="65" t="s">
        <v>483</v>
      </c>
    </row>
    <row r="47" spans="1:4" ht="18" customHeight="1" x14ac:dyDescent="0.15">
      <c r="A47" s="8" t="s">
        <v>61</v>
      </c>
      <c r="B47" s="69" t="s">
        <v>483</v>
      </c>
      <c r="C47" s="64" t="s">
        <v>483</v>
      </c>
      <c r="D47" s="65" t="s">
        <v>483</v>
      </c>
    </row>
    <row r="48" spans="1:4" ht="18" customHeight="1" x14ac:dyDescent="0.15">
      <c r="A48" s="8">
        <v>35</v>
      </c>
      <c r="B48" s="69" t="s">
        <v>483</v>
      </c>
      <c r="C48" s="64" t="s">
        <v>483</v>
      </c>
      <c r="D48" s="65" t="s">
        <v>483</v>
      </c>
    </row>
    <row r="49" spans="1:4" ht="18" customHeight="1" x14ac:dyDescent="0.15">
      <c r="A49" s="8">
        <v>36</v>
      </c>
      <c r="B49" s="69" t="s">
        <v>483</v>
      </c>
      <c r="C49" s="64" t="s">
        <v>483</v>
      </c>
      <c r="D49" s="65" t="s">
        <v>483</v>
      </c>
    </row>
    <row r="50" spans="1:4" ht="18" customHeight="1" x14ac:dyDescent="0.15">
      <c r="A50" s="8">
        <v>37</v>
      </c>
      <c r="B50" s="69" t="s">
        <v>483</v>
      </c>
      <c r="C50" s="64" t="s">
        <v>483</v>
      </c>
      <c r="D50" s="65" t="s">
        <v>483</v>
      </c>
    </row>
    <row r="51" spans="1:4" ht="18" customHeight="1" x14ac:dyDescent="0.15">
      <c r="A51" s="8">
        <v>38</v>
      </c>
      <c r="B51" s="69" t="s">
        <v>483</v>
      </c>
      <c r="C51" s="64" t="s">
        <v>483</v>
      </c>
      <c r="D51" s="65" t="s">
        <v>483</v>
      </c>
    </row>
    <row r="52" spans="1:4" ht="18" customHeight="1" x14ac:dyDescent="0.15">
      <c r="A52" s="8">
        <v>39</v>
      </c>
      <c r="B52" s="69" t="s">
        <v>483</v>
      </c>
      <c r="C52" s="64" t="s">
        <v>483</v>
      </c>
      <c r="D52" s="65" t="s">
        <v>483</v>
      </c>
    </row>
    <row r="53" spans="1:4" ht="18" customHeight="1" x14ac:dyDescent="0.15">
      <c r="A53" s="8" t="s">
        <v>72</v>
      </c>
      <c r="B53" s="69" t="s">
        <v>483</v>
      </c>
      <c r="C53" s="64" t="s">
        <v>483</v>
      </c>
      <c r="D53" s="65" t="s">
        <v>483</v>
      </c>
    </row>
    <row r="54" spans="1:4" ht="18" customHeight="1" x14ac:dyDescent="0.15">
      <c r="A54" s="8">
        <v>40</v>
      </c>
      <c r="B54" s="69" t="s">
        <v>483</v>
      </c>
      <c r="C54" s="64" t="s">
        <v>483</v>
      </c>
      <c r="D54" s="65" t="s">
        <v>483</v>
      </c>
    </row>
    <row r="55" spans="1:4" ht="18" customHeight="1" x14ac:dyDescent="0.15">
      <c r="A55" s="8">
        <v>41</v>
      </c>
      <c r="B55" s="69" t="s">
        <v>483</v>
      </c>
      <c r="C55" s="64" t="s">
        <v>483</v>
      </c>
      <c r="D55" s="65" t="s">
        <v>483</v>
      </c>
    </row>
    <row r="56" spans="1:4" ht="18" customHeight="1" x14ac:dyDescent="0.15">
      <c r="A56" s="8">
        <v>42</v>
      </c>
      <c r="B56" s="69" t="s">
        <v>483</v>
      </c>
      <c r="C56" s="64" t="s">
        <v>483</v>
      </c>
      <c r="D56" s="65" t="s">
        <v>483</v>
      </c>
    </row>
    <row r="57" spans="1:4" ht="18" customHeight="1" x14ac:dyDescent="0.15">
      <c r="A57" s="8">
        <v>43</v>
      </c>
      <c r="B57" s="69" t="s">
        <v>483</v>
      </c>
      <c r="C57" s="64" t="s">
        <v>483</v>
      </c>
      <c r="D57" s="65" t="s">
        <v>483</v>
      </c>
    </row>
    <row r="58" spans="1:4" ht="18" customHeight="1" x14ac:dyDescent="0.15">
      <c r="A58" s="8">
        <v>44</v>
      </c>
      <c r="B58" s="69" t="s">
        <v>483</v>
      </c>
      <c r="C58" s="64" t="s">
        <v>483</v>
      </c>
      <c r="D58" s="65" t="s">
        <v>483</v>
      </c>
    </row>
    <row r="59" spans="1:4" ht="18" customHeight="1" x14ac:dyDescent="0.15">
      <c r="A59" s="8" t="s">
        <v>46</v>
      </c>
      <c r="B59" s="69" t="s">
        <v>483</v>
      </c>
      <c r="C59" s="64" t="s">
        <v>483</v>
      </c>
      <c r="D59" s="65" t="s">
        <v>483</v>
      </c>
    </row>
    <row r="60" spans="1:4" ht="18" customHeight="1" x14ac:dyDescent="0.15">
      <c r="A60" s="8">
        <v>45</v>
      </c>
      <c r="B60" s="69" t="s">
        <v>483</v>
      </c>
      <c r="C60" s="64" t="s">
        <v>483</v>
      </c>
      <c r="D60" s="65" t="s">
        <v>483</v>
      </c>
    </row>
    <row r="61" spans="1:4" ht="18" customHeight="1" x14ac:dyDescent="0.15">
      <c r="A61" s="8">
        <v>46</v>
      </c>
      <c r="B61" s="69" t="s">
        <v>483</v>
      </c>
      <c r="C61" s="64" t="s">
        <v>483</v>
      </c>
      <c r="D61" s="65" t="s">
        <v>483</v>
      </c>
    </row>
    <row r="62" spans="1:4" ht="18" customHeight="1" x14ac:dyDescent="0.15">
      <c r="A62" s="8">
        <v>47</v>
      </c>
      <c r="B62" s="69" t="s">
        <v>483</v>
      </c>
      <c r="C62" s="64" t="s">
        <v>483</v>
      </c>
      <c r="D62" s="65" t="s">
        <v>483</v>
      </c>
    </row>
    <row r="63" spans="1:4" ht="18" customHeight="1" x14ac:dyDescent="0.15">
      <c r="A63" s="8">
        <v>48</v>
      </c>
      <c r="B63" s="69" t="s">
        <v>483</v>
      </c>
      <c r="C63" s="64" t="s">
        <v>483</v>
      </c>
      <c r="D63" s="65" t="s">
        <v>483</v>
      </c>
    </row>
    <row r="64" spans="1:4" ht="18" customHeight="1" x14ac:dyDescent="0.15">
      <c r="A64" s="8">
        <v>49</v>
      </c>
      <c r="B64" s="69" t="s">
        <v>483</v>
      </c>
      <c r="C64" s="64" t="s">
        <v>483</v>
      </c>
      <c r="D64" s="65" t="s">
        <v>483</v>
      </c>
    </row>
    <row r="65" spans="1:4" ht="18" customHeight="1" x14ac:dyDescent="0.15">
      <c r="A65" s="8" t="s">
        <v>45</v>
      </c>
      <c r="B65" s="69" t="s">
        <v>483</v>
      </c>
      <c r="C65" s="64" t="s">
        <v>483</v>
      </c>
      <c r="D65" s="65" t="s">
        <v>483</v>
      </c>
    </row>
    <row r="66" spans="1:4" ht="18" customHeight="1" x14ac:dyDescent="0.15">
      <c r="A66" s="8">
        <v>50</v>
      </c>
      <c r="B66" s="69" t="s">
        <v>483</v>
      </c>
      <c r="C66" s="64" t="s">
        <v>483</v>
      </c>
      <c r="D66" s="65" t="s">
        <v>483</v>
      </c>
    </row>
    <row r="67" spans="1:4" ht="18" customHeight="1" x14ac:dyDescent="0.15">
      <c r="A67" s="8">
        <v>51</v>
      </c>
      <c r="B67" s="69" t="s">
        <v>483</v>
      </c>
      <c r="C67" s="64" t="s">
        <v>483</v>
      </c>
      <c r="D67" s="65" t="s">
        <v>483</v>
      </c>
    </row>
    <row r="68" spans="1:4" ht="18" customHeight="1" x14ac:dyDescent="0.15">
      <c r="A68" s="8">
        <v>52</v>
      </c>
      <c r="B68" s="69" t="s">
        <v>483</v>
      </c>
      <c r="C68" s="64" t="s">
        <v>483</v>
      </c>
      <c r="D68" s="65" t="s">
        <v>483</v>
      </c>
    </row>
    <row r="69" spans="1:4" ht="18" customHeight="1" x14ac:dyDescent="0.15">
      <c r="A69" s="8">
        <v>53</v>
      </c>
      <c r="B69" s="69" t="s">
        <v>483</v>
      </c>
      <c r="C69" s="64" t="s">
        <v>483</v>
      </c>
      <c r="D69" s="65" t="s">
        <v>483</v>
      </c>
    </row>
    <row r="70" spans="1:4" ht="18" customHeight="1" x14ac:dyDescent="0.15">
      <c r="A70" s="8">
        <v>54</v>
      </c>
      <c r="B70" s="69" t="s">
        <v>483</v>
      </c>
      <c r="C70" s="64" t="s">
        <v>483</v>
      </c>
      <c r="D70" s="65" t="s">
        <v>483</v>
      </c>
    </row>
    <row r="71" spans="1:4" ht="18" customHeight="1" x14ac:dyDescent="0.15">
      <c r="A71" s="8" t="s">
        <v>58</v>
      </c>
      <c r="B71" s="69" t="s">
        <v>483</v>
      </c>
      <c r="C71" s="64" t="s">
        <v>483</v>
      </c>
      <c r="D71" s="65" t="s">
        <v>483</v>
      </c>
    </row>
    <row r="72" spans="1:4" ht="18" customHeight="1" x14ac:dyDescent="0.15">
      <c r="A72" s="8">
        <v>55</v>
      </c>
      <c r="B72" s="69" t="s">
        <v>483</v>
      </c>
      <c r="C72" s="64" t="s">
        <v>483</v>
      </c>
      <c r="D72" s="65" t="s">
        <v>483</v>
      </c>
    </row>
    <row r="73" spans="1:4" ht="18" customHeight="1" x14ac:dyDescent="0.15">
      <c r="A73" s="8">
        <v>56</v>
      </c>
      <c r="B73" s="69" t="s">
        <v>483</v>
      </c>
      <c r="C73" s="64" t="s">
        <v>483</v>
      </c>
      <c r="D73" s="65" t="s">
        <v>483</v>
      </c>
    </row>
    <row r="74" spans="1:4" ht="18" customHeight="1" x14ac:dyDescent="0.15">
      <c r="A74" s="8">
        <v>57</v>
      </c>
      <c r="B74" s="69" t="s">
        <v>483</v>
      </c>
      <c r="C74" s="64" t="s">
        <v>483</v>
      </c>
      <c r="D74" s="65" t="s">
        <v>483</v>
      </c>
    </row>
    <row r="75" spans="1:4" ht="18" customHeight="1" x14ac:dyDescent="0.15">
      <c r="A75" s="8">
        <v>58</v>
      </c>
      <c r="B75" s="69" t="s">
        <v>483</v>
      </c>
      <c r="C75" s="64" t="s">
        <v>483</v>
      </c>
      <c r="D75" s="65" t="s">
        <v>483</v>
      </c>
    </row>
    <row r="76" spans="1:4" ht="18" customHeight="1" x14ac:dyDescent="0.15">
      <c r="A76" s="8">
        <v>59</v>
      </c>
      <c r="B76" s="69" t="s">
        <v>483</v>
      </c>
      <c r="C76" s="64" t="s">
        <v>483</v>
      </c>
      <c r="D76" s="65" t="s">
        <v>483</v>
      </c>
    </row>
    <row r="77" spans="1:4" ht="18" customHeight="1" x14ac:dyDescent="0.15">
      <c r="A77" s="8" t="s">
        <v>71</v>
      </c>
      <c r="B77" s="69" t="s">
        <v>483</v>
      </c>
      <c r="C77" s="64" t="s">
        <v>483</v>
      </c>
      <c r="D77" s="65" t="s">
        <v>483</v>
      </c>
    </row>
    <row r="78" spans="1:4" ht="18" customHeight="1" x14ac:dyDescent="0.15">
      <c r="A78" s="8">
        <v>60</v>
      </c>
      <c r="B78" s="69" t="s">
        <v>483</v>
      </c>
      <c r="C78" s="64" t="s">
        <v>483</v>
      </c>
      <c r="D78" s="65" t="s">
        <v>483</v>
      </c>
    </row>
    <row r="79" spans="1:4" ht="18" customHeight="1" x14ac:dyDescent="0.15">
      <c r="A79" s="8">
        <v>61</v>
      </c>
      <c r="B79" s="69" t="s">
        <v>483</v>
      </c>
      <c r="C79" s="64" t="s">
        <v>483</v>
      </c>
      <c r="D79" s="65" t="s">
        <v>483</v>
      </c>
    </row>
    <row r="80" spans="1:4" ht="18" customHeight="1" x14ac:dyDescent="0.15">
      <c r="A80" s="8">
        <v>62</v>
      </c>
      <c r="B80" s="69" t="s">
        <v>483</v>
      </c>
      <c r="C80" s="64" t="s">
        <v>483</v>
      </c>
      <c r="D80" s="65" t="s">
        <v>483</v>
      </c>
    </row>
    <row r="81" spans="1:4" ht="18" customHeight="1" x14ac:dyDescent="0.15">
      <c r="A81" s="8">
        <v>63</v>
      </c>
      <c r="B81" s="69" t="s">
        <v>483</v>
      </c>
      <c r="C81" s="64" t="s">
        <v>483</v>
      </c>
      <c r="D81" s="65" t="s">
        <v>483</v>
      </c>
    </row>
    <row r="82" spans="1:4" ht="18" customHeight="1" x14ac:dyDescent="0.15">
      <c r="A82" s="8">
        <v>64</v>
      </c>
      <c r="B82" s="69" t="s">
        <v>483</v>
      </c>
      <c r="C82" s="64" t="s">
        <v>483</v>
      </c>
      <c r="D82" s="65" t="s">
        <v>483</v>
      </c>
    </row>
    <row r="83" spans="1:4" ht="18" customHeight="1" x14ac:dyDescent="0.15">
      <c r="A83" s="8" t="s">
        <v>44</v>
      </c>
      <c r="B83" s="69" t="s">
        <v>483</v>
      </c>
      <c r="C83" s="64" t="s">
        <v>483</v>
      </c>
      <c r="D83" s="65" t="s">
        <v>483</v>
      </c>
    </row>
    <row r="84" spans="1:4" ht="18" customHeight="1" x14ac:dyDescent="0.15">
      <c r="A84" s="8" t="s">
        <v>43</v>
      </c>
      <c r="B84" s="34">
        <v>2</v>
      </c>
      <c r="C84" s="13">
        <v>3</v>
      </c>
      <c r="D84" s="12">
        <v>5</v>
      </c>
    </row>
    <row r="85" spans="1:4" ht="18" customHeight="1" x14ac:dyDescent="0.15">
      <c r="A85" s="8">
        <v>65</v>
      </c>
      <c r="B85" s="69" t="s">
        <v>483</v>
      </c>
      <c r="C85" s="64" t="s">
        <v>483</v>
      </c>
      <c r="D85" s="65" t="s">
        <v>483</v>
      </c>
    </row>
    <row r="86" spans="1:4" ht="18" customHeight="1" x14ac:dyDescent="0.15">
      <c r="A86" s="8">
        <v>66</v>
      </c>
      <c r="B86" s="69" t="s">
        <v>483</v>
      </c>
      <c r="C86" s="64" t="s">
        <v>483</v>
      </c>
      <c r="D86" s="65" t="s">
        <v>483</v>
      </c>
    </row>
    <row r="87" spans="1:4" ht="18" customHeight="1" x14ac:dyDescent="0.15">
      <c r="A87" s="8">
        <v>67</v>
      </c>
      <c r="B87" s="69" t="s">
        <v>483</v>
      </c>
      <c r="C87" s="64" t="s">
        <v>483</v>
      </c>
      <c r="D87" s="65" t="s">
        <v>483</v>
      </c>
    </row>
    <row r="88" spans="1:4" ht="18" customHeight="1" x14ac:dyDescent="0.15">
      <c r="A88" s="8">
        <v>68</v>
      </c>
      <c r="B88" s="69" t="s">
        <v>483</v>
      </c>
      <c r="C88" s="64" t="s">
        <v>483</v>
      </c>
      <c r="D88" s="65" t="s">
        <v>483</v>
      </c>
    </row>
    <row r="89" spans="1:4" ht="18" customHeight="1" x14ac:dyDescent="0.15">
      <c r="A89" s="8">
        <v>69</v>
      </c>
      <c r="B89" s="69" t="s">
        <v>483</v>
      </c>
      <c r="C89" s="64" t="s">
        <v>483</v>
      </c>
      <c r="D89" s="65" t="s">
        <v>483</v>
      </c>
    </row>
    <row r="90" spans="1:4" ht="18" customHeight="1" x14ac:dyDescent="0.15">
      <c r="A90" s="8" t="s">
        <v>367</v>
      </c>
      <c r="B90" s="69" t="s">
        <v>483</v>
      </c>
      <c r="C90" s="64" t="s">
        <v>483</v>
      </c>
      <c r="D90" s="65" t="s">
        <v>483</v>
      </c>
    </row>
    <row r="91" spans="1:4" ht="18" customHeight="1" x14ac:dyDescent="0.15">
      <c r="A91" s="8">
        <v>70</v>
      </c>
      <c r="B91" s="69" t="s">
        <v>483</v>
      </c>
      <c r="C91" s="64" t="s">
        <v>483</v>
      </c>
      <c r="D91" s="65" t="s">
        <v>483</v>
      </c>
    </row>
    <row r="92" spans="1:4" ht="18" customHeight="1" x14ac:dyDescent="0.15">
      <c r="A92" s="8">
        <v>71</v>
      </c>
      <c r="B92" s="69" t="s">
        <v>483</v>
      </c>
      <c r="C92" s="64" t="s">
        <v>483</v>
      </c>
      <c r="D92" s="65" t="s">
        <v>483</v>
      </c>
    </row>
    <row r="93" spans="1:4" ht="18" customHeight="1" x14ac:dyDescent="0.15">
      <c r="A93" s="8">
        <v>72</v>
      </c>
      <c r="B93" s="69" t="s">
        <v>483</v>
      </c>
      <c r="C93" s="64" t="s">
        <v>483</v>
      </c>
      <c r="D93" s="65" t="s">
        <v>483</v>
      </c>
    </row>
    <row r="94" spans="1:4" ht="18" customHeight="1" x14ac:dyDescent="0.15">
      <c r="A94" s="8">
        <v>73</v>
      </c>
      <c r="B94" s="69" t="s">
        <v>483</v>
      </c>
      <c r="C94" s="64" t="s">
        <v>483</v>
      </c>
      <c r="D94" s="65" t="s">
        <v>483</v>
      </c>
    </row>
    <row r="95" spans="1:4" ht="18" customHeight="1" x14ac:dyDescent="0.15">
      <c r="A95" s="8">
        <v>74</v>
      </c>
      <c r="B95" s="69" t="s">
        <v>483</v>
      </c>
      <c r="C95" s="64" t="s">
        <v>483</v>
      </c>
      <c r="D95" s="65" t="s">
        <v>483</v>
      </c>
    </row>
    <row r="96" spans="1:4" ht="18" customHeight="1" x14ac:dyDescent="0.15">
      <c r="A96" s="8" t="s">
        <v>41</v>
      </c>
      <c r="B96" s="69" t="s">
        <v>483</v>
      </c>
      <c r="C96" s="64" t="s">
        <v>483</v>
      </c>
      <c r="D96" s="65" t="s">
        <v>483</v>
      </c>
    </row>
    <row r="97" spans="1:4" ht="18" customHeight="1" x14ac:dyDescent="0.15">
      <c r="A97" s="8">
        <v>75</v>
      </c>
      <c r="B97" s="69" t="s">
        <v>483</v>
      </c>
      <c r="C97" s="64" t="s">
        <v>483</v>
      </c>
      <c r="D97" s="65" t="s">
        <v>483</v>
      </c>
    </row>
    <row r="98" spans="1:4" ht="18" customHeight="1" x14ac:dyDescent="0.15">
      <c r="A98" s="8">
        <v>76</v>
      </c>
      <c r="B98" s="69" t="s">
        <v>483</v>
      </c>
      <c r="C98" s="64" t="s">
        <v>483</v>
      </c>
      <c r="D98" s="65" t="s">
        <v>483</v>
      </c>
    </row>
    <row r="99" spans="1:4" ht="18" customHeight="1" x14ac:dyDescent="0.15">
      <c r="A99" s="8">
        <v>77</v>
      </c>
      <c r="B99" s="69" t="s">
        <v>483</v>
      </c>
      <c r="C99" s="64" t="s">
        <v>483</v>
      </c>
      <c r="D99" s="65" t="s">
        <v>483</v>
      </c>
    </row>
    <row r="100" spans="1:4" ht="18" customHeight="1" x14ac:dyDescent="0.15">
      <c r="A100" s="8">
        <v>78</v>
      </c>
      <c r="B100" s="69" t="s">
        <v>483</v>
      </c>
      <c r="C100" s="64" t="s">
        <v>483</v>
      </c>
      <c r="D100" s="65" t="s">
        <v>483</v>
      </c>
    </row>
    <row r="101" spans="1:4" ht="18" customHeight="1" x14ac:dyDescent="0.15">
      <c r="A101" s="8">
        <v>79</v>
      </c>
      <c r="B101" s="69" t="s">
        <v>483</v>
      </c>
      <c r="C101" s="64" t="s">
        <v>483</v>
      </c>
      <c r="D101" s="65" t="s">
        <v>483</v>
      </c>
    </row>
    <row r="102" spans="1:4" ht="18" customHeight="1" x14ac:dyDescent="0.15">
      <c r="A102" s="8" t="s">
        <v>70</v>
      </c>
      <c r="B102" s="69" t="s">
        <v>483</v>
      </c>
      <c r="C102" s="64" t="s">
        <v>483</v>
      </c>
      <c r="D102" s="65" t="s">
        <v>483</v>
      </c>
    </row>
    <row r="103" spans="1:4" ht="18" customHeight="1" x14ac:dyDescent="0.15">
      <c r="A103" s="8">
        <v>80</v>
      </c>
      <c r="B103" s="69" t="s">
        <v>483</v>
      </c>
      <c r="C103" s="64" t="s">
        <v>483</v>
      </c>
      <c r="D103" s="65" t="s">
        <v>483</v>
      </c>
    </row>
    <row r="104" spans="1:4" ht="18" customHeight="1" x14ac:dyDescent="0.15">
      <c r="A104" s="8">
        <v>81</v>
      </c>
      <c r="B104" s="69" t="s">
        <v>483</v>
      </c>
      <c r="C104" s="64" t="s">
        <v>483</v>
      </c>
      <c r="D104" s="65" t="s">
        <v>483</v>
      </c>
    </row>
    <row r="105" spans="1:4" ht="18" customHeight="1" x14ac:dyDescent="0.15">
      <c r="A105" s="8">
        <v>82</v>
      </c>
      <c r="B105" s="69" t="s">
        <v>483</v>
      </c>
      <c r="C105" s="64" t="s">
        <v>483</v>
      </c>
      <c r="D105" s="65" t="s">
        <v>483</v>
      </c>
    </row>
    <row r="106" spans="1:4" ht="18" customHeight="1" x14ac:dyDescent="0.15">
      <c r="A106" s="8">
        <v>83</v>
      </c>
      <c r="B106" s="69" t="s">
        <v>483</v>
      </c>
      <c r="C106" s="64" t="s">
        <v>483</v>
      </c>
      <c r="D106" s="65" t="s">
        <v>483</v>
      </c>
    </row>
    <row r="107" spans="1:4" ht="18" customHeight="1" x14ac:dyDescent="0.15">
      <c r="A107" s="8">
        <v>84</v>
      </c>
      <c r="B107" s="69" t="s">
        <v>483</v>
      </c>
      <c r="C107" s="64" t="s">
        <v>483</v>
      </c>
      <c r="D107" s="65" t="s">
        <v>483</v>
      </c>
    </row>
    <row r="108" spans="1:4" ht="18" customHeight="1" x14ac:dyDescent="0.15">
      <c r="A108" s="8" t="s">
        <v>39</v>
      </c>
      <c r="B108" s="69" t="s">
        <v>483</v>
      </c>
      <c r="C108" s="64" t="s">
        <v>483</v>
      </c>
      <c r="D108" s="65" t="s">
        <v>483</v>
      </c>
    </row>
    <row r="109" spans="1:4" ht="18" customHeight="1" x14ac:dyDescent="0.15">
      <c r="A109" s="8">
        <v>85</v>
      </c>
      <c r="B109" s="69" t="s">
        <v>483</v>
      </c>
      <c r="C109" s="64" t="s">
        <v>483</v>
      </c>
      <c r="D109" s="65" t="s">
        <v>483</v>
      </c>
    </row>
    <row r="110" spans="1:4" ht="18" customHeight="1" x14ac:dyDescent="0.15">
      <c r="A110" s="8">
        <v>86</v>
      </c>
      <c r="B110" s="69" t="s">
        <v>483</v>
      </c>
      <c r="C110" s="64" t="s">
        <v>483</v>
      </c>
      <c r="D110" s="65" t="s">
        <v>483</v>
      </c>
    </row>
    <row r="111" spans="1:4" ht="18" customHeight="1" x14ac:dyDescent="0.15">
      <c r="A111" s="8">
        <v>87</v>
      </c>
      <c r="B111" s="69" t="s">
        <v>483</v>
      </c>
      <c r="C111" s="64" t="s">
        <v>483</v>
      </c>
      <c r="D111" s="65" t="s">
        <v>483</v>
      </c>
    </row>
    <row r="112" spans="1:4" ht="18" customHeight="1" x14ac:dyDescent="0.15">
      <c r="A112" s="8">
        <v>88</v>
      </c>
      <c r="B112" s="69" t="s">
        <v>483</v>
      </c>
      <c r="C112" s="64" t="s">
        <v>483</v>
      </c>
      <c r="D112" s="65" t="s">
        <v>483</v>
      </c>
    </row>
    <row r="113" spans="1:4" ht="18" customHeight="1" x14ac:dyDescent="0.15">
      <c r="A113" s="8">
        <v>89</v>
      </c>
      <c r="B113" s="69" t="s">
        <v>483</v>
      </c>
      <c r="C113" s="64" t="s">
        <v>483</v>
      </c>
      <c r="D113" s="65" t="s">
        <v>483</v>
      </c>
    </row>
    <row r="114" spans="1:4" ht="18" customHeight="1" x14ac:dyDescent="0.15">
      <c r="A114" s="8" t="s">
        <v>38</v>
      </c>
      <c r="B114" s="69" t="s">
        <v>483</v>
      </c>
      <c r="C114" s="64" t="s">
        <v>483</v>
      </c>
      <c r="D114" s="65" t="s">
        <v>483</v>
      </c>
    </row>
    <row r="115" spans="1:4" ht="18" customHeight="1" x14ac:dyDescent="0.15">
      <c r="A115" s="8">
        <v>90</v>
      </c>
      <c r="B115" s="69" t="s">
        <v>483</v>
      </c>
      <c r="C115" s="64" t="s">
        <v>483</v>
      </c>
      <c r="D115" s="65" t="s">
        <v>483</v>
      </c>
    </row>
    <row r="116" spans="1:4" ht="18" customHeight="1" x14ac:dyDescent="0.15">
      <c r="A116" s="8">
        <v>91</v>
      </c>
      <c r="B116" s="69" t="s">
        <v>483</v>
      </c>
      <c r="C116" s="64" t="s">
        <v>483</v>
      </c>
      <c r="D116" s="65" t="s">
        <v>483</v>
      </c>
    </row>
    <row r="117" spans="1:4" ht="18" customHeight="1" x14ac:dyDescent="0.15">
      <c r="A117" s="8">
        <v>92</v>
      </c>
      <c r="B117" s="69" t="s">
        <v>483</v>
      </c>
      <c r="C117" s="64" t="s">
        <v>483</v>
      </c>
      <c r="D117" s="65" t="s">
        <v>483</v>
      </c>
    </row>
    <row r="118" spans="1:4" ht="18" customHeight="1" x14ac:dyDescent="0.15">
      <c r="A118" s="8">
        <v>93</v>
      </c>
      <c r="B118" s="69" t="s">
        <v>483</v>
      </c>
      <c r="C118" s="64" t="s">
        <v>483</v>
      </c>
      <c r="D118" s="65" t="s">
        <v>483</v>
      </c>
    </row>
    <row r="119" spans="1:4" ht="18" customHeight="1" x14ac:dyDescent="0.15">
      <c r="A119" s="8">
        <v>94</v>
      </c>
      <c r="B119" s="69" t="s">
        <v>483</v>
      </c>
      <c r="C119" s="64" t="s">
        <v>483</v>
      </c>
      <c r="D119" s="65" t="s">
        <v>483</v>
      </c>
    </row>
    <row r="120" spans="1:4" ht="18" customHeight="1" x14ac:dyDescent="0.15">
      <c r="A120" s="8" t="s">
        <v>69</v>
      </c>
      <c r="B120" s="69" t="s">
        <v>483</v>
      </c>
      <c r="C120" s="64" t="s">
        <v>483</v>
      </c>
      <c r="D120" s="65" t="s">
        <v>483</v>
      </c>
    </row>
    <row r="121" spans="1:4" ht="18" customHeight="1" x14ac:dyDescent="0.15">
      <c r="A121" s="8">
        <v>95</v>
      </c>
      <c r="B121" s="69" t="s">
        <v>483</v>
      </c>
      <c r="C121" s="64" t="s">
        <v>483</v>
      </c>
      <c r="D121" s="65" t="s">
        <v>483</v>
      </c>
    </row>
    <row r="122" spans="1:4" ht="18" customHeight="1" x14ac:dyDescent="0.15">
      <c r="A122" s="8">
        <v>96</v>
      </c>
      <c r="B122" s="69" t="s">
        <v>483</v>
      </c>
      <c r="C122" s="64" t="s">
        <v>483</v>
      </c>
      <c r="D122" s="65" t="s">
        <v>483</v>
      </c>
    </row>
    <row r="123" spans="1:4" ht="18" customHeight="1" x14ac:dyDescent="0.15">
      <c r="A123" s="8">
        <v>97</v>
      </c>
      <c r="B123" s="69" t="s">
        <v>483</v>
      </c>
      <c r="C123" s="64" t="s">
        <v>483</v>
      </c>
      <c r="D123" s="65" t="s">
        <v>483</v>
      </c>
    </row>
    <row r="124" spans="1:4" ht="18" customHeight="1" x14ac:dyDescent="0.15">
      <c r="A124" s="8">
        <v>98</v>
      </c>
      <c r="B124" s="69" t="s">
        <v>483</v>
      </c>
      <c r="C124" s="64" t="s">
        <v>483</v>
      </c>
      <c r="D124" s="65" t="s">
        <v>483</v>
      </c>
    </row>
    <row r="125" spans="1:4" ht="18" customHeight="1" x14ac:dyDescent="0.15">
      <c r="A125" s="8">
        <v>99</v>
      </c>
      <c r="B125" s="69" t="s">
        <v>483</v>
      </c>
      <c r="C125" s="64" t="s">
        <v>483</v>
      </c>
      <c r="D125" s="65" t="s">
        <v>483</v>
      </c>
    </row>
    <row r="126" spans="1:4" ht="18" customHeight="1" x14ac:dyDescent="0.15">
      <c r="A126" s="8" t="s">
        <v>68</v>
      </c>
      <c r="B126" s="69" t="s">
        <v>483</v>
      </c>
      <c r="C126" s="64" t="s">
        <v>483</v>
      </c>
      <c r="D126" s="65" t="s">
        <v>483</v>
      </c>
    </row>
    <row r="127" spans="1:4" ht="18" customHeight="1" x14ac:dyDescent="0.15">
      <c r="A127" s="8">
        <v>100</v>
      </c>
      <c r="B127" s="69" t="s">
        <v>483</v>
      </c>
      <c r="C127" s="64" t="s">
        <v>483</v>
      </c>
      <c r="D127" s="65" t="s">
        <v>483</v>
      </c>
    </row>
    <row r="128" spans="1:4" ht="18" customHeight="1" x14ac:dyDescent="0.15">
      <c r="A128" s="15" t="s">
        <v>37</v>
      </c>
      <c r="B128" s="69" t="s">
        <v>483</v>
      </c>
      <c r="C128" s="64" t="s">
        <v>483</v>
      </c>
      <c r="D128" s="65" t="s">
        <v>483</v>
      </c>
    </row>
    <row r="129" spans="1:4" ht="18" customHeight="1" x14ac:dyDescent="0.15">
      <c r="A129" s="8" t="s">
        <v>36</v>
      </c>
      <c r="B129" s="69" t="s">
        <v>483</v>
      </c>
      <c r="C129" s="64" t="s">
        <v>483</v>
      </c>
      <c r="D129" s="65" t="s">
        <v>483</v>
      </c>
    </row>
    <row r="130" spans="1:4" ht="18" customHeight="1" x14ac:dyDescent="0.15">
      <c r="A130" s="8" t="s">
        <v>35</v>
      </c>
      <c r="B130" s="28">
        <v>1</v>
      </c>
      <c r="C130" s="6">
        <v>4</v>
      </c>
      <c r="D130" s="5">
        <v>5</v>
      </c>
    </row>
    <row r="131" spans="1:4" ht="18" customHeight="1" x14ac:dyDescent="0.15">
      <c r="A131" s="4" t="s">
        <v>0</v>
      </c>
      <c r="B131" s="27">
        <v>3</v>
      </c>
      <c r="C131" s="2">
        <v>7</v>
      </c>
      <c r="D131" s="1">
        <v>1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74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2</v>
      </c>
      <c r="C5" s="44">
        <v>1</v>
      </c>
      <c r="D5" s="43">
        <v>3</v>
      </c>
    </row>
    <row r="6" spans="1:4" ht="18" customHeight="1" x14ac:dyDescent="0.15">
      <c r="A6" s="8">
        <v>1</v>
      </c>
      <c r="B6" s="39">
        <v>2</v>
      </c>
      <c r="C6" s="13">
        <v>0</v>
      </c>
      <c r="D6" s="12">
        <v>2</v>
      </c>
    </row>
    <row r="7" spans="1:4" ht="18" customHeight="1" x14ac:dyDescent="0.15">
      <c r="A7" s="8">
        <v>2</v>
      </c>
      <c r="B7" s="39">
        <v>1</v>
      </c>
      <c r="C7" s="13">
        <v>1</v>
      </c>
      <c r="D7" s="12">
        <v>2</v>
      </c>
    </row>
    <row r="8" spans="1:4" ht="18" customHeight="1" x14ac:dyDescent="0.15">
      <c r="A8" s="8">
        <v>3</v>
      </c>
      <c r="B8" s="39">
        <v>1</v>
      </c>
      <c r="C8" s="13">
        <v>3</v>
      </c>
      <c r="D8" s="12">
        <v>4</v>
      </c>
    </row>
    <row r="9" spans="1:4" ht="18" customHeight="1" x14ac:dyDescent="0.15">
      <c r="A9" s="8">
        <v>4</v>
      </c>
      <c r="B9" s="42">
        <v>1</v>
      </c>
      <c r="C9" s="41">
        <v>3</v>
      </c>
      <c r="D9" s="40">
        <v>4</v>
      </c>
    </row>
    <row r="10" spans="1:4" ht="18" customHeight="1" x14ac:dyDescent="0.15">
      <c r="A10" s="8" t="s">
        <v>373</v>
      </c>
      <c r="B10" s="34">
        <v>7</v>
      </c>
      <c r="C10" s="13">
        <v>8</v>
      </c>
      <c r="D10" s="12">
        <v>15</v>
      </c>
    </row>
    <row r="11" spans="1:4" ht="18" customHeight="1" x14ac:dyDescent="0.15">
      <c r="A11" s="8">
        <v>5</v>
      </c>
      <c r="B11" s="39">
        <v>5</v>
      </c>
      <c r="C11" s="13">
        <v>1</v>
      </c>
      <c r="D11" s="12">
        <v>6</v>
      </c>
    </row>
    <row r="12" spans="1:4" ht="18" customHeight="1" x14ac:dyDescent="0.15">
      <c r="A12" s="8">
        <v>6</v>
      </c>
      <c r="B12" s="39">
        <v>3</v>
      </c>
      <c r="C12" s="13">
        <v>1</v>
      </c>
      <c r="D12" s="12">
        <v>4</v>
      </c>
    </row>
    <row r="13" spans="1:4" ht="18" customHeight="1" x14ac:dyDescent="0.15">
      <c r="A13" s="8">
        <v>7</v>
      </c>
      <c r="B13" s="39">
        <v>3</v>
      </c>
      <c r="C13" s="13">
        <v>4</v>
      </c>
      <c r="D13" s="12">
        <v>7</v>
      </c>
    </row>
    <row r="14" spans="1:4" ht="18" customHeight="1" x14ac:dyDescent="0.15">
      <c r="A14" s="8">
        <v>8</v>
      </c>
      <c r="B14" s="39">
        <v>5</v>
      </c>
      <c r="C14" s="13">
        <v>3</v>
      </c>
      <c r="D14" s="12">
        <v>8</v>
      </c>
    </row>
    <row r="15" spans="1:4" ht="18" customHeight="1" x14ac:dyDescent="0.15">
      <c r="A15" s="8">
        <v>9</v>
      </c>
      <c r="B15" s="39">
        <v>2</v>
      </c>
      <c r="C15" s="13">
        <v>0</v>
      </c>
      <c r="D15" s="12">
        <v>2</v>
      </c>
    </row>
    <row r="16" spans="1:4" ht="18" customHeight="1" x14ac:dyDescent="0.15">
      <c r="A16" s="8" t="s">
        <v>372</v>
      </c>
      <c r="B16" s="34">
        <v>18</v>
      </c>
      <c r="C16" s="13">
        <v>9</v>
      </c>
      <c r="D16" s="12">
        <v>27</v>
      </c>
    </row>
    <row r="17" spans="1:4" ht="18" customHeight="1" x14ac:dyDescent="0.15">
      <c r="A17" s="8">
        <v>10</v>
      </c>
      <c r="B17" s="34">
        <v>2</v>
      </c>
      <c r="C17" s="13">
        <v>3</v>
      </c>
      <c r="D17" s="12">
        <v>5</v>
      </c>
    </row>
    <row r="18" spans="1:4" ht="18" customHeight="1" x14ac:dyDescent="0.15">
      <c r="A18" s="8">
        <v>11</v>
      </c>
      <c r="B18" s="34">
        <v>6</v>
      </c>
      <c r="C18" s="13">
        <v>3</v>
      </c>
      <c r="D18" s="12">
        <v>9</v>
      </c>
    </row>
    <row r="19" spans="1:4" ht="18" customHeight="1" x14ac:dyDescent="0.15">
      <c r="A19" s="8">
        <v>12</v>
      </c>
      <c r="B19" s="34">
        <v>4</v>
      </c>
      <c r="C19" s="13">
        <v>1</v>
      </c>
      <c r="D19" s="12">
        <v>5</v>
      </c>
    </row>
    <row r="20" spans="1:4" ht="18" customHeight="1" x14ac:dyDescent="0.15">
      <c r="A20" s="8">
        <v>13</v>
      </c>
      <c r="B20" s="34">
        <v>4</v>
      </c>
      <c r="C20" s="13">
        <v>4</v>
      </c>
      <c r="D20" s="12">
        <v>8</v>
      </c>
    </row>
    <row r="21" spans="1:4" ht="18" customHeight="1" x14ac:dyDescent="0.15">
      <c r="A21" s="8">
        <v>14</v>
      </c>
      <c r="B21" s="34">
        <v>5</v>
      </c>
      <c r="C21" s="13">
        <v>5</v>
      </c>
      <c r="D21" s="12">
        <v>10</v>
      </c>
    </row>
    <row r="22" spans="1:4" ht="18" customHeight="1" x14ac:dyDescent="0.15">
      <c r="A22" s="8" t="s">
        <v>371</v>
      </c>
      <c r="B22" s="34">
        <v>21</v>
      </c>
      <c r="C22" s="13">
        <v>16</v>
      </c>
      <c r="D22" s="12">
        <v>37</v>
      </c>
    </row>
    <row r="23" spans="1:4" ht="18" customHeight="1" x14ac:dyDescent="0.15">
      <c r="A23" s="8" t="s">
        <v>65</v>
      </c>
      <c r="B23" s="34">
        <v>46</v>
      </c>
      <c r="C23" s="13">
        <v>33</v>
      </c>
      <c r="D23" s="12">
        <v>79</v>
      </c>
    </row>
    <row r="24" spans="1:4" ht="18" customHeight="1" x14ac:dyDescent="0.15">
      <c r="A24" s="8">
        <v>15</v>
      </c>
      <c r="B24" s="34">
        <v>3</v>
      </c>
      <c r="C24" s="13">
        <v>0</v>
      </c>
      <c r="D24" s="12">
        <v>3</v>
      </c>
    </row>
    <row r="25" spans="1:4" ht="18" customHeight="1" x14ac:dyDescent="0.15">
      <c r="A25" s="8">
        <v>16</v>
      </c>
      <c r="B25" s="34">
        <v>4</v>
      </c>
      <c r="C25" s="13">
        <v>4</v>
      </c>
      <c r="D25" s="12">
        <v>8</v>
      </c>
    </row>
    <row r="26" spans="1:4" ht="18" customHeight="1" x14ac:dyDescent="0.15">
      <c r="A26" s="8">
        <v>17</v>
      </c>
      <c r="B26" s="34">
        <v>7</v>
      </c>
      <c r="C26" s="13">
        <v>5</v>
      </c>
      <c r="D26" s="12">
        <v>12</v>
      </c>
    </row>
    <row r="27" spans="1:4" ht="18" customHeight="1" x14ac:dyDescent="0.15">
      <c r="A27" s="8">
        <v>18</v>
      </c>
      <c r="B27" s="34">
        <v>3</v>
      </c>
      <c r="C27" s="13">
        <v>2</v>
      </c>
      <c r="D27" s="12">
        <v>5</v>
      </c>
    </row>
    <row r="28" spans="1:4" ht="18" customHeight="1" x14ac:dyDescent="0.15">
      <c r="A28" s="8">
        <v>19</v>
      </c>
      <c r="B28" s="34">
        <v>5</v>
      </c>
      <c r="C28" s="13">
        <v>4</v>
      </c>
      <c r="D28" s="12">
        <v>9</v>
      </c>
    </row>
    <row r="29" spans="1:4" ht="18" customHeight="1" x14ac:dyDescent="0.15">
      <c r="A29" s="8" t="s">
        <v>48</v>
      </c>
      <c r="B29" s="34">
        <v>22</v>
      </c>
      <c r="C29" s="13">
        <v>15</v>
      </c>
      <c r="D29" s="12">
        <v>37</v>
      </c>
    </row>
    <row r="30" spans="1:4" ht="18" customHeight="1" x14ac:dyDescent="0.15">
      <c r="A30" s="8">
        <v>20</v>
      </c>
      <c r="B30" s="34">
        <v>4</v>
      </c>
      <c r="C30" s="13">
        <v>4</v>
      </c>
      <c r="D30" s="12">
        <v>8</v>
      </c>
    </row>
    <row r="31" spans="1:4" ht="18" customHeight="1" x14ac:dyDescent="0.15">
      <c r="A31" s="8">
        <v>21</v>
      </c>
      <c r="B31" s="34">
        <v>4</v>
      </c>
      <c r="C31" s="13">
        <v>4</v>
      </c>
      <c r="D31" s="12">
        <v>8</v>
      </c>
    </row>
    <row r="32" spans="1:4" ht="18" customHeight="1" x14ac:dyDescent="0.15">
      <c r="A32" s="8">
        <v>22</v>
      </c>
      <c r="B32" s="34">
        <v>1</v>
      </c>
      <c r="C32" s="13">
        <v>2</v>
      </c>
      <c r="D32" s="12">
        <v>3</v>
      </c>
    </row>
    <row r="33" spans="1:4" ht="18" customHeight="1" x14ac:dyDescent="0.15">
      <c r="A33" s="8">
        <v>23</v>
      </c>
      <c r="B33" s="34">
        <v>2</v>
      </c>
      <c r="C33" s="13">
        <v>2</v>
      </c>
      <c r="D33" s="12">
        <v>4</v>
      </c>
    </row>
    <row r="34" spans="1:4" ht="18" customHeight="1" x14ac:dyDescent="0.15">
      <c r="A34" s="8">
        <v>24</v>
      </c>
      <c r="B34" s="34">
        <v>4</v>
      </c>
      <c r="C34" s="13">
        <v>4</v>
      </c>
      <c r="D34" s="12">
        <v>8</v>
      </c>
    </row>
    <row r="35" spans="1:4" ht="18" customHeight="1" x14ac:dyDescent="0.15">
      <c r="A35" s="8" t="s">
        <v>74</v>
      </c>
      <c r="B35" s="34">
        <v>15</v>
      </c>
      <c r="C35" s="13">
        <v>16</v>
      </c>
      <c r="D35" s="12">
        <v>31</v>
      </c>
    </row>
    <row r="36" spans="1:4" ht="18" customHeight="1" x14ac:dyDescent="0.15">
      <c r="A36" s="8">
        <v>25</v>
      </c>
      <c r="B36" s="34">
        <v>3</v>
      </c>
      <c r="C36" s="13">
        <v>1</v>
      </c>
      <c r="D36" s="12">
        <v>4</v>
      </c>
    </row>
    <row r="37" spans="1:4" ht="18" customHeight="1" x14ac:dyDescent="0.15">
      <c r="A37" s="8">
        <v>26</v>
      </c>
      <c r="B37" s="34">
        <v>2</v>
      </c>
      <c r="C37" s="13">
        <v>0</v>
      </c>
      <c r="D37" s="12">
        <v>2</v>
      </c>
    </row>
    <row r="38" spans="1:4" ht="18" customHeight="1" x14ac:dyDescent="0.15">
      <c r="A38" s="8">
        <v>27</v>
      </c>
      <c r="B38" s="34">
        <v>7</v>
      </c>
      <c r="C38" s="13">
        <v>1</v>
      </c>
      <c r="D38" s="12">
        <v>8</v>
      </c>
    </row>
    <row r="39" spans="1:4" ht="18" customHeight="1" x14ac:dyDescent="0.15">
      <c r="A39" s="8">
        <v>28</v>
      </c>
      <c r="B39" s="34">
        <v>3</v>
      </c>
      <c r="C39" s="13">
        <v>1</v>
      </c>
      <c r="D39" s="12">
        <v>4</v>
      </c>
    </row>
    <row r="40" spans="1:4" ht="18" customHeight="1" x14ac:dyDescent="0.15">
      <c r="A40" s="8">
        <v>29</v>
      </c>
      <c r="B40" s="34">
        <v>0</v>
      </c>
      <c r="C40" s="13">
        <v>3</v>
      </c>
      <c r="D40" s="12">
        <v>3</v>
      </c>
    </row>
    <row r="41" spans="1:4" ht="18" customHeight="1" x14ac:dyDescent="0.15">
      <c r="A41" s="8" t="s">
        <v>73</v>
      </c>
      <c r="B41" s="34">
        <v>15</v>
      </c>
      <c r="C41" s="13">
        <v>6</v>
      </c>
      <c r="D41" s="12">
        <v>21</v>
      </c>
    </row>
    <row r="42" spans="1:4" ht="18" customHeight="1" x14ac:dyDescent="0.15">
      <c r="A42" s="8">
        <v>30</v>
      </c>
      <c r="B42" s="34">
        <v>2</v>
      </c>
      <c r="C42" s="13">
        <v>2</v>
      </c>
      <c r="D42" s="12">
        <v>4</v>
      </c>
    </row>
    <row r="43" spans="1:4" ht="18" customHeight="1" x14ac:dyDescent="0.15">
      <c r="A43" s="8">
        <v>31</v>
      </c>
      <c r="B43" s="34">
        <v>2</v>
      </c>
      <c r="C43" s="13">
        <v>2</v>
      </c>
      <c r="D43" s="12">
        <v>4</v>
      </c>
    </row>
    <row r="44" spans="1:4" ht="18" customHeight="1" x14ac:dyDescent="0.15">
      <c r="A44" s="8">
        <v>32</v>
      </c>
      <c r="B44" s="34">
        <v>4</v>
      </c>
      <c r="C44" s="13">
        <v>3</v>
      </c>
      <c r="D44" s="12">
        <v>7</v>
      </c>
    </row>
    <row r="45" spans="1:4" ht="18" customHeight="1" x14ac:dyDescent="0.15">
      <c r="A45" s="8">
        <v>33</v>
      </c>
      <c r="B45" s="34">
        <v>3</v>
      </c>
      <c r="C45" s="13">
        <v>3</v>
      </c>
      <c r="D45" s="12">
        <v>6</v>
      </c>
    </row>
    <row r="46" spans="1:4" ht="18" customHeight="1" x14ac:dyDescent="0.15">
      <c r="A46" s="8">
        <v>34</v>
      </c>
      <c r="B46" s="34">
        <v>6</v>
      </c>
      <c r="C46" s="13">
        <v>5</v>
      </c>
      <c r="D46" s="12">
        <v>11</v>
      </c>
    </row>
    <row r="47" spans="1:4" ht="18" customHeight="1" x14ac:dyDescent="0.15">
      <c r="A47" s="8" t="s">
        <v>61</v>
      </c>
      <c r="B47" s="34">
        <v>17</v>
      </c>
      <c r="C47" s="13">
        <v>15</v>
      </c>
      <c r="D47" s="12">
        <v>32</v>
      </c>
    </row>
    <row r="48" spans="1:4" ht="18" customHeight="1" x14ac:dyDescent="0.15">
      <c r="A48" s="8">
        <v>35</v>
      </c>
      <c r="B48" s="34">
        <v>3</v>
      </c>
      <c r="C48" s="13">
        <v>5</v>
      </c>
      <c r="D48" s="12">
        <v>8</v>
      </c>
    </row>
    <row r="49" spans="1:4" ht="18" customHeight="1" x14ac:dyDescent="0.15">
      <c r="A49" s="8">
        <v>36</v>
      </c>
      <c r="B49" s="34">
        <v>3</v>
      </c>
      <c r="C49" s="13">
        <v>5</v>
      </c>
      <c r="D49" s="12">
        <v>8</v>
      </c>
    </row>
    <row r="50" spans="1:4" ht="18" customHeight="1" x14ac:dyDescent="0.15">
      <c r="A50" s="8">
        <v>37</v>
      </c>
      <c r="B50" s="34">
        <v>5</v>
      </c>
      <c r="C50" s="13">
        <v>3</v>
      </c>
      <c r="D50" s="12">
        <v>8</v>
      </c>
    </row>
    <row r="51" spans="1:4" ht="18" customHeight="1" x14ac:dyDescent="0.15">
      <c r="A51" s="8">
        <v>38</v>
      </c>
      <c r="B51" s="34">
        <v>5</v>
      </c>
      <c r="C51" s="13">
        <v>5</v>
      </c>
      <c r="D51" s="12">
        <v>10</v>
      </c>
    </row>
    <row r="52" spans="1:4" ht="18" customHeight="1" x14ac:dyDescent="0.15">
      <c r="A52" s="8">
        <v>39</v>
      </c>
      <c r="B52" s="34">
        <v>2</v>
      </c>
      <c r="C52" s="13">
        <v>4</v>
      </c>
      <c r="D52" s="12">
        <v>6</v>
      </c>
    </row>
    <row r="53" spans="1:4" ht="18" customHeight="1" x14ac:dyDescent="0.15">
      <c r="A53" s="8" t="s">
        <v>72</v>
      </c>
      <c r="B53" s="34">
        <v>18</v>
      </c>
      <c r="C53" s="13">
        <v>22</v>
      </c>
      <c r="D53" s="12">
        <v>40</v>
      </c>
    </row>
    <row r="54" spans="1:4" ht="18" customHeight="1" x14ac:dyDescent="0.15">
      <c r="A54" s="8">
        <v>40</v>
      </c>
      <c r="B54" s="34">
        <v>6</v>
      </c>
      <c r="C54" s="13">
        <v>1</v>
      </c>
      <c r="D54" s="12">
        <v>7</v>
      </c>
    </row>
    <row r="55" spans="1:4" ht="18" customHeight="1" x14ac:dyDescent="0.15">
      <c r="A55" s="8">
        <v>41</v>
      </c>
      <c r="B55" s="34">
        <v>7</v>
      </c>
      <c r="C55" s="13">
        <v>8</v>
      </c>
      <c r="D55" s="12">
        <v>15</v>
      </c>
    </row>
    <row r="56" spans="1:4" ht="18" customHeight="1" x14ac:dyDescent="0.15">
      <c r="A56" s="8">
        <v>42</v>
      </c>
      <c r="B56" s="34">
        <v>3</v>
      </c>
      <c r="C56" s="13">
        <v>5</v>
      </c>
      <c r="D56" s="12">
        <v>8</v>
      </c>
    </row>
    <row r="57" spans="1:4" ht="18" customHeight="1" x14ac:dyDescent="0.15">
      <c r="A57" s="8">
        <v>43</v>
      </c>
      <c r="B57" s="34">
        <v>5</v>
      </c>
      <c r="C57" s="13">
        <v>4</v>
      </c>
      <c r="D57" s="12">
        <v>9</v>
      </c>
    </row>
    <row r="58" spans="1:4" ht="18" customHeight="1" x14ac:dyDescent="0.15">
      <c r="A58" s="8">
        <v>44</v>
      </c>
      <c r="B58" s="34">
        <v>5</v>
      </c>
      <c r="C58" s="13">
        <v>5</v>
      </c>
      <c r="D58" s="12">
        <v>10</v>
      </c>
    </row>
    <row r="59" spans="1:4" ht="18" customHeight="1" x14ac:dyDescent="0.15">
      <c r="A59" s="8" t="s">
        <v>46</v>
      </c>
      <c r="B59" s="34">
        <v>26</v>
      </c>
      <c r="C59" s="13">
        <v>23</v>
      </c>
      <c r="D59" s="12">
        <v>49</v>
      </c>
    </row>
    <row r="60" spans="1:4" ht="18" customHeight="1" x14ac:dyDescent="0.15">
      <c r="A60" s="8">
        <v>45</v>
      </c>
      <c r="B60" s="34">
        <v>3</v>
      </c>
      <c r="C60" s="13">
        <v>3</v>
      </c>
      <c r="D60" s="12">
        <v>6</v>
      </c>
    </row>
    <row r="61" spans="1:4" ht="18" customHeight="1" x14ac:dyDescent="0.15">
      <c r="A61" s="8">
        <v>46</v>
      </c>
      <c r="B61" s="34">
        <v>4</v>
      </c>
      <c r="C61" s="13">
        <v>4</v>
      </c>
      <c r="D61" s="12">
        <v>8</v>
      </c>
    </row>
    <row r="62" spans="1:4" ht="18" customHeight="1" x14ac:dyDescent="0.15">
      <c r="A62" s="8">
        <v>47</v>
      </c>
      <c r="B62" s="34">
        <v>3</v>
      </c>
      <c r="C62" s="13">
        <v>3</v>
      </c>
      <c r="D62" s="12">
        <v>6</v>
      </c>
    </row>
    <row r="63" spans="1:4" ht="18" customHeight="1" x14ac:dyDescent="0.15">
      <c r="A63" s="8">
        <v>48</v>
      </c>
      <c r="B63" s="34">
        <v>6</v>
      </c>
      <c r="C63" s="13">
        <v>7</v>
      </c>
      <c r="D63" s="12">
        <v>13</v>
      </c>
    </row>
    <row r="64" spans="1:4" ht="18" customHeight="1" x14ac:dyDescent="0.15">
      <c r="A64" s="8">
        <v>49</v>
      </c>
      <c r="B64" s="34">
        <v>7</v>
      </c>
      <c r="C64" s="13">
        <v>8</v>
      </c>
      <c r="D64" s="12">
        <v>15</v>
      </c>
    </row>
    <row r="65" spans="1:4" ht="18" customHeight="1" x14ac:dyDescent="0.15">
      <c r="A65" s="8" t="s">
        <v>45</v>
      </c>
      <c r="B65" s="34">
        <v>23</v>
      </c>
      <c r="C65" s="13">
        <v>25</v>
      </c>
      <c r="D65" s="12">
        <v>48</v>
      </c>
    </row>
    <row r="66" spans="1:4" ht="18" customHeight="1" x14ac:dyDescent="0.15">
      <c r="A66" s="8">
        <v>50</v>
      </c>
      <c r="B66" s="34">
        <v>5</v>
      </c>
      <c r="C66" s="13">
        <v>4</v>
      </c>
      <c r="D66" s="12">
        <v>9</v>
      </c>
    </row>
    <row r="67" spans="1:4" ht="18" customHeight="1" x14ac:dyDescent="0.15">
      <c r="A67" s="8">
        <v>51</v>
      </c>
      <c r="B67" s="34">
        <v>6</v>
      </c>
      <c r="C67" s="13">
        <v>2</v>
      </c>
      <c r="D67" s="12">
        <v>8</v>
      </c>
    </row>
    <row r="68" spans="1:4" ht="18" customHeight="1" x14ac:dyDescent="0.15">
      <c r="A68" s="8">
        <v>52</v>
      </c>
      <c r="B68" s="34">
        <v>4</v>
      </c>
      <c r="C68" s="13">
        <v>7</v>
      </c>
      <c r="D68" s="12">
        <v>11</v>
      </c>
    </row>
    <row r="69" spans="1:4" ht="18" customHeight="1" x14ac:dyDescent="0.15">
      <c r="A69" s="8">
        <v>53</v>
      </c>
      <c r="B69" s="34">
        <v>4</v>
      </c>
      <c r="C69" s="13">
        <v>3</v>
      </c>
      <c r="D69" s="12">
        <v>7</v>
      </c>
    </row>
    <row r="70" spans="1:4" ht="18" customHeight="1" x14ac:dyDescent="0.15">
      <c r="A70" s="8">
        <v>54</v>
      </c>
      <c r="B70" s="34">
        <v>3</v>
      </c>
      <c r="C70" s="13">
        <v>6</v>
      </c>
      <c r="D70" s="12">
        <v>9</v>
      </c>
    </row>
    <row r="71" spans="1:4" ht="18" customHeight="1" x14ac:dyDescent="0.15">
      <c r="A71" s="8" t="s">
        <v>58</v>
      </c>
      <c r="B71" s="34">
        <v>22</v>
      </c>
      <c r="C71" s="13">
        <v>22</v>
      </c>
      <c r="D71" s="12">
        <v>44</v>
      </c>
    </row>
    <row r="72" spans="1:4" ht="18" customHeight="1" x14ac:dyDescent="0.15">
      <c r="A72" s="8">
        <v>55</v>
      </c>
      <c r="B72" s="34">
        <v>0</v>
      </c>
      <c r="C72" s="13">
        <v>11</v>
      </c>
      <c r="D72" s="12">
        <v>11</v>
      </c>
    </row>
    <row r="73" spans="1:4" ht="18" customHeight="1" x14ac:dyDescent="0.15">
      <c r="A73" s="8">
        <v>56</v>
      </c>
      <c r="B73" s="34">
        <v>7</v>
      </c>
      <c r="C73" s="13">
        <v>5</v>
      </c>
      <c r="D73" s="12">
        <v>12</v>
      </c>
    </row>
    <row r="74" spans="1:4" ht="18" customHeight="1" x14ac:dyDescent="0.15">
      <c r="A74" s="8">
        <v>57</v>
      </c>
      <c r="B74" s="34">
        <v>4</v>
      </c>
      <c r="C74" s="13">
        <v>3</v>
      </c>
      <c r="D74" s="12">
        <v>7</v>
      </c>
    </row>
    <row r="75" spans="1:4" ht="18" customHeight="1" x14ac:dyDescent="0.15">
      <c r="A75" s="8">
        <v>58</v>
      </c>
      <c r="B75" s="34">
        <v>6</v>
      </c>
      <c r="C75" s="13">
        <v>7</v>
      </c>
      <c r="D75" s="12">
        <v>13</v>
      </c>
    </row>
    <row r="76" spans="1:4" ht="18" customHeight="1" x14ac:dyDescent="0.15">
      <c r="A76" s="8">
        <v>59</v>
      </c>
      <c r="B76" s="34">
        <v>8</v>
      </c>
      <c r="C76" s="13">
        <v>5</v>
      </c>
      <c r="D76" s="12">
        <v>13</v>
      </c>
    </row>
    <row r="77" spans="1:4" ht="18" customHeight="1" x14ac:dyDescent="0.15">
      <c r="A77" s="8" t="s">
        <v>71</v>
      </c>
      <c r="B77" s="34">
        <v>25</v>
      </c>
      <c r="C77" s="13">
        <v>31</v>
      </c>
      <c r="D77" s="12">
        <v>56</v>
      </c>
    </row>
    <row r="78" spans="1:4" ht="18" customHeight="1" x14ac:dyDescent="0.15">
      <c r="A78" s="8">
        <v>60</v>
      </c>
      <c r="B78" s="34">
        <v>3</v>
      </c>
      <c r="C78" s="13">
        <v>5</v>
      </c>
      <c r="D78" s="12">
        <v>8</v>
      </c>
    </row>
    <row r="79" spans="1:4" ht="18" customHeight="1" x14ac:dyDescent="0.15">
      <c r="A79" s="8">
        <v>61</v>
      </c>
      <c r="B79" s="34">
        <v>3</v>
      </c>
      <c r="C79" s="13">
        <v>5</v>
      </c>
      <c r="D79" s="12">
        <v>8</v>
      </c>
    </row>
    <row r="80" spans="1:4" ht="18" customHeight="1" x14ac:dyDescent="0.15">
      <c r="A80" s="8">
        <v>62</v>
      </c>
      <c r="B80" s="34">
        <v>2</v>
      </c>
      <c r="C80" s="13">
        <v>2</v>
      </c>
      <c r="D80" s="12">
        <v>4</v>
      </c>
    </row>
    <row r="81" spans="1:4" ht="18" customHeight="1" x14ac:dyDescent="0.15">
      <c r="A81" s="8">
        <v>63</v>
      </c>
      <c r="B81" s="34">
        <v>7</v>
      </c>
      <c r="C81" s="13">
        <v>8</v>
      </c>
      <c r="D81" s="12">
        <v>15</v>
      </c>
    </row>
    <row r="82" spans="1:4" ht="18" customHeight="1" x14ac:dyDescent="0.15">
      <c r="A82" s="8">
        <v>64</v>
      </c>
      <c r="B82" s="34">
        <v>1</v>
      </c>
      <c r="C82" s="13">
        <v>8</v>
      </c>
      <c r="D82" s="12">
        <v>9</v>
      </c>
    </row>
    <row r="83" spans="1:4" ht="18" customHeight="1" x14ac:dyDescent="0.15">
      <c r="A83" s="8" t="s">
        <v>44</v>
      </c>
      <c r="B83" s="34">
        <v>16</v>
      </c>
      <c r="C83" s="13">
        <v>28</v>
      </c>
      <c r="D83" s="12">
        <v>44</v>
      </c>
    </row>
    <row r="84" spans="1:4" ht="18" customHeight="1" x14ac:dyDescent="0.15">
      <c r="A84" s="8" t="s">
        <v>43</v>
      </c>
      <c r="B84" s="34">
        <v>199</v>
      </c>
      <c r="C84" s="13">
        <v>203</v>
      </c>
      <c r="D84" s="12">
        <v>402</v>
      </c>
    </row>
    <row r="85" spans="1:4" ht="18" customHeight="1" x14ac:dyDescent="0.15">
      <c r="A85" s="8">
        <v>65</v>
      </c>
      <c r="B85" s="34">
        <v>5</v>
      </c>
      <c r="C85" s="13">
        <v>9</v>
      </c>
      <c r="D85" s="12">
        <v>14</v>
      </c>
    </row>
    <row r="86" spans="1:4" ht="18" customHeight="1" x14ac:dyDescent="0.15">
      <c r="A86" s="8">
        <v>66</v>
      </c>
      <c r="B86" s="34">
        <v>11</v>
      </c>
      <c r="C86" s="13">
        <v>8</v>
      </c>
      <c r="D86" s="12">
        <v>19</v>
      </c>
    </row>
    <row r="87" spans="1:4" ht="18" customHeight="1" x14ac:dyDescent="0.15">
      <c r="A87" s="8">
        <v>67</v>
      </c>
      <c r="B87" s="34">
        <v>9</v>
      </c>
      <c r="C87" s="13">
        <v>6</v>
      </c>
      <c r="D87" s="12">
        <v>15</v>
      </c>
    </row>
    <row r="88" spans="1:4" ht="18" customHeight="1" x14ac:dyDescent="0.15">
      <c r="A88" s="8">
        <v>68</v>
      </c>
      <c r="B88" s="34">
        <v>6</v>
      </c>
      <c r="C88" s="13">
        <v>9</v>
      </c>
      <c r="D88" s="12">
        <v>15</v>
      </c>
    </row>
    <row r="89" spans="1:4" ht="18" customHeight="1" x14ac:dyDescent="0.15">
      <c r="A89" s="8">
        <v>69</v>
      </c>
      <c r="B89" s="34">
        <v>13</v>
      </c>
      <c r="C89" s="13">
        <v>10</v>
      </c>
      <c r="D89" s="12">
        <v>23</v>
      </c>
    </row>
    <row r="90" spans="1:4" ht="18" customHeight="1" x14ac:dyDescent="0.15">
      <c r="A90" s="8" t="s">
        <v>42</v>
      </c>
      <c r="B90" s="34">
        <v>44</v>
      </c>
      <c r="C90" s="13">
        <v>42</v>
      </c>
      <c r="D90" s="12">
        <v>86</v>
      </c>
    </row>
    <row r="91" spans="1:4" ht="18" customHeight="1" x14ac:dyDescent="0.15">
      <c r="A91" s="8">
        <v>70</v>
      </c>
      <c r="B91" s="34">
        <v>14</v>
      </c>
      <c r="C91" s="13">
        <v>16</v>
      </c>
      <c r="D91" s="12">
        <v>30</v>
      </c>
    </row>
    <row r="92" spans="1:4" ht="18" customHeight="1" x14ac:dyDescent="0.15">
      <c r="A92" s="8">
        <v>71</v>
      </c>
      <c r="B92" s="34">
        <v>13</v>
      </c>
      <c r="C92" s="13">
        <v>7</v>
      </c>
      <c r="D92" s="12">
        <v>20</v>
      </c>
    </row>
    <row r="93" spans="1:4" ht="18" customHeight="1" x14ac:dyDescent="0.15">
      <c r="A93" s="8">
        <v>72</v>
      </c>
      <c r="B93" s="34">
        <v>3</v>
      </c>
      <c r="C93" s="13">
        <v>9</v>
      </c>
      <c r="D93" s="12">
        <v>12</v>
      </c>
    </row>
    <row r="94" spans="1:4" ht="18" customHeight="1" x14ac:dyDescent="0.15">
      <c r="A94" s="8">
        <v>73</v>
      </c>
      <c r="B94" s="34">
        <v>13</v>
      </c>
      <c r="C94" s="13">
        <v>7</v>
      </c>
      <c r="D94" s="12">
        <v>20</v>
      </c>
    </row>
    <row r="95" spans="1:4" ht="18" customHeight="1" x14ac:dyDescent="0.15">
      <c r="A95" s="8">
        <v>74</v>
      </c>
      <c r="B95" s="34">
        <v>9</v>
      </c>
      <c r="C95" s="13">
        <v>14</v>
      </c>
      <c r="D95" s="12">
        <v>23</v>
      </c>
    </row>
    <row r="96" spans="1:4" ht="18" customHeight="1" x14ac:dyDescent="0.15">
      <c r="A96" s="8" t="s">
        <v>41</v>
      </c>
      <c r="B96" s="34">
        <v>52</v>
      </c>
      <c r="C96" s="13">
        <v>53</v>
      </c>
      <c r="D96" s="12">
        <v>105</v>
      </c>
    </row>
    <row r="97" spans="1:4" ht="18" customHeight="1" x14ac:dyDescent="0.15">
      <c r="A97" s="8">
        <v>75</v>
      </c>
      <c r="B97" s="34">
        <v>7</v>
      </c>
      <c r="C97" s="13">
        <v>5</v>
      </c>
      <c r="D97" s="12">
        <v>12</v>
      </c>
    </row>
    <row r="98" spans="1:4" ht="18" customHeight="1" x14ac:dyDescent="0.15">
      <c r="A98" s="8">
        <v>76</v>
      </c>
      <c r="B98" s="34">
        <v>10</v>
      </c>
      <c r="C98" s="13">
        <v>7</v>
      </c>
      <c r="D98" s="12">
        <v>17</v>
      </c>
    </row>
    <row r="99" spans="1:4" ht="18" customHeight="1" x14ac:dyDescent="0.15">
      <c r="A99" s="8">
        <v>77</v>
      </c>
      <c r="B99" s="34">
        <v>5</v>
      </c>
      <c r="C99" s="13">
        <v>3</v>
      </c>
      <c r="D99" s="12">
        <v>8</v>
      </c>
    </row>
    <row r="100" spans="1:4" ht="18" customHeight="1" x14ac:dyDescent="0.15">
      <c r="A100" s="8">
        <v>78</v>
      </c>
      <c r="B100" s="34">
        <v>2</v>
      </c>
      <c r="C100" s="13">
        <v>6</v>
      </c>
      <c r="D100" s="12">
        <v>8</v>
      </c>
    </row>
    <row r="101" spans="1:4" ht="18" customHeight="1" x14ac:dyDescent="0.15">
      <c r="A101" s="8">
        <v>79</v>
      </c>
      <c r="B101" s="34">
        <v>5</v>
      </c>
      <c r="C101" s="13">
        <v>5</v>
      </c>
      <c r="D101" s="12">
        <v>10</v>
      </c>
    </row>
    <row r="102" spans="1:4" ht="18" customHeight="1" x14ac:dyDescent="0.15">
      <c r="A102" s="8" t="s">
        <v>342</v>
      </c>
      <c r="B102" s="34">
        <v>29</v>
      </c>
      <c r="C102" s="13">
        <v>26</v>
      </c>
      <c r="D102" s="12">
        <v>55</v>
      </c>
    </row>
    <row r="103" spans="1:4" ht="18" customHeight="1" x14ac:dyDescent="0.15">
      <c r="A103" s="8">
        <v>80</v>
      </c>
      <c r="B103" s="34">
        <v>8</v>
      </c>
      <c r="C103" s="13">
        <v>4</v>
      </c>
      <c r="D103" s="12">
        <v>12</v>
      </c>
    </row>
    <row r="104" spans="1:4" ht="18" customHeight="1" x14ac:dyDescent="0.15">
      <c r="A104" s="8">
        <v>81</v>
      </c>
      <c r="B104" s="34">
        <v>3</v>
      </c>
      <c r="C104" s="13">
        <v>12</v>
      </c>
      <c r="D104" s="12">
        <v>15</v>
      </c>
    </row>
    <row r="105" spans="1:4" ht="18" customHeight="1" x14ac:dyDescent="0.15">
      <c r="A105" s="8">
        <v>82</v>
      </c>
      <c r="B105" s="34">
        <v>3</v>
      </c>
      <c r="C105" s="13">
        <v>6</v>
      </c>
      <c r="D105" s="12">
        <v>9</v>
      </c>
    </row>
    <row r="106" spans="1:4" ht="18" customHeight="1" x14ac:dyDescent="0.15">
      <c r="A106" s="8">
        <v>83</v>
      </c>
      <c r="B106" s="34">
        <v>4</v>
      </c>
      <c r="C106" s="13">
        <v>2</v>
      </c>
      <c r="D106" s="12">
        <v>6</v>
      </c>
    </row>
    <row r="107" spans="1:4" ht="18" customHeight="1" x14ac:dyDescent="0.15">
      <c r="A107" s="8">
        <v>84</v>
      </c>
      <c r="B107" s="34">
        <v>3</v>
      </c>
      <c r="C107" s="13">
        <v>4</v>
      </c>
      <c r="D107" s="12">
        <v>7</v>
      </c>
    </row>
    <row r="108" spans="1:4" ht="18" customHeight="1" x14ac:dyDescent="0.15">
      <c r="A108" s="8" t="s">
        <v>370</v>
      </c>
      <c r="B108" s="34">
        <v>21</v>
      </c>
      <c r="C108" s="13">
        <v>28</v>
      </c>
      <c r="D108" s="12">
        <v>49</v>
      </c>
    </row>
    <row r="109" spans="1:4" ht="18" customHeight="1" x14ac:dyDescent="0.15">
      <c r="A109" s="8">
        <v>85</v>
      </c>
      <c r="B109" s="34">
        <v>4</v>
      </c>
      <c r="C109" s="13">
        <v>4</v>
      </c>
      <c r="D109" s="12">
        <v>8</v>
      </c>
    </row>
    <row r="110" spans="1:4" ht="18" customHeight="1" x14ac:dyDescent="0.15">
      <c r="A110" s="8">
        <v>86</v>
      </c>
      <c r="B110" s="34">
        <v>4</v>
      </c>
      <c r="C110" s="13">
        <v>4</v>
      </c>
      <c r="D110" s="12">
        <v>8</v>
      </c>
    </row>
    <row r="111" spans="1:4" ht="18" customHeight="1" x14ac:dyDescent="0.15">
      <c r="A111" s="8">
        <v>87</v>
      </c>
      <c r="B111" s="34">
        <v>0</v>
      </c>
      <c r="C111" s="13">
        <v>6</v>
      </c>
      <c r="D111" s="12">
        <v>6</v>
      </c>
    </row>
    <row r="112" spans="1:4" ht="18" customHeight="1" x14ac:dyDescent="0.15">
      <c r="A112" s="8">
        <v>88</v>
      </c>
      <c r="B112" s="34">
        <v>2</v>
      </c>
      <c r="C112" s="13">
        <v>6</v>
      </c>
      <c r="D112" s="12">
        <v>8</v>
      </c>
    </row>
    <row r="113" spans="1:4" ht="18" customHeight="1" x14ac:dyDescent="0.15">
      <c r="A113" s="8">
        <v>89</v>
      </c>
      <c r="B113" s="34">
        <v>3</v>
      </c>
      <c r="C113" s="13">
        <v>5</v>
      </c>
      <c r="D113" s="12">
        <v>8</v>
      </c>
    </row>
    <row r="114" spans="1:4" ht="18" customHeight="1" x14ac:dyDescent="0.15">
      <c r="A114" s="8" t="s">
        <v>369</v>
      </c>
      <c r="B114" s="34">
        <v>13</v>
      </c>
      <c r="C114" s="13">
        <v>25</v>
      </c>
      <c r="D114" s="12">
        <v>38</v>
      </c>
    </row>
    <row r="115" spans="1:4" ht="18" customHeight="1" x14ac:dyDescent="0.15">
      <c r="A115" s="8">
        <v>90</v>
      </c>
      <c r="B115" s="34">
        <v>0</v>
      </c>
      <c r="C115" s="13">
        <v>2</v>
      </c>
      <c r="D115" s="12">
        <v>2</v>
      </c>
    </row>
    <row r="116" spans="1:4" ht="18" customHeight="1" x14ac:dyDescent="0.15">
      <c r="A116" s="8">
        <v>91</v>
      </c>
      <c r="B116" s="34">
        <v>1</v>
      </c>
      <c r="C116" s="13">
        <v>6</v>
      </c>
      <c r="D116" s="12">
        <v>7</v>
      </c>
    </row>
    <row r="117" spans="1:4" ht="18" customHeight="1" x14ac:dyDescent="0.15">
      <c r="A117" s="8">
        <v>92</v>
      </c>
      <c r="B117" s="34">
        <v>2</v>
      </c>
      <c r="C117" s="13">
        <v>5</v>
      </c>
      <c r="D117" s="12">
        <v>7</v>
      </c>
    </row>
    <row r="118" spans="1:4" ht="18" customHeight="1" x14ac:dyDescent="0.15">
      <c r="A118" s="8">
        <v>93</v>
      </c>
      <c r="B118" s="34">
        <v>2</v>
      </c>
      <c r="C118" s="13">
        <v>1</v>
      </c>
      <c r="D118" s="12">
        <v>3</v>
      </c>
    </row>
    <row r="119" spans="1:4" ht="18" customHeight="1" x14ac:dyDescent="0.15">
      <c r="A119" s="8">
        <v>94</v>
      </c>
      <c r="B119" s="34">
        <v>1</v>
      </c>
      <c r="C119" s="13">
        <v>4</v>
      </c>
      <c r="D119" s="12">
        <v>5</v>
      </c>
    </row>
    <row r="120" spans="1:4" ht="18" customHeight="1" x14ac:dyDescent="0.15">
      <c r="A120" s="8" t="s">
        <v>69</v>
      </c>
      <c r="B120" s="34">
        <v>6</v>
      </c>
      <c r="C120" s="13">
        <v>18</v>
      </c>
      <c r="D120" s="12">
        <v>24</v>
      </c>
    </row>
    <row r="121" spans="1:4" ht="18" customHeight="1" x14ac:dyDescent="0.15">
      <c r="A121" s="8">
        <v>95</v>
      </c>
      <c r="B121" s="34">
        <v>0</v>
      </c>
      <c r="C121" s="13">
        <v>5</v>
      </c>
      <c r="D121" s="12">
        <v>5</v>
      </c>
    </row>
    <row r="122" spans="1:4" ht="18" customHeight="1" x14ac:dyDescent="0.15">
      <c r="A122" s="8">
        <v>96</v>
      </c>
      <c r="B122" s="34">
        <v>0</v>
      </c>
      <c r="C122" s="13">
        <v>1</v>
      </c>
      <c r="D122" s="12">
        <v>1</v>
      </c>
    </row>
    <row r="123" spans="1:4" ht="18" customHeight="1" x14ac:dyDescent="0.15">
      <c r="A123" s="8">
        <v>97</v>
      </c>
      <c r="B123" s="34">
        <v>0</v>
      </c>
      <c r="C123" s="13">
        <v>1</v>
      </c>
      <c r="D123" s="12">
        <v>1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1</v>
      </c>
      <c r="D125" s="12">
        <v>1</v>
      </c>
    </row>
    <row r="126" spans="1:4" ht="18" customHeight="1" x14ac:dyDescent="0.15">
      <c r="A126" s="8" t="s">
        <v>68</v>
      </c>
      <c r="B126" s="34">
        <v>0</v>
      </c>
      <c r="C126" s="13">
        <v>8</v>
      </c>
      <c r="D126" s="12">
        <v>8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1</v>
      </c>
      <c r="D128" s="12">
        <v>1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23</v>
      </c>
      <c r="B130" s="28">
        <v>165</v>
      </c>
      <c r="C130" s="6">
        <v>201</v>
      </c>
      <c r="D130" s="5">
        <v>366</v>
      </c>
    </row>
    <row r="131" spans="1:4" ht="18" customHeight="1" x14ac:dyDescent="0.15">
      <c r="A131" s="4" t="s">
        <v>0</v>
      </c>
      <c r="B131" s="27">
        <v>410</v>
      </c>
      <c r="C131" s="2">
        <v>437</v>
      </c>
      <c r="D131" s="1">
        <v>847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76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60" t="s">
        <v>483</v>
      </c>
      <c r="C5" s="61" t="s">
        <v>483</v>
      </c>
      <c r="D5" s="62" t="s">
        <v>483</v>
      </c>
    </row>
    <row r="6" spans="1:4" ht="18" customHeight="1" x14ac:dyDescent="0.15">
      <c r="A6" s="8">
        <v>1</v>
      </c>
      <c r="B6" s="63" t="s">
        <v>483</v>
      </c>
      <c r="C6" s="64" t="s">
        <v>483</v>
      </c>
      <c r="D6" s="65" t="s">
        <v>483</v>
      </c>
    </row>
    <row r="7" spans="1:4" ht="18" customHeight="1" x14ac:dyDescent="0.15">
      <c r="A7" s="8">
        <v>2</v>
      </c>
      <c r="B7" s="63" t="s">
        <v>483</v>
      </c>
      <c r="C7" s="64" t="s">
        <v>483</v>
      </c>
      <c r="D7" s="65" t="s">
        <v>483</v>
      </c>
    </row>
    <row r="8" spans="1:4" ht="18" customHeight="1" x14ac:dyDescent="0.15">
      <c r="A8" s="8">
        <v>3</v>
      </c>
      <c r="B8" s="63" t="s">
        <v>483</v>
      </c>
      <c r="C8" s="64" t="s">
        <v>483</v>
      </c>
      <c r="D8" s="65" t="s">
        <v>483</v>
      </c>
    </row>
    <row r="9" spans="1:4" ht="18" customHeight="1" x14ac:dyDescent="0.15">
      <c r="A9" s="8">
        <v>4</v>
      </c>
      <c r="B9" s="66" t="s">
        <v>483</v>
      </c>
      <c r="C9" s="67" t="s">
        <v>483</v>
      </c>
      <c r="D9" s="68" t="s">
        <v>483</v>
      </c>
    </row>
    <row r="10" spans="1:4" ht="18" customHeight="1" x14ac:dyDescent="0.15">
      <c r="A10" s="8" t="s">
        <v>76</v>
      </c>
      <c r="B10" s="69" t="s">
        <v>483</v>
      </c>
      <c r="C10" s="64" t="s">
        <v>483</v>
      </c>
      <c r="D10" s="65" t="s">
        <v>483</v>
      </c>
    </row>
    <row r="11" spans="1:4" ht="18" customHeight="1" x14ac:dyDescent="0.15">
      <c r="A11" s="8">
        <v>5</v>
      </c>
      <c r="B11" s="63" t="s">
        <v>483</v>
      </c>
      <c r="C11" s="64" t="s">
        <v>483</v>
      </c>
      <c r="D11" s="65" t="s">
        <v>483</v>
      </c>
    </row>
    <row r="12" spans="1:4" ht="18" customHeight="1" x14ac:dyDescent="0.15">
      <c r="A12" s="8">
        <v>6</v>
      </c>
      <c r="B12" s="63" t="s">
        <v>483</v>
      </c>
      <c r="C12" s="64" t="s">
        <v>483</v>
      </c>
      <c r="D12" s="65" t="s">
        <v>483</v>
      </c>
    </row>
    <row r="13" spans="1:4" ht="18" customHeight="1" x14ac:dyDescent="0.15">
      <c r="A13" s="8">
        <v>7</v>
      </c>
      <c r="B13" s="63" t="s">
        <v>483</v>
      </c>
      <c r="C13" s="64" t="s">
        <v>483</v>
      </c>
      <c r="D13" s="65" t="s">
        <v>483</v>
      </c>
    </row>
    <row r="14" spans="1:4" ht="18" customHeight="1" x14ac:dyDescent="0.15">
      <c r="A14" s="8">
        <v>8</v>
      </c>
      <c r="B14" s="63" t="s">
        <v>483</v>
      </c>
      <c r="C14" s="64" t="s">
        <v>483</v>
      </c>
      <c r="D14" s="65" t="s">
        <v>483</v>
      </c>
    </row>
    <row r="15" spans="1:4" ht="18" customHeight="1" x14ac:dyDescent="0.15">
      <c r="A15" s="8">
        <v>9</v>
      </c>
      <c r="B15" s="63" t="s">
        <v>483</v>
      </c>
      <c r="C15" s="64" t="s">
        <v>483</v>
      </c>
      <c r="D15" s="65" t="s">
        <v>483</v>
      </c>
    </row>
    <row r="16" spans="1:4" ht="18" customHeight="1" x14ac:dyDescent="0.15">
      <c r="A16" s="8" t="s">
        <v>50</v>
      </c>
      <c r="B16" s="69" t="s">
        <v>483</v>
      </c>
      <c r="C16" s="64" t="s">
        <v>483</v>
      </c>
      <c r="D16" s="65" t="s">
        <v>483</v>
      </c>
    </row>
    <row r="17" spans="1:4" ht="18" customHeight="1" x14ac:dyDescent="0.15">
      <c r="A17" s="8">
        <v>10</v>
      </c>
      <c r="B17" s="69" t="s">
        <v>483</v>
      </c>
      <c r="C17" s="64" t="s">
        <v>483</v>
      </c>
      <c r="D17" s="65" t="s">
        <v>483</v>
      </c>
    </row>
    <row r="18" spans="1:4" ht="18" customHeight="1" x14ac:dyDescent="0.15">
      <c r="A18" s="8">
        <v>11</v>
      </c>
      <c r="B18" s="69" t="s">
        <v>483</v>
      </c>
      <c r="C18" s="64" t="s">
        <v>483</v>
      </c>
      <c r="D18" s="65" t="s">
        <v>483</v>
      </c>
    </row>
    <row r="19" spans="1:4" ht="18" customHeight="1" x14ac:dyDescent="0.15">
      <c r="A19" s="8">
        <v>12</v>
      </c>
      <c r="B19" s="69" t="s">
        <v>483</v>
      </c>
      <c r="C19" s="64" t="s">
        <v>483</v>
      </c>
      <c r="D19" s="65" t="s">
        <v>483</v>
      </c>
    </row>
    <row r="20" spans="1:4" ht="18" customHeight="1" x14ac:dyDescent="0.15">
      <c r="A20" s="8">
        <v>13</v>
      </c>
      <c r="B20" s="69" t="s">
        <v>483</v>
      </c>
      <c r="C20" s="64" t="s">
        <v>483</v>
      </c>
      <c r="D20" s="65" t="s">
        <v>483</v>
      </c>
    </row>
    <row r="21" spans="1:4" ht="18" customHeight="1" x14ac:dyDescent="0.15">
      <c r="A21" s="8">
        <v>14</v>
      </c>
      <c r="B21" s="69" t="s">
        <v>483</v>
      </c>
      <c r="C21" s="64" t="s">
        <v>483</v>
      </c>
      <c r="D21" s="65" t="s">
        <v>483</v>
      </c>
    </row>
    <row r="22" spans="1:4" ht="18" customHeight="1" x14ac:dyDescent="0.15">
      <c r="A22" s="8" t="s">
        <v>75</v>
      </c>
      <c r="B22" s="69" t="s">
        <v>483</v>
      </c>
      <c r="C22" s="64" t="s">
        <v>483</v>
      </c>
      <c r="D22" s="65" t="s">
        <v>483</v>
      </c>
    </row>
    <row r="23" spans="1:4" ht="18" customHeight="1" x14ac:dyDescent="0.15">
      <c r="A23" s="8" t="s">
        <v>65</v>
      </c>
      <c r="B23" s="34">
        <v>6</v>
      </c>
      <c r="C23" s="13">
        <v>9</v>
      </c>
      <c r="D23" s="12">
        <v>15</v>
      </c>
    </row>
    <row r="24" spans="1:4" ht="18" customHeight="1" x14ac:dyDescent="0.15">
      <c r="A24" s="8">
        <v>15</v>
      </c>
      <c r="B24" s="69" t="s">
        <v>483</v>
      </c>
      <c r="C24" s="64" t="s">
        <v>483</v>
      </c>
      <c r="D24" s="65" t="s">
        <v>483</v>
      </c>
    </row>
    <row r="25" spans="1:4" ht="18" customHeight="1" x14ac:dyDescent="0.15">
      <c r="A25" s="8">
        <v>16</v>
      </c>
      <c r="B25" s="69" t="s">
        <v>483</v>
      </c>
      <c r="C25" s="64" t="s">
        <v>483</v>
      </c>
      <c r="D25" s="65" t="s">
        <v>483</v>
      </c>
    </row>
    <row r="26" spans="1:4" ht="18" customHeight="1" x14ac:dyDescent="0.15">
      <c r="A26" s="8">
        <v>17</v>
      </c>
      <c r="B26" s="69" t="s">
        <v>483</v>
      </c>
      <c r="C26" s="64" t="s">
        <v>483</v>
      </c>
      <c r="D26" s="65" t="s">
        <v>483</v>
      </c>
    </row>
    <row r="27" spans="1:4" ht="18" customHeight="1" x14ac:dyDescent="0.15">
      <c r="A27" s="8">
        <v>18</v>
      </c>
      <c r="B27" s="69" t="s">
        <v>483</v>
      </c>
      <c r="C27" s="64" t="s">
        <v>483</v>
      </c>
      <c r="D27" s="65" t="s">
        <v>483</v>
      </c>
    </row>
    <row r="28" spans="1:4" ht="18" customHeight="1" x14ac:dyDescent="0.15">
      <c r="A28" s="8">
        <v>19</v>
      </c>
      <c r="B28" s="69" t="s">
        <v>483</v>
      </c>
      <c r="C28" s="64" t="s">
        <v>483</v>
      </c>
      <c r="D28" s="65" t="s">
        <v>483</v>
      </c>
    </row>
    <row r="29" spans="1:4" ht="18" customHeight="1" x14ac:dyDescent="0.15">
      <c r="A29" s="8" t="s">
        <v>48</v>
      </c>
      <c r="B29" s="69" t="s">
        <v>483</v>
      </c>
      <c r="C29" s="64" t="s">
        <v>483</v>
      </c>
      <c r="D29" s="65" t="s">
        <v>483</v>
      </c>
    </row>
    <row r="30" spans="1:4" ht="18" customHeight="1" x14ac:dyDescent="0.15">
      <c r="A30" s="8">
        <v>20</v>
      </c>
      <c r="B30" s="69" t="s">
        <v>483</v>
      </c>
      <c r="C30" s="64" t="s">
        <v>483</v>
      </c>
      <c r="D30" s="65" t="s">
        <v>483</v>
      </c>
    </row>
    <row r="31" spans="1:4" ht="18" customHeight="1" x14ac:dyDescent="0.15">
      <c r="A31" s="8">
        <v>21</v>
      </c>
      <c r="B31" s="69" t="s">
        <v>483</v>
      </c>
      <c r="C31" s="64" t="s">
        <v>483</v>
      </c>
      <c r="D31" s="65" t="s">
        <v>483</v>
      </c>
    </row>
    <row r="32" spans="1:4" ht="18" customHeight="1" x14ac:dyDescent="0.15">
      <c r="A32" s="8">
        <v>22</v>
      </c>
      <c r="B32" s="69" t="s">
        <v>483</v>
      </c>
      <c r="C32" s="64" t="s">
        <v>483</v>
      </c>
      <c r="D32" s="65" t="s">
        <v>483</v>
      </c>
    </row>
    <row r="33" spans="1:4" ht="18" customHeight="1" x14ac:dyDescent="0.15">
      <c r="A33" s="8">
        <v>23</v>
      </c>
      <c r="B33" s="69" t="s">
        <v>483</v>
      </c>
      <c r="C33" s="64" t="s">
        <v>483</v>
      </c>
      <c r="D33" s="65" t="s">
        <v>483</v>
      </c>
    </row>
    <row r="34" spans="1:4" ht="18" customHeight="1" x14ac:dyDescent="0.15">
      <c r="A34" s="8">
        <v>24</v>
      </c>
      <c r="B34" s="69" t="s">
        <v>483</v>
      </c>
      <c r="C34" s="64" t="s">
        <v>483</v>
      </c>
      <c r="D34" s="65" t="s">
        <v>483</v>
      </c>
    </row>
    <row r="35" spans="1:4" ht="18" customHeight="1" x14ac:dyDescent="0.15">
      <c r="A35" s="8" t="s">
        <v>74</v>
      </c>
      <c r="B35" s="69" t="s">
        <v>483</v>
      </c>
      <c r="C35" s="64" t="s">
        <v>483</v>
      </c>
      <c r="D35" s="65" t="s">
        <v>483</v>
      </c>
    </row>
    <row r="36" spans="1:4" ht="18" customHeight="1" x14ac:dyDescent="0.15">
      <c r="A36" s="8">
        <v>25</v>
      </c>
      <c r="B36" s="69" t="s">
        <v>483</v>
      </c>
      <c r="C36" s="64" t="s">
        <v>483</v>
      </c>
      <c r="D36" s="65" t="s">
        <v>483</v>
      </c>
    </row>
    <row r="37" spans="1:4" ht="18" customHeight="1" x14ac:dyDescent="0.15">
      <c r="A37" s="8">
        <v>26</v>
      </c>
      <c r="B37" s="69" t="s">
        <v>483</v>
      </c>
      <c r="C37" s="64" t="s">
        <v>483</v>
      </c>
      <c r="D37" s="65" t="s">
        <v>483</v>
      </c>
    </row>
    <row r="38" spans="1:4" ht="18" customHeight="1" x14ac:dyDescent="0.15">
      <c r="A38" s="8">
        <v>27</v>
      </c>
      <c r="B38" s="69" t="s">
        <v>483</v>
      </c>
      <c r="C38" s="64" t="s">
        <v>483</v>
      </c>
      <c r="D38" s="65" t="s">
        <v>483</v>
      </c>
    </row>
    <row r="39" spans="1:4" ht="18" customHeight="1" x14ac:dyDescent="0.15">
      <c r="A39" s="8">
        <v>28</v>
      </c>
      <c r="B39" s="69" t="s">
        <v>483</v>
      </c>
      <c r="C39" s="64" t="s">
        <v>483</v>
      </c>
      <c r="D39" s="65" t="s">
        <v>483</v>
      </c>
    </row>
    <row r="40" spans="1:4" ht="18" customHeight="1" x14ac:dyDescent="0.15">
      <c r="A40" s="8">
        <v>29</v>
      </c>
      <c r="B40" s="69" t="s">
        <v>483</v>
      </c>
      <c r="C40" s="64" t="s">
        <v>483</v>
      </c>
      <c r="D40" s="65" t="s">
        <v>483</v>
      </c>
    </row>
    <row r="41" spans="1:4" ht="18" customHeight="1" x14ac:dyDescent="0.15">
      <c r="A41" s="8" t="s">
        <v>73</v>
      </c>
      <c r="B41" s="69" t="s">
        <v>483</v>
      </c>
      <c r="C41" s="64" t="s">
        <v>483</v>
      </c>
      <c r="D41" s="65" t="s">
        <v>483</v>
      </c>
    </row>
    <row r="42" spans="1:4" ht="18" customHeight="1" x14ac:dyDescent="0.15">
      <c r="A42" s="8">
        <v>30</v>
      </c>
      <c r="B42" s="69" t="s">
        <v>483</v>
      </c>
      <c r="C42" s="64" t="s">
        <v>483</v>
      </c>
      <c r="D42" s="65" t="s">
        <v>483</v>
      </c>
    </row>
    <row r="43" spans="1:4" ht="18" customHeight="1" x14ac:dyDescent="0.15">
      <c r="A43" s="8">
        <v>31</v>
      </c>
      <c r="B43" s="69" t="s">
        <v>483</v>
      </c>
      <c r="C43" s="64" t="s">
        <v>483</v>
      </c>
      <c r="D43" s="65" t="s">
        <v>483</v>
      </c>
    </row>
    <row r="44" spans="1:4" ht="18" customHeight="1" x14ac:dyDescent="0.15">
      <c r="A44" s="8">
        <v>32</v>
      </c>
      <c r="B44" s="69" t="s">
        <v>483</v>
      </c>
      <c r="C44" s="64" t="s">
        <v>483</v>
      </c>
      <c r="D44" s="65" t="s">
        <v>483</v>
      </c>
    </row>
    <row r="45" spans="1:4" ht="18" customHeight="1" x14ac:dyDescent="0.15">
      <c r="A45" s="8">
        <v>33</v>
      </c>
      <c r="B45" s="69" t="s">
        <v>483</v>
      </c>
      <c r="C45" s="64" t="s">
        <v>483</v>
      </c>
      <c r="D45" s="65" t="s">
        <v>483</v>
      </c>
    </row>
    <row r="46" spans="1:4" ht="18" customHeight="1" x14ac:dyDescent="0.15">
      <c r="A46" s="8">
        <v>34</v>
      </c>
      <c r="B46" s="69" t="s">
        <v>483</v>
      </c>
      <c r="C46" s="64" t="s">
        <v>483</v>
      </c>
      <c r="D46" s="65" t="s">
        <v>483</v>
      </c>
    </row>
    <row r="47" spans="1:4" ht="18" customHeight="1" x14ac:dyDescent="0.15">
      <c r="A47" s="8" t="s">
        <v>61</v>
      </c>
      <c r="B47" s="69" t="s">
        <v>483</v>
      </c>
      <c r="C47" s="64" t="s">
        <v>483</v>
      </c>
      <c r="D47" s="65" t="s">
        <v>483</v>
      </c>
    </row>
    <row r="48" spans="1:4" ht="18" customHeight="1" x14ac:dyDescent="0.15">
      <c r="A48" s="8">
        <v>35</v>
      </c>
      <c r="B48" s="69" t="s">
        <v>483</v>
      </c>
      <c r="C48" s="64" t="s">
        <v>483</v>
      </c>
      <c r="D48" s="65" t="s">
        <v>483</v>
      </c>
    </row>
    <row r="49" spans="1:4" ht="18" customHeight="1" x14ac:dyDescent="0.15">
      <c r="A49" s="8">
        <v>36</v>
      </c>
      <c r="B49" s="69" t="s">
        <v>483</v>
      </c>
      <c r="C49" s="64" t="s">
        <v>483</v>
      </c>
      <c r="D49" s="65" t="s">
        <v>483</v>
      </c>
    </row>
    <row r="50" spans="1:4" ht="18" customHeight="1" x14ac:dyDescent="0.15">
      <c r="A50" s="8">
        <v>37</v>
      </c>
      <c r="B50" s="69" t="s">
        <v>483</v>
      </c>
      <c r="C50" s="64" t="s">
        <v>483</v>
      </c>
      <c r="D50" s="65" t="s">
        <v>483</v>
      </c>
    </row>
    <row r="51" spans="1:4" ht="18" customHeight="1" x14ac:dyDescent="0.15">
      <c r="A51" s="8">
        <v>38</v>
      </c>
      <c r="B51" s="69" t="s">
        <v>483</v>
      </c>
      <c r="C51" s="64" t="s">
        <v>483</v>
      </c>
      <c r="D51" s="65" t="s">
        <v>483</v>
      </c>
    </row>
    <row r="52" spans="1:4" ht="18" customHeight="1" x14ac:dyDescent="0.15">
      <c r="A52" s="8">
        <v>39</v>
      </c>
      <c r="B52" s="69" t="s">
        <v>483</v>
      </c>
      <c r="C52" s="64" t="s">
        <v>483</v>
      </c>
      <c r="D52" s="65" t="s">
        <v>483</v>
      </c>
    </row>
    <row r="53" spans="1:4" ht="18" customHeight="1" x14ac:dyDescent="0.15">
      <c r="A53" s="8" t="s">
        <v>72</v>
      </c>
      <c r="B53" s="69" t="s">
        <v>483</v>
      </c>
      <c r="C53" s="64" t="s">
        <v>483</v>
      </c>
      <c r="D53" s="65" t="s">
        <v>483</v>
      </c>
    </row>
    <row r="54" spans="1:4" ht="18" customHeight="1" x14ac:dyDescent="0.15">
      <c r="A54" s="8">
        <v>40</v>
      </c>
      <c r="B54" s="69" t="s">
        <v>483</v>
      </c>
      <c r="C54" s="64" t="s">
        <v>483</v>
      </c>
      <c r="D54" s="65" t="s">
        <v>483</v>
      </c>
    </row>
    <row r="55" spans="1:4" ht="18" customHeight="1" x14ac:dyDescent="0.15">
      <c r="A55" s="8">
        <v>41</v>
      </c>
      <c r="B55" s="69" t="s">
        <v>483</v>
      </c>
      <c r="C55" s="64" t="s">
        <v>483</v>
      </c>
      <c r="D55" s="65" t="s">
        <v>483</v>
      </c>
    </row>
    <row r="56" spans="1:4" ht="18" customHeight="1" x14ac:dyDescent="0.15">
      <c r="A56" s="8">
        <v>42</v>
      </c>
      <c r="B56" s="69" t="s">
        <v>483</v>
      </c>
      <c r="C56" s="64" t="s">
        <v>483</v>
      </c>
      <c r="D56" s="65" t="s">
        <v>483</v>
      </c>
    </row>
    <row r="57" spans="1:4" ht="18" customHeight="1" x14ac:dyDescent="0.15">
      <c r="A57" s="8">
        <v>43</v>
      </c>
      <c r="B57" s="69" t="s">
        <v>483</v>
      </c>
      <c r="C57" s="64" t="s">
        <v>483</v>
      </c>
      <c r="D57" s="65" t="s">
        <v>483</v>
      </c>
    </row>
    <row r="58" spans="1:4" ht="18" customHeight="1" x14ac:dyDescent="0.15">
      <c r="A58" s="8">
        <v>44</v>
      </c>
      <c r="B58" s="69" t="s">
        <v>483</v>
      </c>
      <c r="C58" s="64" t="s">
        <v>483</v>
      </c>
      <c r="D58" s="65" t="s">
        <v>483</v>
      </c>
    </row>
    <row r="59" spans="1:4" ht="18" customHeight="1" x14ac:dyDescent="0.15">
      <c r="A59" s="8" t="s">
        <v>46</v>
      </c>
      <c r="B59" s="69" t="s">
        <v>483</v>
      </c>
      <c r="C59" s="64" t="s">
        <v>483</v>
      </c>
      <c r="D59" s="65" t="s">
        <v>483</v>
      </c>
    </row>
    <row r="60" spans="1:4" ht="18" customHeight="1" x14ac:dyDescent="0.15">
      <c r="A60" s="8">
        <v>45</v>
      </c>
      <c r="B60" s="69" t="s">
        <v>483</v>
      </c>
      <c r="C60" s="64" t="s">
        <v>483</v>
      </c>
      <c r="D60" s="65" t="s">
        <v>483</v>
      </c>
    </row>
    <row r="61" spans="1:4" ht="18" customHeight="1" x14ac:dyDescent="0.15">
      <c r="A61" s="8">
        <v>46</v>
      </c>
      <c r="B61" s="69" t="s">
        <v>483</v>
      </c>
      <c r="C61" s="64" t="s">
        <v>483</v>
      </c>
      <c r="D61" s="65" t="s">
        <v>483</v>
      </c>
    </row>
    <row r="62" spans="1:4" ht="18" customHeight="1" x14ac:dyDescent="0.15">
      <c r="A62" s="8">
        <v>47</v>
      </c>
      <c r="B62" s="69" t="s">
        <v>483</v>
      </c>
      <c r="C62" s="64" t="s">
        <v>483</v>
      </c>
      <c r="D62" s="65" t="s">
        <v>483</v>
      </c>
    </row>
    <row r="63" spans="1:4" ht="18" customHeight="1" x14ac:dyDescent="0.15">
      <c r="A63" s="8">
        <v>48</v>
      </c>
      <c r="B63" s="69" t="s">
        <v>483</v>
      </c>
      <c r="C63" s="64" t="s">
        <v>483</v>
      </c>
      <c r="D63" s="65" t="s">
        <v>483</v>
      </c>
    </row>
    <row r="64" spans="1:4" ht="18" customHeight="1" x14ac:dyDescent="0.15">
      <c r="A64" s="8">
        <v>49</v>
      </c>
      <c r="B64" s="69" t="s">
        <v>483</v>
      </c>
      <c r="C64" s="64" t="s">
        <v>483</v>
      </c>
      <c r="D64" s="65" t="s">
        <v>483</v>
      </c>
    </row>
    <row r="65" spans="1:4" ht="18" customHeight="1" x14ac:dyDescent="0.15">
      <c r="A65" s="8" t="s">
        <v>45</v>
      </c>
      <c r="B65" s="69" t="s">
        <v>483</v>
      </c>
      <c r="C65" s="64" t="s">
        <v>483</v>
      </c>
      <c r="D65" s="65" t="s">
        <v>483</v>
      </c>
    </row>
    <row r="66" spans="1:4" ht="18" customHeight="1" x14ac:dyDescent="0.15">
      <c r="A66" s="8">
        <v>50</v>
      </c>
      <c r="B66" s="69" t="s">
        <v>483</v>
      </c>
      <c r="C66" s="64" t="s">
        <v>483</v>
      </c>
      <c r="D66" s="65" t="s">
        <v>483</v>
      </c>
    </row>
    <row r="67" spans="1:4" ht="18" customHeight="1" x14ac:dyDescent="0.15">
      <c r="A67" s="8">
        <v>51</v>
      </c>
      <c r="B67" s="69" t="s">
        <v>483</v>
      </c>
      <c r="C67" s="64" t="s">
        <v>483</v>
      </c>
      <c r="D67" s="65" t="s">
        <v>483</v>
      </c>
    </row>
    <row r="68" spans="1:4" ht="18" customHeight="1" x14ac:dyDescent="0.15">
      <c r="A68" s="8">
        <v>52</v>
      </c>
      <c r="B68" s="69" t="s">
        <v>483</v>
      </c>
      <c r="C68" s="64" t="s">
        <v>483</v>
      </c>
      <c r="D68" s="65" t="s">
        <v>483</v>
      </c>
    </row>
    <row r="69" spans="1:4" ht="18" customHeight="1" x14ac:dyDescent="0.15">
      <c r="A69" s="8">
        <v>53</v>
      </c>
      <c r="B69" s="69" t="s">
        <v>483</v>
      </c>
      <c r="C69" s="64" t="s">
        <v>483</v>
      </c>
      <c r="D69" s="65" t="s">
        <v>483</v>
      </c>
    </row>
    <row r="70" spans="1:4" ht="18" customHeight="1" x14ac:dyDescent="0.15">
      <c r="A70" s="8">
        <v>54</v>
      </c>
      <c r="B70" s="69" t="s">
        <v>483</v>
      </c>
      <c r="C70" s="64" t="s">
        <v>483</v>
      </c>
      <c r="D70" s="65" t="s">
        <v>483</v>
      </c>
    </row>
    <row r="71" spans="1:4" ht="18" customHeight="1" x14ac:dyDescent="0.15">
      <c r="A71" s="8" t="s">
        <v>58</v>
      </c>
      <c r="B71" s="69" t="s">
        <v>483</v>
      </c>
      <c r="C71" s="64" t="s">
        <v>483</v>
      </c>
      <c r="D71" s="65" t="s">
        <v>483</v>
      </c>
    </row>
    <row r="72" spans="1:4" ht="18" customHeight="1" x14ac:dyDescent="0.15">
      <c r="A72" s="8">
        <v>55</v>
      </c>
      <c r="B72" s="69" t="s">
        <v>483</v>
      </c>
      <c r="C72" s="64" t="s">
        <v>483</v>
      </c>
      <c r="D72" s="65" t="s">
        <v>483</v>
      </c>
    </row>
    <row r="73" spans="1:4" ht="18" customHeight="1" x14ac:dyDescent="0.15">
      <c r="A73" s="8">
        <v>56</v>
      </c>
      <c r="B73" s="69" t="s">
        <v>483</v>
      </c>
      <c r="C73" s="64" t="s">
        <v>483</v>
      </c>
      <c r="D73" s="65" t="s">
        <v>483</v>
      </c>
    </row>
    <row r="74" spans="1:4" ht="18" customHeight="1" x14ac:dyDescent="0.15">
      <c r="A74" s="8">
        <v>57</v>
      </c>
      <c r="B74" s="69" t="s">
        <v>483</v>
      </c>
      <c r="C74" s="64" t="s">
        <v>483</v>
      </c>
      <c r="D74" s="65" t="s">
        <v>483</v>
      </c>
    </row>
    <row r="75" spans="1:4" ht="18" customHeight="1" x14ac:dyDescent="0.15">
      <c r="A75" s="8">
        <v>58</v>
      </c>
      <c r="B75" s="69" t="s">
        <v>483</v>
      </c>
      <c r="C75" s="64" t="s">
        <v>483</v>
      </c>
      <c r="D75" s="65" t="s">
        <v>483</v>
      </c>
    </row>
    <row r="76" spans="1:4" ht="18" customHeight="1" x14ac:dyDescent="0.15">
      <c r="A76" s="8">
        <v>59</v>
      </c>
      <c r="B76" s="69" t="s">
        <v>483</v>
      </c>
      <c r="C76" s="64" t="s">
        <v>483</v>
      </c>
      <c r="D76" s="65" t="s">
        <v>483</v>
      </c>
    </row>
    <row r="77" spans="1:4" ht="18" customHeight="1" x14ac:dyDescent="0.15">
      <c r="A77" s="8" t="s">
        <v>71</v>
      </c>
      <c r="B77" s="69" t="s">
        <v>483</v>
      </c>
      <c r="C77" s="64" t="s">
        <v>483</v>
      </c>
      <c r="D77" s="65" t="s">
        <v>483</v>
      </c>
    </row>
    <row r="78" spans="1:4" ht="18" customHeight="1" x14ac:dyDescent="0.15">
      <c r="A78" s="8">
        <v>60</v>
      </c>
      <c r="B78" s="69" t="s">
        <v>483</v>
      </c>
      <c r="C78" s="64" t="s">
        <v>483</v>
      </c>
      <c r="D78" s="65" t="s">
        <v>483</v>
      </c>
    </row>
    <row r="79" spans="1:4" ht="18" customHeight="1" x14ac:dyDescent="0.15">
      <c r="A79" s="8">
        <v>61</v>
      </c>
      <c r="B79" s="69" t="s">
        <v>483</v>
      </c>
      <c r="C79" s="64" t="s">
        <v>483</v>
      </c>
      <c r="D79" s="65" t="s">
        <v>483</v>
      </c>
    </row>
    <row r="80" spans="1:4" ht="18" customHeight="1" x14ac:dyDescent="0.15">
      <c r="A80" s="8">
        <v>62</v>
      </c>
      <c r="B80" s="69" t="s">
        <v>483</v>
      </c>
      <c r="C80" s="64" t="s">
        <v>483</v>
      </c>
      <c r="D80" s="65" t="s">
        <v>483</v>
      </c>
    </row>
    <row r="81" spans="1:4" ht="18" customHeight="1" x14ac:dyDescent="0.15">
      <c r="A81" s="8">
        <v>63</v>
      </c>
      <c r="B81" s="69" t="s">
        <v>483</v>
      </c>
      <c r="C81" s="64" t="s">
        <v>483</v>
      </c>
      <c r="D81" s="65" t="s">
        <v>483</v>
      </c>
    </row>
    <row r="82" spans="1:4" ht="18" customHeight="1" x14ac:dyDescent="0.15">
      <c r="A82" s="8">
        <v>64</v>
      </c>
      <c r="B82" s="69" t="s">
        <v>483</v>
      </c>
      <c r="C82" s="64" t="s">
        <v>483</v>
      </c>
      <c r="D82" s="65" t="s">
        <v>483</v>
      </c>
    </row>
    <row r="83" spans="1:4" ht="18" customHeight="1" x14ac:dyDescent="0.15">
      <c r="A83" s="8" t="s">
        <v>44</v>
      </c>
      <c r="B83" s="69" t="s">
        <v>483</v>
      </c>
      <c r="C83" s="64" t="s">
        <v>483</v>
      </c>
      <c r="D83" s="65" t="s">
        <v>483</v>
      </c>
    </row>
    <row r="84" spans="1:4" ht="18" customHeight="1" x14ac:dyDescent="0.15">
      <c r="A84" s="8" t="s">
        <v>43</v>
      </c>
      <c r="B84" s="34">
        <v>37</v>
      </c>
      <c r="C84" s="13">
        <v>32</v>
      </c>
      <c r="D84" s="12">
        <v>69</v>
      </c>
    </row>
    <row r="85" spans="1:4" ht="18" customHeight="1" x14ac:dyDescent="0.15">
      <c r="A85" s="8">
        <v>65</v>
      </c>
      <c r="B85" s="69" t="s">
        <v>483</v>
      </c>
      <c r="C85" s="64" t="s">
        <v>483</v>
      </c>
      <c r="D85" s="65" t="s">
        <v>483</v>
      </c>
    </row>
    <row r="86" spans="1:4" ht="18" customHeight="1" x14ac:dyDescent="0.15">
      <c r="A86" s="8">
        <v>66</v>
      </c>
      <c r="B86" s="69" t="s">
        <v>483</v>
      </c>
      <c r="C86" s="64" t="s">
        <v>483</v>
      </c>
      <c r="D86" s="65" t="s">
        <v>483</v>
      </c>
    </row>
    <row r="87" spans="1:4" ht="18" customHeight="1" x14ac:dyDescent="0.15">
      <c r="A87" s="8">
        <v>67</v>
      </c>
      <c r="B87" s="69" t="s">
        <v>483</v>
      </c>
      <c r="C87" s="64" t="s">
        <v>483</v>
      </c>
      <c r="D87" s="65" t="s">
        <v>483</v>
      </c>
    </row>
    <row r="88" spans="1:4" ht="18" customHeight="1" x14ac:dyDescent="0.15">
      <c r="A88" s="8">
        <v>68</v>
      </c>
      <c r="B88" s="69" t="s">
        <v>483</v>
      </c>
      <c r="C88" s="64" t="s">
        <v>483</v>
      </c>
      <c r="D88" s="65" t="s">
        <v>483</v>
      </c>
    </row>
    <row r="89" spans="1:4" ht="18" customHeight="1" x14ac:dyDescent="0.15">
      <c r="A89" s="8">
        <v>69</v>
      </c>
      <c r="B89" s="69" t="s">
        <v>483</v>
      </c>
      <c r="C89" s="64" t="s">
        <v>483</v>
      </c>
      <c r="D89" s="65" t="s">
        <v>483</v>
      </c>
    </row>
    <row r="90" spans="1:4" ht="18" customHeight="1" x14ac:dyDescent="0.15">
      <c r="A90" s="8" t="s">
        <v>42</v>
      </c>
      <c r="B90" s="69" t="s">
        <v>483</v>
      </c>
      <c r="C90" s="64" t="s">
        <v>483</v>
      </c>
      <c r="D90" s="65" t="s">
        <v>483</v>
      </c>
    </row>
    <row r="91" spans="1:4" ht="18" customHeight="1" x14ac:dyDescent="0.15">
      <c r="A91" s="8">
        <v>70</v>
      </c>
      <c r="B91" s="69" t="s">
        <v>483</v>
      </c>
      <c r="C91" s="64" t="s">
        <v>483</v>
      </c>
      <c r="D91" s="65" t="s">
        <v>483</v>
      </c>
    </row>
    <row r="92" spans="1:4" ht="18" customHeight="1" x14ac:dyDescent="0.15">
      <c r="A92" s="8">
        <v>71</v>
      </c>
      <c r="B92" s="69" t="s">
        <v>483</v>
      </c>
      <c r="C92" s="64" t="s">
        <v>483</v>
      </c>
      <c r="D92" s="65" t="s">
        <v>483</v>
      </c>
    </row>
    <row r="93" spans="1:4" ht="18" customHeight="1" x14ac:dyDescent="0.15">
      <c r="A93" s="8">
        <v>72</v>
      </c>
      <c r="B93" s="69" t="s">
        <v>483</v>
      </c>
      <c r="C93" s="64" t="s">
        <v>483</v>
      </c>
      <c r="D93" s="65" t="s">
        <v>483</v>
      </c>
    </row>
    <row r="94" spans="1:4" ht="18" customHeight="1" x14ac:dyDescent="0.15">
      <c r="A94" s="8">
        <v>73</v>
      </c>
      <c r="B94" s="69" t="s">
        <v>483</v>
      </c>
      <c r="C94" s="64" t="s">
        <v>483</v>
      </c>
      <c r="D94" s="65" t="s">
        <v>483</v>
      </c>
    </row>
    <row r="95" spans="1:4" ht="18" customHeight="1" x14ac:dyDescent="0.15">
      <c r="A95" s="8">
        <v>74</v>
      </c>
      <c r="B95" s="69" t="s">
        <v>483</v>
      </c>
      <c r="C95" s="64" t="s">
        <v>483</v>
      </c>
      <c r="D95" s="65" t="s">
        <v>483</v>
      </c>
    </row>
    <row r="96" spans="1:4" ht="18" customHeight="1" x14ac:dyDescent="0.15">
      <c r="A96" s="8" t="s">
        <v>41</v>
      </c>
      <c r="B96" s="69" t="s">
        <v>483</v>
      </c>
      <c r="C96" s="64" t="s">
        <v>483</v>
      </c>
      <c r="D96" s="65" t="s">
        <v>483</v>
      </c>
    </row>
    <row r="97" spans="1:4" ht="18" customHeight="1" x14ac:dyDescent="0.15">
      <c r="A97" s="8">
        <v>75</v>
      </c>
      <c r="B97" s="69" t="s">
        <v>483</v>
      </c>
      <c r="C97" s="64" t="s">
        <v>483</v>
      </c>
      <c r="D97" s="65" t="s">
        <v>483</v>
      </c>
    </row>
    <row r="98" spans="1:4" ht="18" customHeight="1" x14ac:dyDescent="0.15">
      <c r="A98" s="8">
        <v>76</v>
      </c>
      <c r="B98" s="69" t="s">
        <v>483</v>
      </c>
      <c r="C98" s="64" t="s">
        <v>483</v>
      </c>
      <c r="D98" s="65" t="s">
        <v>483</v>
      </c>
    </row>
    <row r="99" spans="1:4" ht="18" customHeight="1" x14ac:dyDescent="0.15">
      <c r="A99" s="8">
        <v>77</v>
      </c>
      <c r="B99" s="69" t="s">
        <v>483</v>
      </c>
      <c r="C99" s="64" t="s">
        <v>483</v>
      </c>
      <c r="D99" s="65" t="s">
        <v>483</v>
      </c>
    </row>
    <row r="100" spans="1:4" ht="18" customHeight="1" x14ac:dyDescent="0.15">
      <c r="A100" s="8">
        <v>78</v>
      </c>
      <c r="B100" s="69" t="s">
        <v>483</v>
      </c>
      <c r="C100" s="64" t="s">
        <v>483</v>
      </c>
      <c r="D100" s="65" t="s">
        <v>483</v>
      </c>
    </row>
    <row r="101" spans="1:4" ht="18" customHeight="1" x14ac:dyDescent="0.15">
      <c r="A101" s="8">
        <v>79</v>
      </c>
      <c r="B101" s="69" t="s">
        <v>483</v>
      </c>
      <c r="C101" s="64" t="s">
        <v>483</v>
      </c>
      <c r="D101" s="65" t="s">
        <v>483</v>
      </c>
    </row>
    <row r="102" spans="1:4" ht="18" customHeight="1" x14ac:dyDescent="0.15">
      <c r="A102" s="8" t="s">
        <v>70</v>
      </c>
      <c r="B102" s="69" t="s">
        <v>483</v>
      </c>
      <c r="C102" s="64" t="s">
        <v>483</v>
      </c>
      <c r="D102" s="65" t="s">
        <v>483</v>
      </c>
    </row>
    <row r="103" spans="1:4" ht="18" customHeight="1" x14ac:dyDescent="0.15">
      <c r="A103" s="8">
        <v>80</v>
      </c>
      <c r="B103" s="69" t="s">
        <v>483</v>
      </c>
      <c r="C103" s="64" t="s">
        <v>483</v>
      </c>
      <c r="D103" s="65" t="s">
        <v>483</v>
      </c>
    </row>
    <row r="104" spans="1:4" ht="18" customHeight="1" x14ac:dyDescent="0.15">
      <c r="A104" s="8">
        <v>81</v>
      </c>
      <c r="B104" s="69" t="s">
        <v>483</v>
      </c>
      <c r="C104" s="64" t="s">
        <v>483</v>
      </c>
      <c r="D104" s="65" t="s">
        <v>483</v>
      </c>
    </row>
    <row r="105" spans="1:4" ht="18" customHeight="1" x14ac:dyDescent="0.15">
      <c r="A105" s="8">
        <v>82</v>
      </c>
      <c r="B105" s="69" t="s">
        <v>483</v>
      </c>
      <c r="C105" s="64" t="s">
        <v>483</v>
      </c>
      <c r="D105" s="65" t="s">
        <v>483</v>
      </c>
    </row>
    <row r="106" spans="1:4" ht="18" customHeight="1" x14ac:dyDescent="0.15">
      <c r="A106" s="8">
        <v>83</v>
      </c>
      <c r="B106" s="69" t="s">
        <v>483</v>
      </c>
      <c r="C106" s="64" t="s">
        <v>483</v>
      </c>
      <c r="D106" s="65" t="s">
        <v>483</v>
      </c>
    </row>
    <row r="107" spans="1:4" ht="18" customHeight="1" x14ac:dyDescent="0.15">
      <c r="A107" s="8">
        <v>84</v>
      </c>
      <c r="B107" s="69" t="s">
        <v>483</v>
      </c>
      <c r="C107" s="64" t="s">
        <v>483</v>
      </c>
      <c r="D107" s="65" t="s">
        <v>483</v>
      </c>
    </row>
    <row r="108" spans="1:4" ht="18" customHeight="1" x14ac:dyDescent="0.15">
      <c r="A108" s="8" t="s">
        <v>39</v>
      </c>
      <c r="B108" s="69" t="s">
        <v>483</v>
      </c>
      <c r="C108" s="64" t="s">
        <v>483</v>
      </c>
      <c r="D108" s="65" t="s">
        <v>483</v>
      </c>
    </row>
    <row r="109" spans="1:4" ht="18" customHeight="1" x14ac:dyDescent="0.15">
      <c r="A109" s="8">
        <v>85</v>
      </c>
      <c r="B109" s="69" t="s">
        <v>483</v>
      </c>
      <c r="C109" s="64" t="s">
        <v>483</v>
      </c>
      <c r="D109" s="65" t="s">
        <v>483</v>
      </c>
    </row>
    <row r="110" spans="1:4" ht="18" customHeight="1" x14ac:dyDescent="0.15">
      <c r="A110" s="8">
        <v>86</v>
      </c>
      <c r="B110" s="69" t="s">
        <v>483</v>
      </c>
      <c r="C110" s="64" t="s">
        <v>483</v>
      </c>
      <c r="D110" s="65" t="s">
        <v>483</v>
      </c>
    </row>
    <row r="111" spans="1:4" ht="18" customHeight="1" x14ac:dyDescent="0.15">
      <c r="A111" s="8">
        <v>87</v>
      </c>
      <c r="B111" s="69" t="s">
        <v>483</v>
      </c>
      <c r="C111" s="64" t="s">
        <v>483</v>
      </c>
      <c r="D111" s="65" t="s">
        <v>483</v>
      </c>
    </row>
    <row r="112" spans="1:4" ht="18" customHeight="1" x14ac:dyDescent="0.15">
      <c r="A112" s="8">
        <v>88</v>
      </c>
      <c r="B112" s="69" t="s">
        <v>483</v>
      </c>
      <c r="C112" s="64" t="s">
        <v>483</v>
      </c>
      <c r="D112" s="65" t="s">
        <v>483</v>
      </c>
    </row>
    <row r="113" spans="1:4" ht="18" customHeight="1" x14ac:dyDescent="0.15">
      <c r="A113" s="8">
        <v>89</v>
      </c>
      <c r="B113" s="69" t="s">
        <v>483</v>
      </c>
      <c r="C113" s="64" t="s">
        <v>483</v>
      </c>
      <c r="D113" s="65" t="s">
        <v>483</v>
      </c>
    </row>
    <row r="114" spans="1:4" ht="18" customHeight="1" x14ac:dyDescent="0.15">
      <c r="A114" s="8" t="s">
        <v>38</v>
      </c>
      <c r="B114" s="69" t="s">
        <v>483</v>
      </c>
      <c r="C114" s="64" t="s">
        <v>483</v>
      </c>
      <c r="D114" s="65" t="s">
        <v>483</v>
      </c>
    </row>
    <row r="115" spans="1:4" ht="18" customHeight="1" x14ac:dyDescent="0.15">
      <c r="A115" s="8">
        <v>90</v>
      </c>
      <c r="B115" s="69" t="s">
        <v>483</v>
      </c>
      <c r="C115" s="64" t="s">
        <v>483</v>
      </c>
      <c r="D115" s="65" t="s">
        <v>483</v>
      </c>
    </row>
    <row r="116" spans="1:4" ht="18" customHeight="1" x14ac:dyDescent="0.15">
      <c r="A116" s="8">
        <v>91</v>
      </c>
      <c r="B116" s="69" t="s">
        <v>483</v>
      </c>
      <c r="C116" s="64" t="s">
        <v>483</v>
      </c>
      <c r="D116" s="65" t="s">
        <v>483</v>
      </c>
    </row>
    <row r="117" spans="1:4" ht="18" customHeight="1" x14ac:dyDescent="0.15">
      <c r="A117" s="8">
        <v>92</v>
      </c>
      <c r="B117" s="69" t="s">
        <v>483</v>
      </c>
      <c r="C117" s="64" t="s">
        <v>483</v>
      </c>
      <c r="D117" s="65" t="s">
        <v>483</v>
      </c>
    </row>
    <row r="118" spans="1:4" ht="18" customHeight="1" x14ac:dyDescent="0.15">
      <c r="A118" s="8">
        <v>93</v>
      </c>
      <c r="B118" s="69" t="s">
        <v>483</v>
      </c>
      <c r="C118" s="64" t="s">
        <v>483</v>
      </c>
      <c r="D118" s="65" t="s">
        <v>483</v>
      </c>
    </row>
    <row r="119" spans="1:4" ht="18" customHeight="1" x14ac:dyDescent="0.15">
      <c r="A119" s="8">
        <v>94</v>
      </c>
      <c r="B119" s="69" t="s">
        <v>483</v>
      </c>
      <c r="C119" s="64" t="s">
        <v>483</v>
      </c>
      <c r="D119" s="65" t="s">
        <v>483</v>
      </c>
    </row>
    <row r="120" spans="1:4" ht="18" customHeight="1" x14ac:dyDescent="0.15">
      <c r="A120" s="8" t="s">
        <v>69</v>
      </c>
      <c r="B120" s="69" t="s">
        <v>483</v>
      </c>
      <c r="C120" s="64" t="s">
        <v>483</v>
      </c>
      <c r="D120" s="65" t="s">
        <v>483</v>
      </c>
    </row>
    <row r="121" spans="1:4" ht="18" customHeight="1" x14ac:dyDescent="0.15">
      <c r="A121" s="8">
        <v>95</v>
      </c>
      <c r="B121" s="69" t="s">
        <v>483</v>
      </c>
      <c r="C121" s="64" t="s">
        <v>483</v>
      </c>
      <c r="D121" s="65" t="s">
        <v>483</v>
      </c>
    </row>
    <row r="122" spans="1:4" ht="18" customHeight="1" x14ac:dyDescent="0.15">
      <c r="A122" s="8">
        <v>96</v>
      </c>
      <c r="B122" s="69" t="s">
        <v>483</v>
      </c>
      <c r="C122" s="64" t="s">
        <v>483</v>
      </c>
      <c r="D122" s="65" t="s">
        <v>483</v>
      </c>
    </row>
    <row r="123" spans="1:4" ht="18" customHeight="1" x14ac:dyDescent="0.15">
      <c r="A123" s="8">
        <v>97</v>
      </c>
      <c r="B123" s="69" t="s">
        <v>483</v>
      </c>
      <c r="C123" s="64" t="s">
        <v>483</v>
      </c>
      <c r="D123" s="65" t="s">
        <v>483</v>
      </c>
    </row>
    <row r="124" spans="1:4" ht="18" customHeight="1" x14ac:dyDescent="0.15">
      <c r="A124" s="8">
        <v>98</v>
      </c>
      <c r="B124" s="69" t="s">
        <v>483</v>
      </c>
      <c r="C124" s="64" t="s">
        <v>483</v>
      </c>
      <c r="D124" s="65" t="s">
        <v>483</v>
      </c>
    </row>
    <row r="125" spans="1:4" ht="18" customHeight="1" x14ac:dyDescent="0.15">
      <c r="A125" s="8">
        <v>99</v>
      </c>
      <c r="B125" s="69" t="s">
        <v>483</v>
      </c>
      <c r="C125" s="64" t="s">
        <v>483</v>
      </c>
      <c r="D125" s="65" t="s">
        <v>483</v>
      </c>
    </row>
    <row r="126" spans="1:4" ht="18" customHeight="1" x14ac:dyDescent="0.15">
      <c r="A126" s="8" t="s">
        <v>375</v>
      </c>
      <c r="B126" s="69" t="s">
        <v>483</v>
      </c>
      <c r="C126" s="64" t="s">
        <v>483</v>
      </c>
      <c r="D126" s="65" t="s">
        <v>483</v>
      </c>
    </row>
    <row r="127" spans="1:4" ht="18" customHeight="1" x14ac:dyDescent="0.15">
      <c r="A127" s="8">
        <v>100</v>
      </c>
      <c r="B127" s="69" t="s">
        <v>483</v>
      </c>
      <c r="C127" s="64" t="s">
        <v>483</v>
      </c>
      <c r="D127" s="65" t="s">
        <v>483</v>
      </c>
    </row>
    <row r="128" spans="1:4" ht="18" customHeight="1" x14ac:dyDescent="0.15">
      <c r="A128" s="15" t="s">
        <v>37</v>
      </c>
      <c r="B128" s="69" t="s">
        <v>483</v>
      </c>
      <c r="C128" s="64" t="s">
        <v>483</v>
      </c>
      <c r="D128" s="65" t="s">
        <v>483</v>
      </c>
    </row>
    <row r="129" spans="1:4" ht="18" customHeight="1" x14ac:dyDescent="0.15">
      <c r="A129" s="8" t="s">
        <v>36</v>
      </c>
      <c r="B129" s="69" t="s">
        <v>483</v>
      </c>
      <c r="C129" s="64" t="s">
        <v>483</v>
      </c>
      <c r="D129" s="65" t="s">
        <v>483</v>
      </c>
    </row>
    <row r="130" spans="1:4" ht="18" customHeight="1" x14ac:dyDescent="0.15">
      <c r="A130" s="8" t="s">
        <v>35</v>
      </c>
      <c r="B130" s="28">
        <v>39</v>
      </c>
      <c r="C130" s="6">
        <v>37</v>
      </c>
      <c r="D130" s="5">
        <v>76</v>
      </c>
    </row>
    <row r="131" spans="1:4" ht="18" customHeight="1" x14ac:dyDescent="0.15">
      <c r="A131" s="4" t="s">
        <v>0</v>
      </c>
      <c r="B131" s="27">
        <v>82</v>
      </c>
      <c r="C131" s="2">
        <v>78</v>
      </c>
      <c r="D131" s="1">
        <v>16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77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1</v>
      </c>
      <c r="D5" s="43">
        <v>1</v>
      </c>
    </row>
    <row r="6" spans="1:4" ht="18" customHeight="1" x14ac:dyDescent="0.15">
      <c r="A6" s="8">
        <v>1</v>
      </c>
      <c r="B6" s="39">
        <v>0</v>
      </c>
      <c r="C6" s="13">
        <v>0</v>
      </c>
      <c r="D6" s="12">
        <v>0</v>
      </c>
    </row>
    <row r="7" spans="1:4" ht="18" customHeight="1" x14ac:dyDescent="0.15">
      <c r="A7" s="8">
        <v>2</v>
      </c>
      <c r="B7" s="39">
        <v>1</v>
      </c>
      <c r="C7" s="13">
        <v>0</v>
      </c>
      <c r="D7" s="12">
        <v>1</v>
      </c>
    </row>
    <row r="8" spans="1:4" ht="18" customHeight="1" x14ac:dyDescent="0.15">
      <c r="A8" s="8">
        <v>3</v>
      </c>
      <c r="B8" s="39">
        <v>0</v>
      </c>
      <c r="C8" s="13">
        <v>1</v>
      </c>
      <c r="D8" s="12">
        <v>1</v>
      </c>
    </row>
    <row r="9" spans="1:4" ht="18" customHeight="1" x14ac:dyDescent="0.15">
      <c r="A9" s="8">
        <v>4</v>
      </c>
      <c r="B9" s="42">
        <v>0</v>
      </c>
      <c r="C9" s="41">
        <v>0</v>
      </c>
      <c r="D9" s="40">
        <v>0</v>
      </c>
    </row>
    <row r="10" spans="1:4" ht="18" customHeight="1" x14ac:dyDescent="0.15">
      <c r="A10" s="8" t="s">
        <v>76</v>
      </c>
      <c r="B10" s="34">
        <v>1</v>
      </c>
      <c r="C10" s="13">
        <v>2</v>
      </c>
      <c r="D10" s="12">
        <v>3</v>
      </c>
    </row>
    <row r="11" spans="1:4" ht="18" customHeight="1" x14ac:dyDescent="0.15">
      <c r="A11" s="8">
        <v>5</v>
      </c>
      <c r="B11" s="39">
        <v>1</v>
      </c>
      <c r="C11" s="13">
        <v>1</v>
      </c>
      <c r="D11" s="12">
        <v>2</v>
      </c>
    </row>
    <row r="12" spans="1:4" ht="18" customHeight="1" x14ac:dyDescent="0.15">
      <c r="A12" s="8">
        <v>6</v>
      </c>
      <c r="B12" s="39">
        <v>1</v>
      </c>
      <c r="C12" s="13">
        <v>0</v>
      </c>
      <c r="D12" s="12">
        <v>1</v>
      </c>
    </row>
    <row r="13" spans="1:4" ht="18" customHeight="1" x14ac:dyDescent="0.15">
      <c r="A13" s="8">
        <v>7</v>
      </c>
      <c r="B13" s="39">
        <v>0</v>
      </c>
      <c r="C13" s="13">
        <v>0</v>
      </c>
      <c r="D13" s="12">
        <v>0</v>
      </c>
    </row>
    <row r="14" spans="1:4" ht="18" customHeight="1" x14ac:dyDescent="0.15">
      <c r="A14" s="8">
        <v>8</v>
      </c>
      <c r="B14" s="39">
        <v>2</v>
      </c>
      <c r="C14" s="13">
        <v>1</v>
      </c>
      <c r="D14" s="12">
        <v>3</v>
      </c>
    </row>
    <row r="15" spans="1:4" ht="18" customHeight="1" x14ac:dyDescent="0.15">
      <c r="A15" s="8">
        <v>9</v>
      </c>
      <c r="B15" s="39">
        <v>0</v>
      </c>
      <c r="C15" s="13">
        <v>0</v>
      </c>
      <c r="D15" s="12">
        <v>0</v>
      </c>
    </row>
    <row r="16" spans="1:4" ht="18" customHeight="1" x14ac:dyDescent="0.15">
      <c r="A16" s="8" t="s">
        <v>50</v>
      </c>
      <c r="B16" s="34">
        <v>4</v>
      </c>
      <c r="C16" s="13">
        <v>2</v>
      </c>
      <c r="D16" s="12">
        <v>6</v>
      </c>
    </row>
    <row r="17" spans="1:4" ht="18" customHeight="1" x14ac:dyDescent="0.15">
      <c r="A17" s="8">
        <v>10</v>
      </c>
      <c r="B17" s="34">
        <v>2</v>
      </c>
      <c r="C17" s="13">
        <v>0</v>
      </c>
      <c r="D17" s="12">
        <v>2</v>
      </c>
    </row>
    <row r="18" spans="1:4" ht="18" customHeight="1" x14ac:dyDescent="0.15">
      <c r="A18" s="8">
        <v>11</v>
      </c>
      <c r="B18" s="34">
        <v>1</v>
      </c>
      <c r="C18" s="13">
        <v>1</v>
      </c>
      <c r="D18" s="12">
        <v>2</v>
      </c>
    </row>
    <row r="19" spans="1:4" ht="18" customHeight="1" x14ac:dyDescent="0.15">
      <c r="A19" s="8">
        <v>12</v>
      </c>
      <c r="B19" s="34">
        <v>2</v>
      </c>
      <c r="C19" s="13">
        <v>0</v>
      </c>
      <c r="D19" s="12">
        <v>2</v>
      </c>
    </row>
    <row r="20" spans="1:4" ht="18" customHeight="1" x14ac:dyDescent="0.15">
      <c r="A20" s="8">
        <v>13</v>
      </c>
      <c r="B20" s="34">
        <v>0</v>
      </c>
      <c r="C20" s="13">
        <v>1</v>
      </c>
      <c r="D20" s="12">
        <v>1</v>
      </c>
    </row>
    <row r="21" spans="1:4" ht="18" customHeight="1" x14ac:dyDescent="0.15">
      <c r="A21" s="8">
        <v>14</v>
      </c>
      <c r="B21" s="34">
        <v>1</v>
      </c>
      <c r="C21" s="13">
        <v>1</v>
      </c>
      <c r="D21" s="12">
        <v>2</v>
      </c>
    </row>
    <row r="22" spans="1:4" ht="18" customHeight="1" x14ac:dyDescent="0.15">
      <c r="A22" s="8" t="s">
        <v>75</v>
      </c>
      <c r="B22" s="34">
        <v>6</v>
      </c>
      <c r="C22" s="13">
        <v>3</v>
      </c>
      <c r="D22" s="12">
        <v>9</v>
      </c>
    </row>
    <row r="23" spans="1:4" ht="18" customHeight="1" x14ac:dyDescent="0.15">
      <c r="A23" s="8" t="s">
        <v>65</v>
      </c>
      <c r="B23" s="34">
        <v>11</v>
      </c>
      <c r="C23" s="13">
        <v>7</v>
      </c>
      <c r="D23" s="12">
        <v>18</v>
      </c>
    </row>
    <row r="24" spans="1:4" ht="18" customHeight="1" x14ac:dyDescent="0.15">
      <c r="A24" s="8">
        <v>15</v>
      </c>
      <c r="B24" s="34">
        <v>2</v>
      </c>
      <c r="C24" s="13">
        <v>0</v>
      </c>
      <c r="D24" s="12">
        <v>2</v>
      </c>
    </row>
    <row r="25" spans="1:4" ht="18" customHeight="1" x14ac:dyDescent="0.15">
      <c r="A25" s="8">
        <v>16</v>
      </c>
      <c r="B25" s="34">
        <v>1</v>
      </c>
      <c r="C25" s="13">
        <v>2</v>
      </c>
      <c r="D25" s="12">
        <v>3</v>
      </c>
    </row>
    <row r="26" spans="1:4" ht="18" customHeight="1" x14ac:dyDescent="0.15">
      <c r="A26" s="8">
        <v>17</v>
      </c>
      <c r="B26" s="34">
        <v>1</v>
      </c>
      <c r="C26" s="13">
        <v>1</v>
      </c>
      <c r="D26" s="12">
        <v>2</v>
      </c>
    </row>
    <row r="27" spans="1:4" ht="18" customHeight="1" x14ac:dyDescent="0.15">
      <c r="A27" s="8">
        <v>18</v>
      </c>
      <c r="B27" s="34">
        <v>0</v>
      </c>
      <c r="C27" s="13">
        <v>1</v>
      </c>
      <c r="D27" s="12">
        <v>1</v>
      </c>
    </row>
    <row r="28" spans="1:4" ht="18" customHeight="1" x14ac:dyDescent="0.15">
      <c r="A28" s="8">
        <v>19</v>
      </c>
      <c r="B28" s="34">
        <v>2</v>
      </c>
      <c r="C28" s="13">
        <v>1</v>
      </c>
      <c r="D28" s="12">
        <v>3</v>
      </c>
    </row>
    <row r="29" spans="1:4" ht="18" customHeight="1" x14ac:dyDescent="0.15">
      <c r="A29" s="8" t="s">
        <v>48</v>
      </c>
      <c r="B29" s="34">
        <v>6</v>
      </c>
      <c r="C29" s="13">
        <v>5</v>
      </c>
      <c r="D29" s="12">
        <v>11</v>
      </c>
    </row>
    <row r="30" spans="1:4" ht="18" customHeight="1" x14ac:dyDescent="0.15">
      <c r="A30" s="8">
        <v>20</v>
      </c>
      <c r="B30" s="34">
        <v>2</v>
      </c>
      <c r="C30" s="13">
        <v>1</v>
      </c>
      <c r="D30" s="12">
        <v>3</v>
      </c>
    </row>
    <row r="31" spans="1:4" ht="18" customHeight="1" x14ac:dyDescent="0.15">
      <c r="A31" s="8">
        <v>21</v>
      </c>
      <c r="B31" s="34">
        <v>3</v>
      </c>
      <c r="C31" s="13">
        <v>1</v>
      </c>
      <c r="D31" s="12">
        <v>4</v>
      </c>
    </row>
    <row r="32" spans="1:4" ht="18" customHeight="1" x14ac:dyDescent="0.15">
      <c r="A32" s="8">
        <v>22</v>
      </c>
      <c r="B32" s="34">
        <v>0</v>
      </c>
      <c r="C32" s="13">
        <v>0</v>
      </c>
      <c r="D32" s="12">
        <v>0</v>
      </c>
    </row>
    <row r="33" spans="1:4" ht="18" customHeight="1" x14ac:dyDescent="0.15">
      <c r="A33" s="8">
        <v>23</v>
      </c>
      <c r="B33" s="34">
        <v>1</v>
      </c>
      <c r="C33" s="13">
        <v>1</v>
      </c>
      <c r="D33" s="12">
        <v>2</v>
      </c>
    </row>
    <row r="34" spans="1:4" ht="18" customHeight="1" x14ac:dyDescent="0.15">
      <c r="A34" s="8">
        <v>24</v>
      </c>
      <c r="B34" s="34">
        <v>1</v>
      </c>
      <c r="C34" s="13">
        <v>0</v>
      </c>
      <c r="D34" s="12">
        <v>1</v>
      </c>
    </row>
    <row r="35" spans="1:4" ht="18" customHeight="1" x14ac:dyDescent="0.15">
      <c r="A35" s="8" t="s">
        <v>74</v>
      </c>
      <c r="B35" s="34">
        <v>7</v>
      </c>
      <c r="C35" s="13">
        <v>3</v>
      </c>
      <c r="D35" s="12">
        <v>10</v>
      </c>
    </row>
    <row r="36" spans="1:4" ht="18" customHeight="1" x14ac:dyDescent="0.15">
      <c r="A36" s="8">
        <v>25</v>
      </c>
      <c r="B36" s="34">
        <v>0</v>
      </c>
      <c r="C36" s="13">
        <v>0</v>
      </c>
      <c r="D36" s="12">
        <v>0</v>
      </c>
    </row>
    <row r="37" spans="1:4" ht="18" customHeight="1" x14ac:dyDescent="0.15">
      <c r="A37" s="8">
        <v>26</v>
      </c>
      <c r="B37" s="34">
        <v>0</v>
      </c>
      <c r="C37" s="13">
        <v>0</v>
      </c>
      <c r="D37" s="12">
        <v>0</v>
      </c>
    </row>
    <row r="38" spans="1:4" ht="18" customHeight="1" x14ac:dyDescent="0.15">
      <c r="A38" s="8">
        <v>27</v>
      </c>
      <c r="B38" s="34">
        <v>0</v>
      </c>
      <c r="C38" s="13">
        <v>1</v>
      </c>
      <c r="D38" s="12">
        <v>1</v>
      </c>
    </row>
    <row r="39" spans="1:4" ht="18" customHeight="1" x14ac:dyDescent="0.15">
      <c r="A39" s="8">
        <v>28</v>
      </c>
      <c r="B39" s="34">
        <v>0</v>
      </c>
      <c r="C39" s="13">
        <v>0</v>
      </c>
      <c r="D39" s="12">
        <v>0</v>
      </c>
    </row>
    <row r="40" spans="1:4" ht="18" customHeight="1" x14ac:dyDescent="0.15">
      <c r="A40" s="8">
        <v>29</v>
      </c>
      <c r="B40" s="34">
        <v>1</v>
      </c>
      <c r="C40" s="13">
        <v>1</v>
      </c>
      <c r="D40" s="12">
        <v>2</v>
      </c>
    </row>
    <row r="41" spans="1:4" ht="18" customHeight="1" x14ac:dyDescent="0.15">
      <c r="A41" s="8" t="s">
        <v>73</v>
      </c>
      <c r="B41" s="34">
        <v>1</v>
      </c>
      <c r="C41" s="13">
        <v>2</v>
      </c>
      <c r="D41" s="12">
        <v>3</v>
      </c>
    </row>
    <row r="42" spans="1:4" ht="18" customHeight="1" x14ac:dyDescent="0.15">
      <c r="A42" s="8">
        <v>30</v>
      </c>
      <c r="B42" s="34">
        <v>0</v>
      </c>
      <c r="C42" s="13">
        <v>0</v>
      </c>
      <c r="D42" s="12">
        <v>0</v>
      </c>
    </row>
    <row r="43" spans="1:4" ht="18" customHeight="1" x14ac:dyDescent="0.15">
      <c r="A43" s="8">
        <v>31</v>
      </c>
      <c r="B43" s="34">
        <v>1</v>
      </c>
      <c r="C43" s="13">
        <v>0</v>
      </c>
      <c r="D43" s="12">
        <v>1</v>
      </c>
    </row>
    <row r="44" spans="1:4" ht="18" customHeight="1" x14ac:dyDescent="0.15">
      <c r="A44" s="8">
        <v>32</v>
      </c>
      <c r="B44" s="34">
        <v>4</v>
      </c>
      <c r="C44" s="13">
        <v>1</v>
      </c>
      <c r="D44" s="12">
        <v>5</v>
      </c>
    </row>
    <row r="45" spans="1:4" ht="18" customHeight="1" x14ac:dyDescent="0.15">
      <c r="A45" s="8">
        <v>33</v>
      </c>
      <c r="B45" s="34">
        <v>0</v>
      </c>
      <c r="C45" s="13">
        <v>1</v>
      </c>
      <c r="D45" s="12">
        <v>1</v>
      </c>
    </row>
    <row r="46" spans="1:4" ht="18" customHeight="1" x14ac:dyDescent="0.15">
      <c r="A46" s="8">
        <v>34</v>
      </c>
      <c r="B46" s="34">
        <v>0</v>
      </c>
      <c r="C46" s="13">
        <v>0</v>
      </c>
      <c r="D46" s="12">
        <v>0</v>
      </c>
    </row>
    <row r="47" spans="1:4" ht="18" customHeight="1" x14ac:dyDescent="0.15">
      <c r="A47" s="8" t="s">
        <v>61</v>
      </c>
      <c r="B47" s="34">
        <v>5</v>
      </c>
      <c r="C47" s="13">
        <v>2</v>
      </c>
      <c r="D47" s="12">
        <v>7</v>
      </c>
    </row>
    <row r="48" spans="1:4" ht="18" customHeight="1" x14ac:dyDescent="0.15">
      <c r="A48" s="8">
        <v>35</v>
      </c>
      <c r="B48" s="34">
        <v>2</v>
      </c>
      <c r="C48" s="13">
        <v>1</v>
      </c>
      <c r="D48" s="12">
        <v>3</v>
      </c>
    </row>
    <row r="49" spans="1:4" ht="18" customHeight="1" x14ac:dyDescent="0.15">
      <c r="A49" s="8">
        <v>36</v>
      </c>
      <c r="B49" s="34">
        <v>1</v>
      </c>
      <c r="C49" s="13">
        <v>0</v>
      </c>
      <c r="D49" s="12">
        <v>1</v>
      </c>
    </row>
    <row r="50" spans="1:4" ht="18" customHeight="1" x14ac:dyDescent="0.15">
      <c r="A50" s="8">
        <v>37</v>
      </c>
      <c r="B50" s="34">
        <v>1</v>
      </c>
      <c r="C50" s="13">
        <v>1</v>
      </c>
      <c r="D50" s="12">
        <v>2</v>
      </c>
    </row>
    <row r="51" spans="1:4" ht="18" customHeight="1" x14ac:dyDescent="0.15">
      <c r="A51" s="8">
        <v>38</v>
      </c>
      <c r="B51" s="34">
        <v>1</v>
      </c>
      <c r="C51" s="13">
        <v>1</v>
      </c>
      <c r="D51" s="12">
        <v>2</v>
      </c>
    </row>
    <row r="52" spans="1:4" ht="18" customHeight="1" x14ac:dyDescent="0.15">
      <c r="A52" s="8">
        <v>39</v>
      </c>
      <c r="B52" s="34">
        <v>1</v>
      </c>
      <c r="C52" s="13">
        <v>1</v>
      </c>
      <c r="D52" s="12">
        <v>2</v>
      </c>
    </row>
    <row r="53" spans="1:4" ht="18" customHeight="1" x14ac:dyDescent="0.15">
      <c r="A53" s="8" t="s">
        <v>72</v>
      </c>
      <c r="B53" s="34">
        <v>6</v>
      </c>
      <c r="C53" s="13">
        <v>4</v>
      </c>
      <c r="D53" s="12">
        <v>10</v>
      </c>
    </row>
    <row r="54" spans="1:4" ht="18" customHeight="1" x14ac:dyDescent="0.15">
      <c r="A54" s="8">
        <v>40</v>
      </c>
      <c r="B54" s="34">
        <v>1</v>
      </c>
      <c r="C54" s="13">
        <v>0</v>
      </c>
      <c r="D54" s="12">
        <v>1</v>
      </c>
    </row>
    <row r="55" spans="1:4" ht="18" customHeight="1" x14ac:dyDescent="0.15">
      <c r="A55" s="8">
        <v>41</v>
      </c>
      <c r="B55" s="34">
        <v>2</v>
      </c>
      <c r="C55" s="13">
        <v>1</v>
      </c>
      <c r="D55" s="12">
        <v>3</v>
      </c>
    </row>
    <row r="56" spans="1:4" ht="18" customHeight="1" x14ac:dyDescent="0.15">
      <c r="A56" s="8">
        <v>42</v>
      </c>
      <c r="B56" s="34">
        <v>2</v>
      </c>
      <c r="C56" s="13">
        <v>3</v>
      </c>
      <c r="D56" s="12">
        <v>5</v>
      </c>
    </row>
    <row r="57" spans="1:4" ht="18" customHeight="1" x14ac:dyDescent="0.15">
      <c r="A57" s="8">
        <v>43</v>
      </c>
      <c r="B57" s="34">
        <v>1</v>
      </c>
      <c r="C57" s="13">
        <v>2</v>
      </c>
      <c r="D57" s="12">
        <v>3</v>
      </c>
    </row>
    <row r="58" spans="1:4" ht="18" customHeight="1" x14ac:dyDescent="0.15">
      <c r="A58" s="8">
        <v>44</v>
      </c>
      <c r="B58" s="34">
        <v>1</v>
      </c>
      <c r="C58" s="13">
        <v>1</v>
      </c>
      <c r="D58" s="12">
        <v>2</v>
      </c>
    </row>
    <row r="59" spans="1:4" ht="18" customHeight="1" x14ac:dyDescent="0.15">
      <c r="A59" s="8" t="s">
        <v>46</v>
      </c>
      <c r="B59" s="34">
        <v>7</v>
      </c>
      <c r="C59" s="13">
        <v>7</v>
      </c>
      <c r="D59" s="12">
        <v>14</v>
      </c>
    </row>
    <row r="60" spans="1:4" ht="18" customHeight="1" x14ac:dyDescent="0.15">
      <c r="A60" s="8">
        <v>45</v>
      </c>
      <c r="B60" s="34">
        <v>3</v>
      </c>
      <c r="C60" s="13">
        <v>1</v>
      </c>
      <c r="D60" s="12">
        <v>4</v>
      </c>
    </row>
    <row r="61" spans="1:4" ht="18" customHeight="1" x14ac:dyDescent="0.15">
      <c r="A61" s="8">
        <v>46</v>
      </c>
      <c r="B61" s="34">
        <v>5</v>
      </c>
      <c r="C61" s="13">
        <v>3</v>
      </c>
      <c r="D61" s="12">
        <v>8</v>
      </c>
    </row>
    <row r="62" spans="1:4" ht="18" customHeight="1" x14ac:dyDescent="0.15">
      <c r="A62" s="8">
        <v>47</v>
      </c>
      <c r="B62" s="34">
        <v>2</v>
      </c>
      <c r="C62" s="13">
        <v>3</v>
      </c>
      <c r="D62" s="12">
        <v>5</v>
      </c>
    </row>
    <row r="63" spans="1:4" ht="18" customHeight="1" x14ac:dyDescent="0.15">
      <c r="A63" s="8">
        <v>48</v>
      </c>
      <c r="B63" s="34">
        <v>3</v>
      </c>
      <c r="C63" s="13">
        <v>2</v>
      </c>
      <c r="D63" s="12">
        <v>5</v>
      </c>
    </row>
    <row r="64" spans="1:4" ht="18" customHeight="1" x14ac:dyDescent="0.15">
      <c r="A64" s="8">
        <v>49</v>
      </c>
      <c r="B64" s="34">
        <v>4</v>
      </c>
      <c r="C64" s="13">
        <v>3</v>
      </c>
      <c r="D64" s="12">
        <v>7</v>
      </c>
    </row>
    <row r="65" spans="1:4" ht="18" customHeight="1" x14ac:dyDescent="0.15">
      <c r="A65" s="8" t="s">
        <v>45</v>
      </c>
      <c r="B65" s="34">
        <v>17</v>
      </c>
      <c r="C65" s="13">
        <v>12</v>
      </c>
      <c r="D65" s="12">
        <v>29</v>
      </c>
    </row>
    <row r="66" spans="1:4" ht="18" customHeight="1" x14ac:dyDescent="0.15">
      <c r="A66" s="8">
        <v>50</v>
      </c>
      <c r="B66" s="34">
        <v>2</v>
      </c>
      <c r="C66" s="13">
        <v>2</v>
      </c>
      <c r="D66" s="12">
        <v>4</v>
      </c>
    </row>
    <row r="67" spans="1:4" ht="18" customHeight="1" x14ac:dyDescent="0.15">
      <c r="A67" s="8">
        <v>51</v>
      </c>
      <c r="B67" s="34">
        <v>6</v>
      </c>
      <c r="C67" s="13">
        <v>4</v>
      </c>
      <c r="D67" s="12">
        <v>10</v>
      </c>
    </row>
    <row r="68" spans="1:4" ht="18" customHeight="1" x14ac:dyDescent="0.15">
      <c r="A68" s="8">
        <v>52</v>
      </c>
      <c r="B68" s="34">
        <v>5</v>
      </c>
      <c r="C68" s="13">
        <v>1</v>
      </c>
      <c r="D68" s="12">
        <v>6</v>
      </c>
    </row>
    <row r="69" spans="1:4" ht="18" customHeight="1" x14ac:dyDescent="0.15">
      <c r="A69" s="8">
        <v>53</v>
      </c>
      <c r="B69" s="34">
        <v>4</v>
      </c>
      <c r="C69" s="13">
        <v>2</v>
      </c>
      <c r="D69" s="12">
        <v>6</v>
      </c>
    </row>
    <row r="70" spans="1:4" ht="18" customHeight="1" x14ac:dyDescent="0.15">
      <c r="A70" s="8">
        <v>54</v>
      </c>
      <c r="B70" s="34">
        <v>0</v>
      </c>
      <c r="C70" s="13">
        <v>6</v>
      </c>
      <c r="D70" s="12">
        <v>6</v>
      </c>
    </row>
    <row r="71" spans="1:4" ht="18" customHeight="1" x14ac:dyDescent="0.15">
      <c r="A71" s="8" t="s">
        <v>58</v>
      </c>
      <c r="B71" s="34">
        <v>17</v>
      </c>
      <c r="C71" s="13">
        <v>15</v>
      </c>
      <c r="D71" s="12">
        <v>32</v>
      </c>
    </row>
    <row r="72" spans="1:4" ht="18" customHeight="1" x14ac:dyDescent="0.15">
      <c r="A72" s="8">
        <v>55</v>
      </c>
      <c r="B72" s="34">
        <v>3</v>
      </c>
      <c r="C72" s="13">
        <v>1</v>
      </c>
      <c r="D72" s="12">
        <v>4</v>
      </c>
    </row>
    <row r="73" spans="1:4" ht="18" customHeight="1" x14ac:dyDescent="0.15">
      <c r="A73" s="8">
        <v>56</v>
      </c>
      <c r="B73" s="34">
        <v>2</v>
      </c>
      <c r="C73" s="13">
        <v>0</v>
      </c>
      <c r="D73" s="12">
        <v>2</v>
      </c>
    </row>
    <row r="74" spans="1:4" ht="18" customHeight="1" x14ac:dyDescent="0.15">
      <c r="A74" s="8">
        <v>57</v>
      </c>
      <c r="B74" s="34">
        <v>2</v>
      </c>
      <c r="C74" s="13">
        <v>2</v>
      </c>
      <c r="D74" s="12">
        <v>4</v>
      </c>
    </row>
    <row r="75" spans="1:4" ht="18" customHeight="1" x14ac:dyDescent="0.15">
      <c r="A75" s="8">
        <v>58</v>
      </c>
      <c r="B75" s="34">
        <v>1</v>
      </c>
      <c r="C75" s="13">
        <v>2</v>
      </c>
      <c r="D75" s="12">
        <v>3</v>
      </c>
    </row>
    <row r="76" spans="1:4" ht="18" customHeight="1" x14ac:dyDescent="0.15">
      <c r="A76" s="8">
        <v>59</v>
      </c>
      <c r="B76" s="34">
        <v>1</v>
      </c>
      <c r="C76" s="13">
        <v>2</v>
      </c>
      <c r="D76" s="12">
        <v>3</v>
      </c>
    </row>
    <row r="77" spans="1:4" ht="18" customHeight="1" x14ac:dyDescent="0.15">
      <c r="A77" s="8" t="s">
        <v>71</v>
      </c>
      <c r="B77" s="34">
        <v>9</v>
      </c>
      <c r="C77" s="13">
        <v>7</v>
      </c>
      <c r="D77" s="12">
        <v>16</v>
      </c>
    </row>
    <row r="78" spans="1:4" ht="18" customHeight="1" x14ac:dyDescent="0.15">
      <c r="A78" s="8">
        <v>60</v>
      </c>
      <c r="B78" s="34">
        <v>0</v>
      </c>
      <c r="C78" s="13">
        <v>1</v>
      </c>
      <c r="D78" s="12">
        <v>1</v>
      </c>
    </row>
    <row r="79" spans="1:4" ht="18" customHeight="1" x14ac:dyDescent="0.15">
      <c r="A79" s="8">
        <v>61</v>
      </c>
      <c r="B79" s="34">
        <v>0</v>
      </c>
      <c r="C79" s="13">
        <v>4</v>
      </c>
      <c r="D79" s="12">
        <v>4</v>
      </c>
    </row>
    <row r="80" spans="1:4" ht="18" customHeight="1" x14ac:dyDescent="0.15">
      <c r="A80" s="8">
        <v>62</v>
      </c>
      <c r="B80" s="34">
        <v>0</v>
      </c>
      <c r="C80" s="13">
        <v>1</v>
      </c>
      <c r="D80" s="12">
        <v>1</v>
      </c>
    </row>
    <row r="81" spans="1:4" ht="18" customHeight="1" x14ac:dyDescent="0.15">
      <c r="A81" s="8">
        <v>63</v>
      </c>
      <c r="B81" s="34">
        <v>0</v>
      </c>
      <c r="C81" s="13">
        <v>1</v>
      </c>
      <c r="D81" s="12">
        <v>1</v>
      </c>
    </row>
    <row r="82" spans="1:4" ht="18" customHeight="1" x14ac:dyDescent="0.15">
      <c r="A82" s="8">
        <v>64</v>
      </c>
      <c r="B82" s="34">
        <v>3</v>
      </c>
      <c r="C82" s="13">
        <v>2</v>
      </c>
      <c r="D82" s="12">
        <v>5</v>
      </c>
    </row>
    <row r="83" spans="1:4" ht="18" customHeight="1" x14ac:dyDescent="0.15">
      <c r="A83" s="8" t="s">
        <v>44</v>
      </c>
      <c r="B83" s="34">
        <v>3</v>
      </c>
      <c r="C83" s="13">
        <v>9</v>
      </c>
      <c r="D83" s="12">
        <v>12</v>
      </c>
    </row>
    <row r="84" spans="1:4" ht="18" customHeight="1" x14ac:dyDescent="0.15">
      <c r="A84" s="8" t="s">
        <v>43</v>
      </c>
      <c r="B84" s="34">
        <v>78</v>
      </c>
      <c r="C84" s="13">
        <v>66</v>
      </c>
      <c r="D84" s="12">
        <v>144</v>
      </c>
    </row>
    <row r="85" spans="1:4" ht="18" customHeight="1" x14ac:dyDescent="0.15">
      <c r="A85" s="8">
        <v>65</v>
      </c>
      <c r="B85" s="34">
        <v>3</v>
      </c>
      <c r="C85" s="13">
        <v>0</v>
      </c>
      <c r="D85" s="12">
        <v>3</v>
      </c>
    </row>
    <row r="86" spans="1:4" ht="18" customHeight="1" x14ac:dyDescent="0.15">
      <c r="A86" s="8">
        <v>66</v>
      </c>
      <c r="B86" s="34">
        <v>4</v>
      </c>
      <c r="C86" s="13">
        <v>3</v>
      </c>
      <c r="D86" s="12">
        <v>7</v>
      </c>
    </row>
    <row r="87" spans="1:4" ht="18" customHeight="1" x14ac:dyDescent="0.15">
      <c r="A87" s="8">
        <v>67</v>
      </c>
      <c r="B87" s="34">
        <v>2</v>
      </c>
      <c r="C87" s="13">
        <v>2</v>
      </c>
      <c r="D87" s="12">
        <v>4</v>
      </c>
    </row>
    <row r="88" spans="1:4" ht="18" customHeight="1" x14ac:dyDescent="0.15">
      <c r="A88" s="8">
        <v>68</v>
      </c>
      <c r="B88" s="34">
        <v>5</v>
      </c>
      <c r="C88" s="13">
        <v>3</v>
      </c>
      <c r="D88" s="12">
        <v>8</v>
      </c>
    </row>
    <row r="89" spans="1:4" ht="18" customHeight="1" x14ac:dyDescent="0.15">
      <c r="A89" s="8">
        <v>69</v>
      </c>
      <c r="B89" s="34">
        <v>2</v>
      </c>
      <c r="C89" s="13">
        <v>3</v>
      </c>
      <c r="D89" s="12">
        <v>5</v>
      </c>
    </row>
    <row r="90" spans="1:4" ht="18" customHeight="1" x14ac:dyDescent="0.15">
      <c r="A90" s="8" t="s">
        <v>42</v>
      </c>
      <c r="B90" s="34">
        <v>16</v>
      </c>
      <c r="C90" s="13">
        <v>11</v>
      </c>
      <c r="D90" s="12">
        <v>27</v>
      </c>
    </row>
    <row r="91" spans="1:4" ht="18" customHeight="1" x14ac:dyDescent="0.15">
      <c r="A91" s="8">
        <v>70</v>
      </c>
      <c r="B91" s="34">
        <v>2</v>
      </c>
      <c r="C91" s="13">
        <v>1</v>
      </c>
      <c r="D91" s="12">
        <v>3</v>
      </c>
    </row>
    <row r="92" spans="1:4" ht="18" customHeight="1" x14ac:dyDescent="0.15">
      <c r="A92" s="8">
        <v>71</v>
      </c>
      <c r="B92" s="34">
        <v>1</v>
      </c>
      <c r="C92" s="13">
        <v>3</v>
      </c>
      <c r="D92" s="12">
        <v>4</v>
      </c>
    </row>
    <row r="93" spans="1:4" ht="18" customHeight="1" x14ac:dyDescent="0.15">
      <c r="A93" s="8">
        <v>72</v>
      </c>
      <c r="B93" s="34">
        <v>2</v>
      </c>
      <c r="C93" s="13">
        <v>2</v>
      </c>
      <c r="D93" s="12">
        <v>4</v>
      </c>
    </row>
    <row r="94" spans="1:4" ht="18" customHeight="1" x14ac:dyDescent="0.15">
      <c r="A94" s="8">
        <v>73</v>
      </c>
      <c r="B94" s="34">
        <v>5</v>
      </c>
      <c r="C94" s="13">
        <v>5</v>
      </c>
      <c r="D94" s="12">
        <v>10</v>
      </c>
    </row>
    <row r="95" spans="1:4" ht="18" customHeight="1" x14ac:dyDescent="0.15">
      <c r="A95" s="8">
        <v>74</v>
      </c>
      <c r="B95" s="34">
        <v>2</v>
      </c>
      <c r="C95" s="13">
        <v>2</v>
      </c>
      <c r="D95" s="12">
        <v>4</v>
      </c>
    </row>
    <row r="96" spans="1:4" ht="18" customHeight="1" x14ac:dyDescent="0.15">
      <c r="A96" s="8" t="s">
        <v>41</v>
      </c>
      <c r="B96" s="34">
        <v>12</v>
      </c>
      <c r="C96" s="13">
        <v>13</v>
      </c>
      <c r="D96" s="12">
        <v>25</v>
      </c>
    </row>
    <row r="97" spans="1:4" ht="18" customHeight="1" x14ac:dyDescent="0.15">
      <c r="A97" s="8">
        <v>75</v>
      </c>
      <c r="B97" s="34">
        <v>2</v>
      </c>
      <c r="C97" s="13">
        <v>4</v>
      </c>
      <c r="D97" s="12">
        <v>6</v>
      </c>
    </row>
    <row r="98" spans="1:4" ht="18" customHeight="1" x14ac:dyDescent="0.15">
      <c r="A98" s="8">
        <v>76</v>
      </c>
      <c r="B98" s="34">
        <v>2</v>
      </c>
      <c r="C98" s="13">
        <v>2</v>
      </c>
      <c r="D98" s="12">
        <v>4</v>
      </c>
    </row>
    <row r="99" spans="1:4" ht="18" customHeight="1" x14ac:dyDescent="0.15">
      <c r="A99" s="8">
        <v>77</v>
      </c>
      <c r="B99" s="34">
        <v>1</v>
      </c>
      <c r="C99" s="13">
        <v>0</v>
      </c>
      <c r="D99" s="12">
        <v>1</v>
      </c>
    </row>
    <row r="100" spans="1:4" ht="18" customHeight="1" x14ac:dyDescent="0.15">
      <c r="A100" s="8">
        <v>78</v>
      </c>
      <c r="B100" s="34">
        <v>1</v>
      </c>
      <c r="C100" s="13">
        <v>1</v>
      </c>
      <c r="D100" s="12">
        <v>2</v>
      </c>
    </row>
    <row r="101" spans="1:4" ht="18" customHeight="1" x14ac:dyDescent="0.15">
      <c r="A101" s="8">
        <v>79</v>
      </c>
      <c r="B101" s="34">
        <v>1</v>
      </c>
      <c r="C101" s="13">
        <v>2</v>
      </c>
      <c r="D101" s="12">
        <v>3</v>
      </c>
    </row>
    <row r="102" spans="1:4" ht="18" customHeight="1" x14ac:dyDescent="0.15">
      <c r="A102" s="8" t="s">
        <v>70</v>
      </c>
      <c r="B102" s="34">
        <v>7</v>
      </c>
      <c r="C102" s="13">
        <v>9</v>
      </c>
      <c r="D102" s="12">
        <v>16</v>
      </c>
    </row>
    <row r="103" spans="1:4" ht="18" customHeight="1" x14ac:dyDescent="0.15">
      <c r="A103" s="8">
        <v>80</v>
      </c>
      <c r="B103" s="34">
        <v>1</v>
      </c>
      <c r="C103" s="13">
        <v>1</v>
      </c>
      <c r="D103" s="12">
        <v>2</v>
      </c>
    </row>
    <row r="104" spans="1:4" ht="18" customHeight="1" x14ac:dyDescent="0.15">
      <c r="A104" s="8">
        <v>81</v>
      </c>
      <c r="B104" s="34">
        <v>2</v>
      </c>
      <c r="C104" s="13">
        <v>3</v>
      </c>
      <c r="D104" s="12">
        <v>5</v>
      </c>
    </row>
    <row r="105" spans="1:4" ht="18" customHeight="1" x14ac:dyDescent="0.15">
      <c r="A105" s="8">
        <v>82</v>
      </c>
      <c r="B105" s="34">
        <v>1</v>
      </c>
      <c r="C105" s="13">
        <v>3</v>
      </c>
      <c r="D105" s="12">
        <v>4</v>
      </c>
    </row>
    <row r="106" spans="1:4" ht="18" customHeight="1" x14ac:dyDescent="0.15">
      <c r="A106" s="8">
        <v>83</v>
      </c>
      <c r="B106" s="34">
        <v>1</v>
      </c>
      <c r="C106" s="13">
        <v>0</v>
      </c>
      <c r="D106" s="12">
        <v>1</v>
      </c>
    </row>
    <row r="107" spans="1:4" ht="18" customHeight="1" x14ac:dyDescent="0.15">
      <c r="A107" s="8">
        <v>84</v>
      </c>
      <c r="B107" s="34">
        <v>0</v>
      </c>
      <c r="C107" s="13">
        <v>1</v>
      </c>
      <c r="D107" s="12">
        <v>1</v>
      </c>
    </row>
    <row r="108" spans="1:4" ht="18" customHeight="1" x14ac:dyDescent="0.15">
      <c r="A108" s="8" t="s">
        <v>39</v>
      </c>
      <c r="B108" s="34">
        <v>5</v>
      </c>
      <c r="C108" s="13">
        <v>8</v>
      </c>
      <c r="D108" s="12">
        <v>13</v>
      </c>
    </row>
    <row r="109" spans="1:4" ht="18" customHeight="1" x14ac:dyDescent="0.15">
      <c r="A109" s="8">
        <v>85</v>
      </c>
      <c r="B109" s="34">
        <v>1</v>
      </c>
      <c r="C109" s="13">
        <v>1</v>
      </c>
      <c r="D109" s="12">
        <v>2</v>
      </c>
    </row>
    <row r="110" spans="1:4" ht="18" customHeight="1" x14ac:dyDescent="0.15">
      <c r="A110" s="8">
        <v>86</v>
      </c>
      <c r="B110" s="34">
        <v>0</v>
      </c>
      <c r="C110" s="13">
        <v>1</v>
      </c>
      <c r="D110" s="12">
        <v>1</v>
      </c>
    </row>
    <row r="111" spans="1:4" ht="18" customHeight="1" x14ac:dyDescent="0.15">
      <c r="A111" s="8">
        <v>87</v>
      </c>
      <c r="B111" s="34">
        <v>1</v>
      </c>
      <c r="C111" s="13">
        <v>2</v>
      </c>
      <c r="D111" s="12">
        <v>3</v>
      </c>
    </row>
    <row r="112" spans="1:4" ht="18" customHeight="1" x14ac:dyDescent="0.15">
      <c r="A112" s="8">
        <v>88</v>
      </c>
      <c r="B112" s="34">
        <v>0</v>
      </c>
      <c r="C112" s="13">
        <v>2</v>
      </c>
      <c r="D112" s="12">
        <v>2</v>
      </c>
    </row>
    <row r="113" spans="1:4" ht="18" customHeight="1" x14ac:dyDescent="0.15">
      <c r="A113" s="8">
        <v>89</v>
      </c>
      <c r="B113" s="34">
        <v>1</v>
      </c>
      <c r="C113" s="13">
        <v>1</v>
      </c>
      <c r="D113" s="12">
        <v>2</v>
      </c>
    </row>
    <row r="114" spans="1:4" ht="18" customHeight="1" x14ac:dyDescent="0.15">
      <c r="A114" s="8" t="s">
        <v>38</v>
      </c>
      <c r="B114" s="34">
        <v>3</v>
      </c>
      <c r="C114" s="13">
        <v>7</v>
      </c>
      <c r="D114" s="12">
        <v>10</v>
      </c>
    </row>
    <row r="115" spans="1:4" ht="18" customHeight="1" x14ac:dyDescent="0.15">
      <c r="A115" s="8">
        <v>90</v>
      </c>
      <c r="B115" s="34">
        <v>0</v>
      </c>
      <c r="C115" s="13">
        <v>0</v>
      </c>
      <c r="D115" s="12">
        <v>0</v>
      </c>
    </row>
    <row r="116" spans="1:4" ht="18" customHeight="1" x14ac:dyDescent="0.15">
      <c r="A116" s="8">
        <v>91</v>
      </c>
      <c r="B116" s="34">
        <v>1</v>
      </c>
      <c r="C116" s="13">
        <v>0</v>
      </c>
      <c r="D116" s="12">
        <v>1</v>
      </c>
    </row>
    <row r="117" spans="1:4" ht="18" customHeight="1" x14ac:dyDescent="0.15">
      <c r="A117" s="8">
        <v>92</v>
      </c>
      <c r="B117" s="34">
        <v>0</v>
      </c>
      <c r="C117" s="13">
        <v>0</v>
      </c>
      <c r="D117" s="12">
        <v>0</v>
      </c>
    </row>
    <row r="118" spans="1:4" ht="18" customHeight="1" x14ac:dyDescent="0.15">
      <c r="A118" s="8">
        <v>93</v>
      </c>
      <c r="B118" s="34">
        <v>0</v>
      </c>
      <c r="C118" s="13">
        <v>2</v>
      </c>
      <c r="D118" s="12">
        <v>2</v>
      </c>
    </row>
    <row r="119" spans="1:4" ht="18" customHeight="1" x14ac:dyDescent="0.15">
      <c r="A119" s="8">
        <v>94</v>
      </c>
      <c r="B119" s="34">
        <v>1</v>
      </c>
      <c r="C119" s="13">
        <v>2</v>
      </c>
      <c r="D119" s="12">
        <v>3</v>
      </c>
    </row>
    <row r="120" spans="1:4" ht="18" customHeight="1" x14ac:dyDescent="0.15">
      <c r="A120" s="8" t="s">
        <v>69</v>
      </c>
      <c r="B120" s="34">
        <v>2</v>
      </c>
      <c r="C120" s="13">
        <v>4</v>
      </c>
      <c r="D120" s="12">
        <v>6</v>
      </c>
    </row>
    <row r="121" spans="1:4" ht="18" customHeight="1" x14ac:dyDescent="0.15">
      <c r="A121" s="8">
        <v>95</v>
      </c>
      <c r="B121" s="34">
        <v>1</v>
      </c>
      <c r="C121" s="13">
        <v>1</v>
      </c>
      <c r="D121" s="12">
        <v>2</v>
      </c>
    </row>
    <row r="122" spans="1:4" ht="18" customHeight="1" x14ac:dyDescent="0.15">
      <c r="A122" s="8">
        <v>96</v>
      </c>
      <c r="B122" s="34">
        <v>0</v>
      </c>
      <c r="C122" s="13">
        <v>1</v>
      </c>
      <c r="D122" s="12">
        <v>1</v>
      </c>
    </row>
    <row r="123" spans="1:4" ht="18" customHeight="1" x14ac:dyDescent="0.15">
      <c r="A123" s="8">
        <v>97</v>
      </c>
      <c r="B123" s="34">
        <v>0</v>
      </c>
      <c r="C123" s="13">
        <v>1</v>
      </c>
      <c r="D123" s="12">
        <v>1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1</v>
      </c>
      <c r="C125" s="13">
        <v>1</v>
      </c>
      <c r="D125" s="12">
        <v>2</v>
      </c>
    </row>
    <row r="126" spans="1:4" ht="18" customHeight="1" x14ac:dyDescent="0.15">
      <c r="A126" s="8" t="s">
        <v>68</v>
      </c>
      <c r="B126" s="34">
        <v>2</v>
      </c>
      <c r="C126" s="13">
        <v>4</v>
      </c>
      <c r="D126" s="12">
        <v>6</v>
      </c>
    </row>
    <row r="127" spans="1:4" ht="18" customHeight="1" x14ac:dyDescent="0.15">
      <c r="A127" s="8">
        <v>100</v>
      </c>
      <c r="B127" s="34">
        <v>0</v>
      </c>
      <c r="C127" s="13">
        <v>0</v>
      </c>
      <c r="D127" s="12">
        <v>0</v>
      </c>
    </row>
    <row r="128" spans="1:4" ht="18" customHeight="1" x14ac:dyDescent="0.15">
      <c r="A128" s="15" t="s">
        <v>37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0</v>
      </c>
      <c r="D129" s="12">
        <v>0</v>
      </c>
    </row>
    <row r="130" spans="1:4" ht="18" customHeight="1" x14ac:dyDescent="0.15">
      <c r="A130" s="8" t="s">
        <v>35</v>
      </c>
      <c r="B130" s="28">
        <v>47</v>
      </c>
      <c r="C130" s="6">
        <v>56</v>
      </c>
      <c r="D130" s="5">
        <v>103</v>
      </c>
    </row>
    <row r="131" spans="1:4" ht="18" customHeight="1" x14ac:dyDescent="0.15">
      <c r="A131" s="4" t="s">
        <v>0</v>
      </c>
      <c r="B131" s="27">
        <v>136</v>
      </c>
      <c r="C131" s="2">
        <v>129</v>
      </c>
      <c r="D131" s="1">
        <v>265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79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2</v>
      </c>
      <c r="C5" s="44">
        <v>3</v>
      </c>
      <c r="D5" s="43">
        <v>5</v>
      </c>
    </row>
    <row r="6" spans="1:4" ht="18" customHeight="1" x14ac:dyDescent="0.15">
      <c r="A6" s="8">
        <v>1</v>
      </c>
      <c r="B6" s="39">
        <v>2</v>
      </c>
      <c r="C6" s="13">
        <v>0</v>
      </c>
      <c r="D6" s="12">
        <v>2</v>
      </c>
    </row>
    <row r="7" spans="1:4" ht="18" customHeight="1" x14ac:dyDescent="0.15">
      <c r="A7" s="8">
        <v>2</v>
      </c>
      <c r="B7" s="39">
        <v>2</v>
      </c>
      <c r="C7" s="13">
        <v>1</v>
      </c>
      <c r="D7" s="12">
        <v>3</v>
      </c>
    </row>
    <row r="8" spans="1:4" ht="18" customHeight="1" x14ac:dyDescent="0.15">
      <c r="A8" s="8">
        <v>3</v>
      </c>
      <c r="B8" s="39">
        <v>1</v>
      </c>
      <c r="C8" s="13">
        <v>6</v>
      </c>
      <c r="D8" s="12">
        <v>7</v>
      </c>
    </row>
    <row r="9" spans="1:4" ht="18" customHeight="1" x14ac:dyDescent="0.15">
      <c r="A9" s="8">
        <v>4</v>
      </c>
      <c r="B9" s="42">
        <v>1</v>
      </c>
      <c r="C9" s="41">
        <v>3</v>
      </c>
      <c r="D9" s="40">
        <v>4</v>
      </c>
    </row>
    <row r="10" spans="1:4" ht="18" customHeight="1" x14ac:dyDescent="0.15">
      <c r="A10" s="8" t="s">
        <v>76</v>
      </c>
      <c r="B10" s="34">
        <v>8</v>
      </c>
      <c r="C10" s="13">
        <v>13</v>
      </c>
      <c r="D10" s="12">
        <v>21</v>
      </c>
    </row>
    <row r="11" spans="1:4" ht="18" customHeight="1" x14ac:dyDescent="0.15">
      <c r="A11" s="8">
        <v>5</v>
      </c>
      <c r="B11" s="39">
        <v>6</v>
      </c>
      <c r="C11" s="13">
        <v>2</v>
      </c>
      <c r="D11" s="12">
        <v>8</v>
      </c>
    </row>
    <row r="12" spans="1:4" ht="18" customHeight="1" x14ac:dyDescent="0.15">
      <c r="A12" s="8">
        <v>6</v>
      </c>
      <c r="B12" s="39">
        <v>5</v>
      </c>
      <c r="C12" s="13">
        <v>1</v>
      </c>
      <c r="D12" s="12">
        <v>6</v>
      </c>
    </row>
    <row r="13" spans="1:4" ht="18" customHeight="1" x14ac:dyDescent="0.15">
      <c r="A13" s="8">
        <v>7</v>
      </c>
      <c r="B13" s="39">
        <v>3</v>
      </c>
      <c r="C13" s="13">
        <v>4</v>
      </c>
      <c r="D13" s="12">
        <v>7</v>
      </c>
    </row>
    <row r="14" spans="1:4" ht="18" customHeight="1" x14ac:dyDescent="0.15">
      <c r="A14" s="8">
        <v>8</v>
      </c>
      <c r="B14" s="39">
        <v>8</v>
      </c>
      <c r="C14" s="13">
        <v>4</v>
      </c>
      <c r="D14" s="12">
        <v>12</v>
      </c>
    </row>
    <row r="15" spans="1:4" ht="18" customHeight="1" x14ac:dyDescent="0.15">
      <c r="A15" s="8">
        <v>9</v>
      </c>
      <c r="B15" s="39">
        <v>2</v>
      </c>
      <c r="C15" s="13">
        <v>2</v>
      </c>
      <c r="D15" s="12">
        <v>4</v>
      </c>
    </row>
    <row r="16" spans="1:4" ht="18" customHeight="1" x14ac:dyDescent="0.15">
      <c r="A16" s="8" t="s">
        <v>50</v>
      </c>
      <c r="B16" s="34">
        <v>24</v>
      </c>
      <c r="C16" s="13">
        <v>13</v>
      </c>
      <c r="D16" s="12">
        <v>37</v>
      </c>
    </row>
    <row r="17" spans="1:4" ht="18" customHeight="1" x14ac:dyDescent="0.15">
      <c r="A17" s="8">
        <v>10</v>
      </c>
      <c r="B17" s="34">
        <v>4</v>
      </c>
      <c r="C17" s="13">
        <v>5</v>
      </c>
      <c r="D17" s="12">
        <v>9</v>
      </c>
    </row>
    <row r="18" spans="1:4" ht="18" customHeight="1" x14ac:dyDescent="0.15">
      <c r="A18" s="8">
        <v>11</v>
      </c>
      <c r="B18" s="34">
        <v>7</v>
      </c>
      <c r="C18" s="13">
        <v>4</v>
      </c>
      <c r="D18" s="12">
        <v>11</v>
      </c>
    </row>
    <row r="19" spans="1:4" ht="18" customHeight="1" x14ac:dyDescent="0.15">
      <c r="A19" s="8">
        <v>12</v>
      </c>
      <c r="B19" s="34">
        <v>10</v>
      </c>
      <c r="C19" s="13">
        <v>1</v>
      </c>
      <c r="D19" s="12">
        <v>11</v>
      </c>
    </row>
    <row r="20" spans="1:4" ht="18" customHeight="1" x14ac:dyDescent="0.15">
      <c r="A20" s="8">
        <v>13</v>
      </c>
      <c r="B20" s="34">
        <v>4</v>
      </c>
      <c r="C20" s="13">
        <v>5</v>
      </c>
      <c r="D20" s="12">
        <v>9</v>
      </c>
    </row>
    <row r="21" spans="1:4" ht="18" customHeight="1" x14ac:dyDescent="0.15">
      <c r="A21" s="8">
        <v>14</v>
      </c>
      <c r="B21" s="34">
        <v>6</v>
      </c>
      <c r="C21" s="13">
        <v>8</v>
      </c>
      <c r="D21" s="12">
        <v>14</v>
      </c>
    </row>
    <row r="22" spans="1:4" ht="18" customHeight="1" x14ac:dyDescent="0.15">
      <c r="A22" s="8" t="s">
        <v>371</v>
      </c>
      <c r="B22" s="34">
        <v>31</v>
      </c>
      <c r="C22" s="13">
        <v>23</v>
      </c>
      <c r="D22" s="12">
        <v>54</v>
      </c>
    </row>
    <row r="23" spans="1:4" ht="18" customHeight="1" x14ac:dyDescent="0.15">
      <c r="A23" s="8" t="s">
        <v>65</v>
      </c>
      <c r="B23" s="34">
        <v>63</v>
      </c>
      <c r="C23" s="13">
        <v>49</v>
      </c>
      <c r="D23" s="12">
        <v>112</v>
      </c>
    </row>
    <row r="24" spans="1:4" ht="18" customHeight="1" x14ac:dyDescent="0.15">
      <c r="A24" s="8">
        <v>15</v>
      </c>
      <c r="B24" s="34">
        <v>7</v>
      </c>
      <c r="C24" s="13">
        <v>1</v>
      </c>
      <c r="D24" s="12">
        <v>8</v>
      </c>
    </row>
    <row r="25" spans="1:4" ht="18" customHeight="1" x14ac:dyDescent="0.15">
      <c r="A25" s="8">
        <v>16</v>
      </c>
      <c r="B25" s="34">
        <v>5</v>
      </c>
      <c r="C25" s="13">
        <v>7</v>
      </c>
      <c r="D25" s="12">
        <v>12</v>
      </c>
    </row>
    <row r="26" spans="1:4" ht="18" customHeight="1" x14ac:dyDescent="0.15">
      <c r="A26" s="8">
        <v>17</v>
      </c>
      <c r="B26" s="34">
        <v>8</v>
      </c>
      <c r="C26" s="13">
        <v>6</v>
      </c>
      <c r="D26" s="12">
        <v>14</v>
      </c>
    </row>
    <row r="27" spans="1:4" ht="18" customHeight="1" x14ac:dyDescent="0.15">
      <c r="A27" s="8">
        <v>18</v>
      </c>
      <c r="B27" s="34">
        <v>3</v>
      </c>
      <c r="C27" s="13">
        <v>4</v>
      </c>
      <c r="D27" s="12">
        <v>7</v>
      </c>
    </row>
    <row r="28" spans="1:4" ht="18" customHeight="1" x14ac:dyDescent="0.15">
      <c r="A28" s="8">
        <v>19</v>
      </c>
      <c r="B28" s="34">
        <v>8</v>
      </c>
      <c r="C28" s="13">
        <v>7</v>
      </c>
      <c r="D28" s="12">
        <v>15</v>
      </c>
    </row>
    <row r="29" spans="1:4" ht="18" customHeight="1" x14ac:dyDescent="0.15">
      <c r="A29" s="8" t="s">
        <v>48</v>
      </c>
      <c r="B29" s="34">
        <v>31</v>
      </c>
      <c r="C29" s="13">
        <v>25</v>
      </c>
      <c r="D29" s="12">
        <v>56</v>
      </c>
    </row>
    <row r="30" spans="1:4" ht="18" customHeight="1" x14ac:dyDescent="0.15">
      <c r="A30" s="8">
        <v>20</v>
      </c>
      <c r="B30" s="34">
        <v>7</v>
      </c>
      <c r="C30" s="13">
        <v>5</v>
      </c>
      <c r="D30" s="12">
        <v>12</v>
      </c>
    </row>
    <row r="31" spans="1:4" ht="18" customHeight="1" x14ac:dyDescent="0.15">
      <c r="A31" s="8">
        <v>21</v>
      </c>
      <c r="B31" s="34">
        <v>7</v>
      </c>
      <c r="C31" s="13">
        <v>5</v>
      </c>
      <c r="D31" s="12">
        <v>12</v>
      </c>
    </row>
    <row r="32" spans="1:4" ht="18" customHeight="1" x14ac:dyDescent="0.15">
      <c r="A32" s="8">
        <v>22</v>
      </c>
      <c r="B32" s="34">
        <v>1</v>
      </c>
      <c r="C32" s="13">
        <v>2</v>
      </c>
      <c r="D32" s="12">
        <v>3</v>
      </c>
    </row>
    <row r="33" spans="1:4" ht="18" customHeight="1" x14ac:dyDescent="0.15">
      <c r="A33" s="8">
        <v>23</v>
      </c>
      <c r="B33" s="34">
        <v>3</v>
      </c>
      <c r="C33" s="13">
        <v>3</v>
      </c>
      <c r="D33" s="12">
        <v>6</v>
      </c>
    </row>
    <row r="34" spans="1:4" ht="18" customHeight="1" x14ac:dyDescent="0.15">
      <c r="A34" s="8">
        <v>24</v>
      </c>
      <c r="B34" s="34">
        <v>5</v>
      </c>
      <c r="C34" s="13">
        <v>4</v>
      </c>
      <c r="D34" s="12">
        <v>9</v>
      </c>
    </row>
    <row r="35" spans="1:4" ht="18" customHeight="1" x14ac:dyDescent="0.15">
      <c r="A35" s="8" t="s">
        <v>74</v>
      </c>
      <c r="B35" s="34">
        <v>23</v>
      </c>
      <c r="C35" s="13">
        <v>19</v>
      </c>
      <c r="D35" s="12">
        <v>42</v>
      </c>
    </row>
    <row r="36" spans="1:4" ht="18" customHeight="1" x14ac:dyDescent="0.15">
      <c r="A36" s="8">
        <v>25</v>
      </c>
      <c r="B36" s="34">
        <v>3</v>
      </c>
      <c r="C36" s="13">
        <v>1</v>
      </c>
      <c r="D36" s="12">
        <v>4</v>
      </c>
    </row>
    <row r="37" spans="1:4" ht="18" customHeight="1" x14ac:dyDescent="0.15">
      <c r="A37" s="8">
        <v>26</v>
      </c>
      <c r="B37" s="34">
        <v>2</v>
      </c>
      <c r="C37" s="13">
        <v>0</v>
      </c>
      <c r="D37" s="12">
        <v>2</v>
      </c>
    </row>
    <row r="38" spans="1:4" ht="18" customHeight="1" x14ac:dyDescent="0.15">
      <c r="A38" s="8">
        <v>27</v>
      </c>
      <c r="B38" s="34">
        <v>7</v>
      </c>
      <c r="C38" s="13">
        <v>3</v>
      </c>
      <c r="D38" s="12">
        <v>10</v>
      </c>
    </row>
    <row r="39" spans="1:4" ht="18" customHeight="1" x14ac:dyDescent="0.15">
      <c r="A39" s="8">
        <v>28</v>
      </c>
      <c r="B39" s="34">
        <v>3</v>
      </c>
      <c r="C39" s="13">
        <v>1</v>
      </c>
      <c r="D39" s="12">
        <v>4</v>
      </c>
    </row>
    <row r="40" spans="1:4" ht="18" customHeight="1" x14ac:dyDescent="0.15">
      <c r="A40" s="8">
        <v>29</v>
      </c>
      <c r="B40" s="34">
        <v>1</v>
      </c>
      <c r="C40" s="13">
        <v>4</v>
      </c>
      <c r="D40" s="12">
        <v>5</v>
      </c>
    </row>
    <row r="41" spans="1:4" ht="18" customHeight="1" x14ac:dyDescent="0.15">
      <c r="A41" s="8" t="s">
        <v>73</v>
      </c>
      <c r="B41" s="34">
        <v>16</v>
      </c>
      <c r="C41" s="13">
        <v>9</v>
      </c>
      <c r="D41" s="12">
        <v>25</v>
      </c>
    </row>
    <row r="42" spans="1:4" ht="18" customHeight="1" x14ac:dyDescent="0.15">
      <c r="A42" s="8">
        <v>30</v>
      </c>
      <c r="B42" s="34">
        <v>5</v>
      </c>
      <c r="C42" s="13">
        <v>3</v>
      </c>
      <c r="D42" s="12">
        <v>8</v>
      </c>
    </row>
    <row r="43" spans="1:4" ht="18" customHeight="1" x14ac:dyDescent="0.15">
      <c r="A43" s="8">
        <v>31</v>
      </c>
      <c r="B43" s="34">
        <v>3</v>
      </c>
      <c r="C43" s="13">
        <v>3</v>
      </c>
      <c r="D43" s="12">
        <v>6</v>
      </c>
    </row>
    <row r="44" spans="1:4" ht="18" customHeight="1" x14ac:dyDescent="0.15">
      <c r="A44" s="8">
        <v>32</v>
      </c>
      <c r="B44" s="34">
        <v>9</v>
      </c>
      <c r="C44" s="13">
        <v>4</v>
      </c>
      <c r="D44" s="12">
        <v>13</v>
      </c>
    </row>
    <row r="45" spans="1:4" ht="18" customHeight="1" x14ac:dyDescent="0.15">
      <c r="A45" s="8">
        <v>33</v>
      </c>
      <c r="B45" s="34">
        <v>3</v>
      </c>
      <c r="C45" s="13">
        <v>4</v>
      </c>
      <c r="D45" s="12">
        <v>7</v>
      </c>
    </row>
    <row r="46" spans="1:4" ht="18" customHeight="1" x14ac:dyDescent="0.15">
      <c r="A46" s="8">
        <v>34</v>
      </c>
      <c r="B46" s="34">
        <v>6</v>
      </c>
      <c r="C46" s="13">
        <v>5</v>
      </c>
      <c r="D46" s="12">
        <v>11</v>
      </c>
    </row>
    <row r="47" spans="1:4" ht="18" customHeight="1" x14ac:dyDescent="0.15">
      <c r="A47" s="8" t="s">
        <v>329</v>
      </c>
      <c r="B47" s="34">
        <v>26</v>
      </c>
      <c r="C47" s="13">
        <v>19</v>
      </c>
      <c r="D47" s="12">
        <v>45</v>
      </c>
    </row>
    <row r="48" spans="1:4" ht="18" customHeight="1" x14ac:dyDescent="0.15">
      <c r="A48" s="8">
        <v>35</v>
      </c>
      <c r="B48" s="34">
        <v>5</v>
      </c>
      <c r="C48" s="13">
        <v>7</v>
      </c>
      <c r="D48" s="12">
        <v>12</v>
      </c>
    </row>
    <row r="49" spans="1:4" ht="18" customHeight="1" x14ac:dyDescent="0.15">
      <c r="A49" s="8">
        <v>36</v>
      </c>
      <c r="B49" s="34">
        <v>4</v>
      </c>
      <c r="C49" s="13">
        <v>7</v>
      </c>
      <c r="D49" s="12">
        <v>11</v>
      </c>
    </row>
    <row r="50" spans="1:4" ht="18" customHeight="1" x14ac:dyDescent="0.15">
      <c r="A50" s="8">
        <v>37</v>
      </c>
      <c r="B50" s="34">
        <v>6</v>
      </c>
      <c r="C50" s="13">
        <v>4</v>
      </c>
      <c r="D50" s="12">
        <v>10</v>
      </c>
    </row>
    <row r="51" spans="1:4" ht="18" customHeight="1" x14ac:dyDescent="0.15">
      <c r="A51" s="8">
        <v>38</v>
      </c>
      <c r="B51" s="34">
        <v>8</v>
      </c>
      <c r="C51" s="13">
        <v>6</v>
      </c>
      <c r="D51" s="12">
        <v>14</v>
      </c>
    </row>
    <row r="52" spans="1:4" ht="18" customHeight="1" x14ac:dyDescent="0.15">
      <c r="A52" s="8">
        <v>39</v>
      </c>
      <c r="B52" s="34">
        <v>3</v>
      </c>
      <c r="C52" s="13">
        <v>6</v>
      </c>
      <c r="D52" s="12">
        <v>9</v>
      </c>
    </row>
    <row r="53" spans="1:4" ht="18" customHeight="1" x14ac:dyDescent="0.15">
      <c r="A53" s="8" t="s">
        <v>72</v>
      </c>
      <c r="B53" s="34">
        <v>26</v>
      </c>
      <c r="C53" s="13">
        <v>30</v>
      </c>
      <c r="D53" s="12">
        <v>56</v>
      </c>
    </row>
    <row r="54" spans="1:4" ht="18" customHeight="1" x14ac:dyDescent="0.15">
      <c r="A54" s="8">
        <v>40</v>
      </c>
      <c r="B54" s="34">
        <v>7</v>
      </c>
      <c r="C54" s="13">
        <v>2</v>
      </c>
      <c r="D54" s="12">
        <v>9</v>
      </c>
    </row>
    <row r="55" spans="1:4" ht="18" customHeight="1" x14ac:dyDescent="0.15">
      <c r="A55" s="8">
        <v>41</v>
      </c>
      <c r="B55" s="34">
        <v>10</v>
      </c>
      <c r="C55" s="13">
        <v>10</v>
      </c>
      <c r="D55" s="12">
        <v>20</v>
      </c>
    </row>
    <row r="56" spans="1:4" ht="18" customHeight="1" x14ac:dyDescent="0.15">
      <c r="A56" s="8">
        <v>42</v>
      </c>
      <c r="B56" s="34">
        <v>7</v>
      </c>
      <c r="C56" s="13">
        <v>8</v>
      </c>
      <c r="D56" s="12">
        <v>15</v>
      </c>
    </row>
    <row r="57" spans="1:4" ht="18" customHeight="1" x14ac:dyDescent="0.15">
      <c r="A57" s="8">
        <v>43</v>
      </c>
      <c r="B57" s="34">
        <v>7</v>
      </c>
      <c r="C57" s="13">
        <v>7</v>
      </c>
      <c r="D57" s="12">
        <v>14</v>
      </c>
    </row>
    <row r="58" spans="1:4" ht="18" customHeight="1" x14ac:dyDescent="0.15">
      <c r="A58" s="8">
        <v>44</v>
      </c>
      <c r="B58" s="34">
        <v>6</v>
      </c>
      <c r="C58" s="13">
        <v>6</v>
      </c>
      <c r="D58" s="12">
        <v>12</v>
      </c>
    </row>
    <row r="59" spans="1:4" ht="18" customHeight="1" x14ac:dyDescent="0.15">
      <c r="A59" s="8" t="s">
        <v>46</v>
      </c>
      <c r="B59" s="34">
        <v>37</v>
      </c>
      <c r="C59" s="13">
        <v>33</v>
      </c>
      <c r="D59" s="12">
        <v>70</v>
      </c>
    </row>
    <row r="60" spans="1:4" ht="18" customHeight="1" x14ac:dyDescent="0.15">
      <c r="A60" s="8">
        <v>45</v>
      </c>
      <c r="B60" s="34">
        <v>7</v>
      </c>
      <c r="C60" s="13">
        <v>4</v>
      </c>
      <c r="D60" s="12">
        <v>11</v>
      </c>
    </row>
    <row r="61" spans="1:4" ht="18" customHeight="1" x14ac:dyDescent="0.15">
      <c r="A61" s="8">
        <v>46</v>
      </c>
      <c r="B61" s="34">
        <v>10</v>
      </c>
      <c r="C61" s="13">
        <v>10</v>
      </c>
      <c r="D61" s="12">
        <v>20</v>
      </c>
    </row>
    <row r="62" spans="1:4" ht="18" customHeight="1" x14ac:dyDescent="0.15">
      <c r="A62" s="8">
        <v>47</v>
      </c>
      <c r="B62" s="34">
        <v>5</v>
      </c>
      <c r="C62" s="13">
        <v>6</v>
      </c>
      <c r="D62" s="12">
        <v>11</v>
      </c>
    </row>
    <row r="63" spans="1:4" ht="18" customHeight="1" x14ac:dyDescent="0.15">
      <c r="A63" s="8">
        <v>48</v>
      </c>
      <c r="B63" s="34">
        <v>14</v>
      </c>
      <c r="C63" s="13">
        <v>12</v>
      </c>
      <c r="D63" s="12">
        <v>26</v>
      </c>
    </row>
    <row r="64" spans="1:4" ht="18" customHeight="1" x14ac:dyDescent="0.15">
      <c r="A64" s="8">
        <v>49</v>
      </c>
      <c r="B64" s="34">
        <v>14</v>
      </c>
      <c r="C64" s="13">
        <v>12</v>
      </c>
      <c r="D64" s="12">
        <v>26</v>
      </c>
    </row>
    <row r="65" spans="1:4" ht="18" customHeight="1" x14ac:dyDescent="0.15">
      <c r="A65" s="8" t="s">
        <v>45</v>
      </c>
      <c r="B65" s="34">
        <v>50</v>
      </c>
      <c r="C65" s="13">
        <v>44</v>
      </c>
      <c r="D65" s="12">
        <v>94</v>
      </c>
    </row>
    <row r="66" spans="1:4" ht="18" customHeight="1" x14ac:dyDescent="0.15">
      <c r="A66" s="8">
        <v>50</v>
      </c>
      <c r="B66" s="34">
        <v>10</v>
      </c>
      <c r="C66" s="13">
        <v>7</v>
      </c>
      <c r="D66" s="12">
        <v>17</v>
      </c>
    </row>
    <row r="67" spans="1:4" ht="18" customHeight="1" x14ac:dyDescent="0.15">
      <c r="A67" s="8">
        <v>51</v>
      </c>
      <c r="B67" s="34">
        <v>14</v>
      </c>
      <c r="C67" s="13">
        <v>7</v>
      </c>
      <c r="D67" s="12">
        <v>21</v>
      </c>
    </row>
    <row r="68" spans="1:4" ht="18" customHeight="1" x14ac:dyDescent="0.15">
      <c r="A68" s="8">
        <v>52</v>
      </c>
      <c r="B68" s="34">
        <v>9</v>
      </c>
      <c r="C68" s="13">
        <v>8</v>
      </c>
      <c r="D68" s="12">
        <v>17</v>
      </c>
    </row>
    <row r="69" spans="1:4" ht="18" customHeight="1" x14ac:dyDescent="0.15">
      <c r="A69" s="8">
        <v>53</v>
      </c>
      <c r="B69" s="34">
        <v>10</v>
      </c>
      <c r="C69" s="13">
        <v>5</v>
      </c>
      <c r="D69" s="12">
        <v>15</v>
      </c>
    </row>
    <row r="70" spans="1:4" ht="18" customHeight="1" x14ac:dyDescent="0.15">
      <c r="A70" s="8">
        <v>54</v>
      </c>
      <c r="B70" s="34">
        <v>3</v>
      </c>
      <c r="C70" s="13">
        <v>12</v>
      </c>
      <c r="D70" s="12">
        <v>15</v>
      </c>
    </row>
    <row r="71" spans="1:4" ht="18" customHeight="1" x14ac:dyDescent="0.15">
      <c r="A71" s="8" t="s">
        <v>58</v>
      </c>
      <c r="B71" s="34">
        <v>46</v>
      </c>
      <c r="C71" s="13">
        <v>39</v>
      </c>
      <c r="D71" s="12">
        <v>85</v>
      </c>
    </row>
    <row r="72" spans="1:4" ht="18" customHeight="1" x14ac:dyDescent="0.15">
      <c r="A72" s="8">
        <v>55</v>
      </c>
      <c r="B72" s="34">
        <v>3</v>
      </c>
      <c r="C72" s="13">
        <v>13</v>
      </c>
      <c r="D72" s="12">
        <v>16</v>
      </c>
    </row>
    <row r="73" spans="1:4" ht="18" customHeight="1" x14ac:dyDescent="0.15">
      <c r="A73" s="8">
        <v>56</v>
      </c>
      <c r="B73" s="34">
        <v>10</v>
      </c>
      <c r="C73" s="13">
        <v>7</v>
      </c>
      <c r="D73" s="12">
        <v>17</v>
      </c>
    </row>
    <row r="74" spans="1:4" ht="18" customHeight="1" x14ac:dyDescent="0.15">
      <c r="A74" s="8">
        <v>57</v>
      </c>
      <c r="B74" s="34">
        <v>7</v>
      </c>
      <c r="C74" s="13">
        <v>6</v>
      </c>
      <c r="D74" s="12">
        <v>13</v>
      </c>
    </row>
    <row r="75" spans="1:4" ht="18" customHeight="1" x14ac:dyDescent="0.15">
      <c r="A75" s="8">
        <v>58</v>
      </c>
      <c r="B75" s="34">
        <v>7</v>
      </c>
      <c r="C75" s="13">
        <v>10</v>
      </c>
      <c r="D75" s="12">
        <v>17</v>
      </c>
    </row>
    <row r="76" spans="1:4" ht="18" customHeight="1" x14ac:dyDescent="0.15">
      <c r="A76" s="8">
        <v>59</v>
      </c>
      <c r="B76" s="34">
        <v>9</v>
      </c>
      <c r="C76" s="13">
        <v>8</v>
      </c>
      <c r="D76" s="12">
        <v>17</v>
      </c>
    </row>
    <row r="77" spans="1:4" ht="18" customHeight="1" x14ac:dyDescent="0.15">
      <c r="A77" s="8" t="s">
        <v>71</v>
      </c>
      <c r="B77" s="34">
        <v>36</v>
      </c>
      <c r="C77" s="13">
        <v>44</v>
      </c>
      <c r="D77" s="12">
        <v>80</v>
      </c>
    </row>
    <row r="78" spans="1:4" ht="18" customHeight="1" x14ac:dyDescent="0.15">
      <c r="A78" s="8">
        <v>60</v>
      </c>
      <c r="B78" s="34">
        <v>3</v>
      </c>
      <c r="C78" s="13">
        <v>6</v>
      </c>
      <c r="D78" s="12">
        <v>9</v>
      </c>
    </row>
    <row r="79" spans="1:4" ht="18" customHeight="1" x14ac:dyDescent="0.15">
      <c r="A79" s="8">
        <v>61</v>
      </c>
      <c r="B79" s="34">
        <v>4</v>
      </c>
      <c r="C79" s="13">
        <v>12</v>
      </c>
      <c r="D79" s="12">
        <v>16</v>
      </c>
    </row>
    <row r="80" spans="1:4" ht="18" customHeight="1" x14ac:dyDescent="0.15">
      <c r="A80" s="8">
        <v>62</v>
      </c>
      <c r="B80" s="34">
        <v>3</v>
      </c>
      <c r="C80" s="13">
        <v>3</v>
      </c>
      <c r="D80" s="12">
        <v>6</v>
      </c>
    </row>
    <row r="81" spans="1:4" ht="18" customHeight="1" x14ac:dyDescent="0.15">
      <c r="A81" s="8">
        <v>63</v>
      </c>
      <c r="B81" s="34">
        <v>9</v>
      </c>
      <c r="C81" s="13">
        <v>11</v>
      </c>
      <c r="D81" s="12">
        <v>20</v>
      </c>
    </row>
    <row r="82" spans="1:4" ht="18" customHeight="1" x14ac:dyDescent="0.15">
      <c r="A82" s="8">
        <v>64</v>
      </c>
      <c r="B82" s="34">
        <v>6</v>
      </c>
      <c r="C82" s="13">
        <v>10</v>
      </c>
      <c r="D82" s="12">
        <v>16</v>
      </c>
    </row>
    <row r="83" spans="1:4" ht="18" customHeight="1" x14ac:dyDescent="0.15">
      <c r="A83" s="8" t="s">
        <v>325</v>
      </c>
      <c r="B83" s="34">
        <v>25</v>
      </c>
      <c r="C83" s="13">
        <v>42</v>
      </c>
      <c r="D83" s="12">
        <v>67</v>
      </c>
    </row>
    <row r="84" spans="1:4" ht="18" customHeight="1" x14ac:dyDescent="0.15">
      <c r="A84" s="8" t="s">
        <v>43</v>
      </c>
      <c r="B84" s="34">
        <v>316</v>
      </c>
      <c r="C84" s="13">
        <v>304</v>
      </c>
      <c r="D84" s="12">
        <v>620</v>
      </c>
    </row>
    <row r="85" spans="1:4" ht="18" customHeight="1" x14ac:dyDescent="0.15">
      <c r="A85" s="8">
        <v>65</v>
      </c>
      <c r="B85" s="34">
        <v>11</v>
      </c>
      <c r="C85" s="13">
        <v>10</v>
      </c>
      <c r="D85" s="12">
        <v>21</v>
      </c>
    </row>
    <row r="86" spans="1:4" ht="18" customHeight="1" x14ac:dyDescent="0.15">
      <c r="A86" s="8">
        <v>66</v>
      </c>
      <c r="B86" s="34">
        <v>18</v>
      </c>
      <c r="C86" s="13">
        <v>11</v>
      </c>
      <c r="D86" s="12">
        <v>29</v>
      </c>
    </row>
    <row r="87" spans="1:4" ht="18" customHeight="1" x14ac:dyDescent="0.15">
      <c r="A87" s="8">
        <v>67</v>
      </c>
      <c r="B87" s="34">
        <v>13</v>
      </c>
      <c r="C87" s="13">
        <v>10</v>
      </c>
      <c r="D87" s="12">
        <v>23</v>
      </c>
    </row>
    <row r="88" spans="1:4" ht="18" customHeight="1" x14ac:dyDescent="0.15">
      <c r="A88" s="8">
        <v>68</v>
      </c>
      <c r="B88" s="34">
        <v>13</v>
      </c>
      <c r="C88" s="13">
        <v>14</v>
      </c>
      <c r="D88" s="12">
        <v>27</v>
      </c>
    </row>
    <row r="89" spans="1:4" ht="18" customHeight="1" x14ac:dyDescent="0.15">
      <c r="A89" s="8">
        <v>69</v>
      </c>
      <c r="B89" s="34">
        <v>17</v>
      </c>
      <c r="C89" s="13">
        <v>15</v>
      </c>
      <c r="D89" s="12">
        <v>32</v>
      </c>
    </row>
    <row r="90" spans="1:4" ht="18" customHeight="1" x14ac:dyDescent="0.15">
      <c r="A90" s="8" t="s">
        <v>42</v>
      </c>
      <c r="B90" s="34">
        <v>72</v>
      </c>
      <c r="C90" s="13">
        <v>60</v>
      </c>
      <c r="D90" s="12">
        <v>132</v>
      </c>
    </row>
    <row r="91" spans="1:4" ht="18" customHeight="1" x14ac:dyDescent="0.15">
      <c r="A91" s="8">
        <v>70</v>
      </c>
      <c r="B91" s="34">
        <v>17</v>
      </c>
      <c r="C91" s="13">
        <v>17</v>
      </c>
      <c r="D91" s="12">
        <v>34</v>
      </c>
    </row>
    <row r="92" spans="1:4" ht="18" customHeight="1" x14ac:dyDescent="0.15">
      <c r="A92" s="8">
        <v>71</v>
      </c>
      <c r="B92" s="34">
        <v>16</v>
      </c>
      <c r="C92" s="13">
        <v>10</v>
      </c>
      <c r="D92" s="12">
        <v>26</v>
      </c>
    </row>
    <row r="93" spans="1:4" ht="18" customHeight="1" x14ac:dyDescent="0.15">
      <c r="A93" s="8">
        <v>72</v>
      </c>
      <c r="B93" s="34">
        <v>7</v>
      </c>
      <c r="C93" s="13">
        <v>12</v>
      </c>
      <c r="D93" s="12">
        <v>19</v>
      </c>
    </row>
    <row r="94" spans="1:4" ht="18" customHeight="1" x14ac:dyDescent="0.15">
      <c r="A94" s="8">
        <v>73</v>
      </c>
      <c r="B94" s="34">
        <v>18</v>
      </c>
      <c r="C94" s="13">
        <v>17</v>
      </c>
      <c r="D94" s="12">
        <v>35</v>
      </c>
    </row>
    <row r="95" spans="1:4" ht="18" customHeight="1" x14ac:dyDescent="0.15">
      <c r="A95" s="8">
        <v>74</v>
      </c>
      <c r="B95" s="34">
        <v>13</v>
      </c>
      <c r="C95" s="13">
        <v>17</v>
      </c>
      <c r="D95" s="12">
        <v>30</v>
      </c>
    </row>
    <row r="96" spans="1:4" ht="18" customHeight="1" x14ac:dyDescent="0.15">
      <c r="A96" s="8" t="s">
        <v>41</v>
      </c>
      <c r="B96" s="34">
        <v>71</v>
      </c>
      <c r="C96" s="13">
        <v>73</v>
      </c>
      <c r="D96" s="12">
        <v>144</v>
      </c>
    </row>
    <row r="97" spans="1:4" ht="18" customHeight="1" x14ac:dyDescent="0.15">
      <c r="A97" s="8">
        <v>75</v>
      </c>
      <c r="B97" s="34">
        <v>13</v>
      </c>
      <c r="C97" s="13">
        <v>11</v>
      </c>
      <c r="D97" s="12">
        <v>24</v>
      </c>
    </row>
    <row r="98" spans="1:4" ht="18" customHeight="1" x14ac:dyDescent="0.15">
      <c r="A98" s="8">
        <v>76</v>
      </c>
      <c r="B98" s="34">
        <v>13</v>
      </c>
      <c r="C98" s="13">
        <v>9</v>
      </c>
      <c r="D98" s="12">
        <v>22</v>
      </c>
    </row>
    <row r="99" spans="1:4" ht="18" customHeight="1" x14ac:dyDescent="0.15">
      <c r="A99" s="8">
        <v>77</v>
      </c>
      <c r="B99" s="34">
        <v>6</v>
      </c>
      <c r="C99" s="13">
        <v>5</v>
      </c>
      <c r="D99" s="12">
        <v>11</v>
      </c>
    </row>
    <row r="100" spans="1:4" ht="18" customHeight="1" x14ac:dyDescent="0.15">
      <c r="A100" s="8">
        <v>78</v>
      </c>
      <c r="B100" s="34">
        <v>7</v>
      </c>
      <c r="C100" s="13">
        <v>7</v>
      </c>
      <c r="D100" s="12">
        <v>14</v>
      </c>
    </row>
    <row r="101" spans="1:4" ht="18" customHeight="1" x14ac:dyDescent="0.15">
      <c r="A101" s="8">
        <v>79</v>
      </c>
      <c r="B101" s="34">
        <v>7</v>
      </c>
      <c r="C101" s="13">
        <v>8</v>
      </c>
      <c r="D101" s="12">
        <v>15</v>
      </c>
    </row>
    <row r="102" spans="1:4" ht="18" customHeight="1" x14ac:dyDescent="0.15">
      <c r="A102" s="8" t="s">
        <v>70</v>
      </c>
      <c r="B102" s="34">
        <v>46</v>
      </c>
      <c r="C102" s="13">
        <v>40</v>
      </c>
      <c r="D102" s="12">
        <v>86</v>
      </c>
    </row>
    <row r="103" spans="1:4" ht="18" customHeight="1" x14ac:dyDescent="0.15">
      <c r="A103" s="8">
        <v>80</v>
      </c>
      <c r="B103" s="34">
        <v>9</v>
      </c>
      <c r="C103" s="13">
        <v>6</v>
      </c>
      <c r="D103" s="12">
        <v>15</v>
      </c>
    </row>
    <row r="104" spans="1:4" ht="18" customHeight="1" x14ac:dyDescent="0.15">
      <c r="A104" s="8">
        <v>81</v>
      </c>
      <c r="B104" s="34">
        <v>7</v>
      </c>
      <c r="C104" s="13">
        <v>17</v>
      </c>
      <c r="D104" s="12">
        <v>24</v>
      </c>
    </row>
    <row r="105" spans="1:4" ht="18" customHeight="1" x14ac:dyDescent="0.15">
      <c r="A105" s="8">
        <v>82</v>
      </c>
      <c r="B105" s="34">
        <v>4</v>
      </c>
      <c r="C105" s="13">
        <v>9</v>
      </c>
      <c r="D105" s="12">
        <v>13</v>
      </c>
    </row>
    <row r="106" spans="1:4" ht="18" customHeight="1" x14ac:dyDescent="0.15">
      <c r="A106" s="8">
        <v>83</v>
      </c>
      <c r="B106" s="34">
        <v>7</v>
      </c>
      <c r="C106" s="13">
        <v>5</v>
      </c>
      <c r="D106" s="12">
        <v>12</v>
      </c>
    </row>
    <row r="107" spans="1:4" ht="18" customHeight="1" x14ac:dyDescent="0.15">
      <c r="A107" s="8">
        <v>84</v>
      </c>
      <c r="B107" s="34">
        <v>4</v>
      </c>
      <c r="C107" s="13">
        <v>6</v>
      </c>
      <c r="D107" s="12">
        <v>10</v>
      </c>
    </row>
    <row r="108" spans="1:4" ht="18" customHeight="1" x14ac:dyDescent="0.15">
      <c r="A108" s="8" t="s">
        <v>337</v>
      </c>
      <c r="B108" s="34">
        <v>31</v>
      </c>
      <c r="C108" s="13">
        <v>43</v>
      </c>
      <c r="D108" s="12">
        <v>74</v>
      </c>
    </row>
    <row r="109" spans="1:4" ht="18" customHeight="1" x14ac:dyDescent="0.15">
      <c r="A109" s="8">
        <v>85</v>
      </c>
      <c r="B109" s="34">
        <v>5</v>
      </c>
      <c r="C109" s="13">
        <v>6</v>
      </c>
      <c r="D109" s="12">
        <v>11</v>
      </c>
    </row>
    <row r="110" spans="1:4" ht="18" customHeight="1" x14ac:dyDescent="0.15">
      <c r="A110" s="8">
        <v>86</v>
      </c>
      <c r="B110" s="34">
        <v>5</v>
      </c>
      <c r="C110" s="13">
        <v>6</v>
      </c>
      <c r="D110" s="12">
        <v>11</v>
      </c>
    </row>
    <row r="111" spans="1:4" ht="18" customHeight="1" x14ac:dyDescent="0.15">
      <c r="A111" s="8">
        <v>87</v>
      </c>
      <c r="B111" s="34">
        <v>2</v>
      </c>
      <c r="C111" s="13">
        <v>9</v>
      </c>
      <c r="D111" s="12">
        <v>11</v>
      </c>
    </row>
    <row r="112" spans="1:4" ht="18" customHeight="1" x14ac:dyDescent="0.15">
      <c r="A112" s="8">
        <v>88</v>
      </c>
      <c r="B112" s="34">
        <v>3</v>
      </c>
      <c r="C112" s="13">
        <v>9</v>
      </c>
      <c r="D112" s="12">
        <v>12</v>
      </c>
    </row>
    <row r="113" spans="1:4" ht="18" customHeight="1" x14ac:dyDescent="0.15">
      <c r="A113" s="8">
        <v>89</v>
      </c>
      <c r="B113" s="34">
        <v>4</v>
      </c>
      <c r="C113" s="13">
        <v>9</v>
      </c>
      <c r="D113" s="12">
        <v>13</v>
      </c>
    </row>
    <row r="114" spans="1:4" ht="18" customHeight="1" x14ac:dyDescent="0.15">
      <c r="A114" s="8" t="s">
        <v>38</v>
      </c>
      <c r="B114" s="34">
        <v>19</v>
      </c>
      <c r="C114" s="13">
        <v>39</v>
      </c>
      <c r="D114" s="12">
        <v>58</v>
      </c>
    </row>
    <row r="115" spans="1:4" ht="18" customHeight="1" x14ac:dyDescent="0.15">
      <c r="A115" s="8">
        <v>90</v>
      </c>
      <c r="B115" s="34">
        <v>1</v>
      </c>
      <c r="C115" s="13">
        <v>5</v>
      </c>
      <c r="D115" s="12">
        <v>6</v>
      </c>
    </row>
    <row r="116" spans="1:4" ht="18" customHeight="1" x14ac:dyDescent="0.15">
      <c r="A116" s="8">
        <v>91</v>
      </c>
      <c r="B116" s="34">
        <v>3</v>
      </c>
      <c r="C116" s="13">
        <v>6</v>
      </c>
      <c r="D116" s="12">
        <v>9</v>
      </c>
    </row>
    <row r="117" spans="1:4" ht="18" customHeight="1" x14ac:dyDescent="0.15">
      <c r="A117" s="8">
        <v>92</v>
      </c>
      <c r="B117" s="34">
        <v>2</v>
      </c>
      <c r="C117" s="13">
        <v>5</v>
      </c>
      <c r="D117" s="12">
        <v>7</v>
      </c>
    </row>
    <row r="118" spans="1:4" ht="18" customHeight="1" x14ac:dyDescent="0.15">
      <c r="A118" s="8">
        <v>93</v>
      </c>
      <c r="B118" s="34">
        <v>2</v>
      </c>
      <c r="C118" s="13">
        <v>3</v>
      </c>
      <c r="D118" s="12">
        <v>5</v>
      </c>
    </row>
    <row r="119" spans="1:4" ht="18" customHeight="1" x14ac:dyDescent="0.15">
      <c r="A119" s="8">
        <v>94</v>
      </c>
      <c r="B119" s="34">
        <v>2</v>
      </c>
      <c r="C119" s="13">
        <v>7</v>
      </c>
      <c r="D119" s="12">
        <v>9</v>
      </c>
    </row>
    <row r="120" spans="1:4" ht="18" customHeight="1" x14ac:dyDescent="0.15">
      <c r="A120" s="8" t="s">
        <v>69</v>
      </c>
      <c r="B120" s="34">
        <v>10</v>
      </c>
      <c r="C120" s="13">
        <v>26</v>
      </c>
      <c r="D120" s="12">
        <v>36</v>
      </c>
    </row>
    <row r="121" spans="1:4" ht="18" customHeight="1" x14ac:dyDescent="0.15">
      <c r="A121" s="8">
        <v>95</v>
      </c>
      <c r="B121" s="34">
        <v>2</v>
      </c>
      <c r="C121" s="13">
        <v>7</v>
      </c>
      <c r="D121" s="12">
        <v>9</v>
      </c>
    </row>
    <row r="122" spans="1:4" ht="18" customHeight="1" x14ac:dyDescent="0.15">
      <c r="A122" s="8">
        <v>96</v>
      </c>
      <c r="B122" s="34">
        <v>0</v>
      </c>
      <c r="C122" s="13">
        <v>3</v>
      </c>
      <c r="D122" s="12">
        <v>3</v>
      </c>
    </row>
    <row r="123" spans="1:4" ht="18" customHeight="1" x14ac:dyDescent="0.15">
      <c r="A123" s="8">
        <v>97</v>
      </c>
      <c r="B123" s="34">
        <v>0</v>
      </c>
      <c r="C123" s="13">
        <v>2</v>
      </c>
      <c r="D123" s="12">
        <v>2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1</v>
      </c>
      <c r="C125" s="13">
        <v>3</v>
      </c>
      <c r="D125" s="12">
        <v>4</v>
      </c>
    </row>
    <row r="126" spans="1:4" ht="18" customHeight="1" x14ac:dyDescent="0.15">
      <c r="A126" s="8" t="s">
        <v>378</v>
      </c>
      <c r="B126" s="34">
        <v>3</v>
      </c>
      <c r="C126" s="13">
        <v>15</v>
      </c>
      <c r="D126" s="12">
        <v>18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1</v>
      </c>
      <c r="D128" s="12">
        <v>1</v>
      </c>
    </row>
    <row r="129" spans="1:4" ht="18" customHeight="1" x14ac:dyDescent="0.15">
      <c r="A129" s="8" t="s">
        <v>36</v>
      </c>
      <c r="B129" s="34">
        <v>0</v>
      </c>
      <c r="C129" s="13">
        <v>2</v>
      </c>
      <c r="D129" s="12">
        <v>2</v>
      </c>
    </row>
    <row r="130" spans="1:4" ht="18" customHeight="1" x14ac:dyDescent="0.15">
      <c r="A130" s="8" t="s">
        <v>35</v>
      </c>
      <c r="B130" s="28">
        <v>252</v>
      </c>
      <c r="C130" s="6">
        <v>298</v>
      </c>
      <c r="D130" s="5">
        <v>550</v>
      </c>
    </row>
    <row r="131" spans="1:4" ht="18" customHeight="1" x14ac:dyDescent="0.15">
      <c r="A131" s="4" t="s">
        <v>0</v>
      </c>
      <c r="B131" s="27">
        <v>631</v>
      </c>
      <c r="C131" s="2">
        <v>651</v>
      </c>
      <c r="D131" s="1">
        <v>128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8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0</v>
      </c>
      <c r="C5" s="44">
        <v>2</v>
      </c>
      <c r="D5" s="43">
        <v>2</v>
      </c>
    </row>
    <row r="6" spans="1:4" ht="18" customHeight="1" x14ac:dyDescent="0.15">
      <c r="A6" s="8">
        <v>1</v>
      </c>
      <c r="B6" s="39">
        <v>0</v>
      </c>
      <c r="C6" s="13">
        <v>1</v>
      </c>
      <c r="D6" s="12">
        <v>1</v>
      </c>
    </row>
    <row r="7" spans="1:4" ht="18" customHeight="1" x14ac:dyDescent="0.15">
      <c r="A7" s="8">
        <v>2</v>
      </c>
      <c r="B7" s="39">
        <v>3</v>
      </c>
      <c r="C7" s="13">
        <v>3</v>
      </c>
      <c r="D7" s="12">
        <v>6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2</v>
      </c>
      <c r="C9" s="41">
        <v>4</v>
      </c>
      <c r="D9" s="40">
        <v>6</v>
      </c>
    </row>
    <row r="10" spans="1:4" ht="18" customHeight="1" x14ac:dyDescent="0.15">
      <c r="A10" s="8" t="s">
        <v>76</v>
      </c>
      <c r="B10" s="34">
        <v>5</v>
      </c>
      <c r="C10" s="13">
        <v>10</v>
      </c>
      <c r="D10" s="12">
        <v>15</v>
      </c>
    </row>
    <row r="11" spans="1:4" ht="18" customHeight="1" x14ac:dyDescent="0.15">
      <c r="A11" s="8">
        <v>5</v>
      </c>
      <c r="B11" s="39">
        <v>1</v>
      </c>
      <c r="C11" s="13">
        <v>1</v>
      </c>
      <c r="D11" s="12">
        <v>2</v>
      </c>
    </row>
    <row r="12" spans="1:4" ht="18" customHeight="1" x14ac:dyDescent="0.15">
      <c r="A12" s="8">
        <v>6</v>
      </c>
      <c r="B12" s="39">
        <v>2</v>
      </c>
      <c r="C12" s="13">
        <v>0</v>
      </c>
      <c r="D12" s="12">
        <v>2</v>
      </c>
    </row>
    <row r="13" spans="1:4" ht="18" customHeight="1" x14ac:dyDescent="0.15">
      <c r="A13" s="8">
        <v>7</v>
      </c>
      <c r="B13" s="39">
        <v>1</v>
      </c>
      <c r="C13" s="13">
        <v>1</v>
      </c>
      <c r="D13" s="12">
        <v>2</v>
      </c>
    </row>
    <row r="14" spans="1:4" ht="18" customHeight="1" x14ac:dyDescent="0.15">
      <c r="A14" s="8">
        <v>8</v>
      </c>
      <c r="B14" s="39">
        <v>2</v>
      </c>
      <c r="C14" s="13">
        <v>3</v>
      </c>
      <c r="D14" s="12">
        <v>5</v>
      </c>
    </row>
    <row r="15" spans="1:4" ht="18" customHeight="1" x14ac:dyDescent="0.15">
      <c r="A15" s="8">
        <v>9</v>
      </c>
      <c r="B15" s="39">
        <v>1</v>
      </c>
      <c r="C15" s="13">
        <v>1</v>
      </c>
      <c r="D15" s="12">
        <v>2</v>
      </c>
    </row>
    <row r="16" spans="1:4" ht="18" customHeight="1" x14ac:dyDescent="0.15">
      <c r="A16" s="8" t="s">
        <v>50</v>
      </c>
      <c r="B16" s="34">
        <v>7</v>
      </c>
      <c r="C16" s="13">
        <v>6</v>
      </c>
      <c r="D16" s="12">
        <v>13</v>
      </c>
    </row>
    <row r="17" spans="1:4" ht="18" customHeight="1" x14ac:dyDescent="0.15">
      <c r="A17" s="8">
        <v>10</v>
      </c>
      <c r="B17" s="34">
        <v>3</v>
      </c>
      <c r="C17" s="13">
        <v>2</v>
      </c>
      <c r="D17" s="12">
        <v>5</v>
      </c>
    </row>
    <row r="18" spans="1:4" ht="18" customHeight="1" x14ac:dyDescent="0.15">
      <c r="A18" s="8">
        <v>11</v>
      </c>
      <c r="B18" s="34">
        <v>5</v>
      </c>
      <c r="C18" s="13">
        <v>2</v>
      </c>
      <c r="D18" s="12">
        <v>7</v>
      </c>
    </row>
    <row r="19" spans="1:4" ht="18" customHeight="1" x14ac:dyDescent="0.15">
      <c r="A19" s="8">
        <v>12</v>
      </c>
      <c r="B19" s="34">
        <v>7</v>
      </c>
      <c r="C19" s="13">
        <v>2</v>
      </c>
      <c r="D19" s="12">
        <v>9</v>
      </c>
    </row>
    <row r="20" spans="1:4" ht="18" customHeight="1" x14ac:dyDescent="0.15">
      <c r="A20" s="8">
        <v>13</v>
      </c>
      <c r="B20" s="34">
        <v>6</v>
      </c>
      <c r="C20" s="13">
        <v>0</v>
      </c>
      <c r="D20" s="12">
        <v>6</v>
      </c>
    </row>
    <row r="21" spans="1:4" ht="18" customHeight="1" x14ac:dyDescent="0.15">
      <c r="A21" s="8">
        <v>14</v>
      </c>
      <c r="B21" s="34">
        <v>5</v>
      </c>
      <c r="C21" s="13">
        <v>5</v>
      </c>
      <c r="D21" s="12">
        <v>10</v>
      </c>
    </row>
    <row r="22" spans="1:4" ht="18" customHeight="1" x14ac:dyDescent="0.15">
      <c r="A22" s="8" t="s">
        <v>75</v>
      </c>
      <c r="B22" s="34">
        <v>26</v>
      </c>
      <c r="C22" s="13">
        <v>11</v>
      </c>
      <c r="D22" s="12">
        <v>37</v>
      </c>
    </row>
    <row r="23" spans="1:4" ht="18" customHeight="1" x14ac:dyDescent="0.15">
      <c r="A23" s="8" t="s">
        <v>65</v>
      </c>
      <c r="B23" s="34">
        <v>38</v>
      </c>
      <c r="C23" s="13">
        <v>27</v>
      </c>
      <c r="D23" s="12">
        <v>65</v>
      </c>
    </row>
    <row r="24" spans="1:4" ht="18" customHeight="1" x14ac:dyDescent="0.15">
      <c r="A24" s="8">
        <v>15</v>
      </c>
      <c r="B24" s="34">
        <v>1</v>
      </c>
      <c r="C24" s="13">
        <v>1</v>
      </c>
      <c r="D24" s="12">
        <v>2</v>
      </c>
    </row>
    <row r="25" spans="1:4" ht="18" customHeight="1" x14ac:dyDescent="0.15">
      <c r="A25" s="8">
        <v>16</v>
      </c>
      <c r="B25" s="34">
        <v>8</v>
      </c>
      <c r="C25" s="13">
        <v>5</v>
      </c>
      <c r="D25" s="12">
        <v>13</v>
      </c>
    </row>
    <row r="26" spans="1:4" ht="18" customHeight="1" x14ac:dyDescent="0.15">
      <c r="A26" s="8">
        <v>17</v>
      </c>
      <c r="B26" s="34">
        <v>5</v>
      </c>
      <c r="C26" s="13">
        <v>5</v>
      </c>
      <c r="D26" s="12">
        <v>10</v>
      </c>
    </row>
    <row r="27" spans="1:4" ht="18" customHeight="1" x14ac:dyDescent="0.15">
      <c r="A27" s="8">
        <v>18</v>
      </c>
      <c r="B27" s="34">
        <v>2</v>
      </c>
      <c r="C27" s="13">
        <v>3</v>
      </c>
      <c r="D27" s="12">
        <v>5</v>
      </c>
    </row>
    <row r="28" spans="1:4" ht="18" customHeight="1" x14ac:dyDescent="0.15">
      <c r="A28" s="8">
        <v>19</v>
      </c>
      <c r="B28" s="34">
        <v>6</v>
      </c>
      <c r="C28" s="13">
        <v>3</v>
      </c>
      <c r="D28" s="12">
        <v>9</v>
      </c>
    </row>
    <row r="29" spans="1:4" ht="18" customHeight="1" x14ac:dyDescent="0.15">
      <c r="A29" s="8" t="s">
        <v>48</v>
      </c>
      <c r="B29" s="34">
        <v>22</v>
      </c>
      <c r="C29" s="13">
        <v>17</v>
      </c>
      <c r="D29" s="12">
        <v>39</v>
      </c>
    </row>
    <row r="30" spans="1:4" ht="18" customHeight="1" x14ac:dyDescent="0.15">
      <c r="A30" s="8">
        <v>20</v>
      </c>
      <c r="B30" s="34">
        <v>5</v>
      </c>
      <c r="C30" s="13">
        <v>3</v>
      </c>
      <c r="D30" s="12">
        <v>8</v>
      </c>
    </row>
    <row r="31" spans="1:4" ht="18" customHeight="1" x14ac:dyDescent="0.15">
      <c r="A31" s="8">
        <v>21</v>
      </c>
      <c r="B31" s="34">
        <v>6</v>
      </c>
      <c r="C31" s="13">
        <v>4</v>
      </c>
      <c r="D31" s="12">
        <v>10</v>
      </c>
    </row>
    <row r="32" spans="1:4" ht="18" customHeight="1" x14ac:dyDescent="0.15">
      <c r="A32" s="8">
        <v>22</v>
      </c>
      <c r="B32" s="34">
        <v>5</v>
      </c>
      <c r="C32" s="13">
        <v>4</v>
      </c>
      <c r="D32" s="12">
        <v>9</v>
      </c>
    </row>
    <row r="33" spans="1:4" ht="18" customHeight="1" x14ac:dyDescent="0.15">
      <c r="A33" s="8">
        <v>23</v>
      </c>
      <c r="B33" s="34">
        <v>2</v>
      </c>
      <c r="C33" s="13">
        <v>1</v>
      </c>
      <c r="D33" s="12">
        <v>3</v>
      </c>
    </row>
    <row r="34" spans="1:4" ht="18" customHeight="1" x14ac:dyDescent="0.15">
      <c r="A34" s="8">
        <v>24</v>
      </c>
      <c r="B34" s="34">
        <v>3</v>
      </c>
      <c r="C34" s="13">
        <v>2</v>
      </c>
      <c r="D34" s="12">
        <v>5</v>
      </c>
    </row>
    <row r="35" spans="1:4" ht="18" customHeight="1" x14ac:dyDescent="0.15">
      <c r="A35" s="8" t="s">
        <v>74</v>
      </c>
      <c r="B35" s="34">
        <v>21</v>
      </c>
      <c r="C35" s="13">
        <v>14</v>
      </c>
      <c r="D35" s="12">
        <v>35</v>
      </c>
    </row>
    <row r="36" spans="1:4" ht="18" customHeight="1" x14ac:dyDescent="0.15">
      <c r="A36" s="8">
        <v>25</v>
      </c>
      <c r="B36" s="34">
        <v>5</v>
      </c>
      <c r="C36" s="13">
        <v>2</v>
      </c>
      <c r="D36" s="12">
        <v>7</v>
      </c>
    </row>
    <row r="37" spans="1:4" ht="18" customHeight="1" x14ac:dyDescent="0.15">
      <c r="A37" s="8">
        <v>26</v>
      </c>
      <c r="B37" s="34">
        <v>6</v>
      </c>
      <c r="C37" s="13">
        <v>3</v>
      </c>
      <c r="D37" s="12">
        <v>9</v>
      </c>
    </row>
    <row r="38" spans="1:4" ht="18" customHeight="1" x14ac:dyDescent="0.15">
      <c r="A38" s="8">
        <v>27</v>
      </c>
      <c r="B38" s="34">
        <v>2</v>
      </c>
      <c r="C38" s="13">
        <v>6</v>
      </c>
      <c r="D38" s="12">
        <v>8</v>
      </c>
    </row>
    <row r="39" spans="1:4" ht="18" customHeight="1" x14ac:dyDescent="0.15">
      <c r="A39" s="8">
        <v>28</v>
      </c>
      <c r="B39" s="34">
        <v>3</v>
      </c>
      <c r="C39" s="13">
        <v>2</v>
      </c>
      <c r="D39" s="12">
        <v>5</v>
      </c>
    </row>
    <row r="40" spans="1:4" ht="18" customHeight="1" x14ac:dyDescent="0.15">
      <c r="A40" s="8">
        <v>29</v>
      </c>
      <c r="B40" s="34">
        <v>1</v>
      </c>
      <c r="C40" s="13">
        <v>5</v>
      </c>
      <c r="D40" s="12">
        <v>6</v>
      </c>
    </row>
    <row r="41" spans="1:4" ht="18" customHeight="1" x14ac:dyDescent="0.15">
      <c r="A41" s="8" t="s">
        <v>73</v>
      </c>
      <c r="B41" s="34">
        <v>17</v>
      </c>
      <c r="C41" s="13">
        <v>18</v>
      </c>
      <c r="D41" s="12">
        <v>35</v>
      </c>
    </row>
    <row r="42" spans="1:4" ht="18" customHeight="1" x14ac:dyDescent="0.15">
      <c r="A42" s="8">
        <v>30</v>
      </c>
      <c r="B42" s="34">
        <v>3</v>
      </c>
      <c r="C42" s="13">
        <v>2</v>
      </c>
      <c r="D42" s="12">
        <v>5</v>
      </c>
    </row>
    <row r="43" spans="1:4" ht="18" customHeight="1" x14ac:dyDescent="0.15">
      <c r="A43" s="8">
        <v>31</v>
      </c>
      <c r="B43" s="34">
        <v>3</v>
      </c>
      <c r="C43" s="13">
        <v>3</v>
      </c>
      <c r="D43" s="12">
        <v>6</v>
      </c>
    </row>
    <row r="44" spans="1:4" ht="18" customHeight="1" x14ac:dyDescent="0.15">
      <c r="A44" s="8">
        <v>32</v>
      </c>
      <c r="B44" s="34">
        <v>5</v>
      </c>
      <c r="C44" s="13">
        <v>1</v>
      </c>
      <c r="D44" s="12">
        <v>6</v>
      </c>
    </row>
    <row r="45" spans="1:4" ht="18" customHeight="1" x14ac:dyDescent="0.15">
      <c r="A45" s="8">
        <v>33</v>
      </c>
      <c r="B45" s="34">
        <v>2</v>
      </c>
      <c r="C45" s="13">
        <v>0</v>
      </c>
      <c r="D45" s="12">
        <v>2</v>
      </c>
    </row>
    <row r="46" spans="1:4" ht="18" customHeight="1" x14ac:dyDescent="0.15">
      <c r="A46" s="8">
        <v>34</v>
      </c>
      <c r="B46" s="34">
        <v>2</v>
      </c>
      <c r="C46" s="13">
        <v>5</v>
      </c>
      <c r="D46" s="12">
        <v>7</v>
      </c>
    </row>
    <row r="47" spans="1:4" ht="18" customHeight="1" x14ac:dyDescent="0.15">
      <c r="A47" s="8" t="s">
        <v>61</v>
      </c>
      <c r="B47" s="34">
        <v>15</v>
      </c>
      <c r="C47" s="13">
        <v>11</v>
      </c>
      <c r="D47" s="12">
        <v>26</v>
      </c>
    </row>
    <row r="48" spans="1:4" ht="18" customHeight="1" x14ac:dyDescent="0.15">
      <c r="A48" s="8">
        <v>35</v>
      </c>
      <c r="B48" s="34">
        <v>3</v>
      </c>
      <c r="C48" s="13">
        <v>0</v>
      </c>
      <c r="D48" s="12">
        <v>3</v>
      </c>
    </row>
    <row r="49" spans="1:4" ht="18" customHeight="1" x14ac:dyDescent="0.15">
      <c r="A49" s="8">
        <v>36</v>
      </c>
      <c r="B49" s="34">
        <v>3</v>
      </c>
      <c r="C49" s="13">
        <v>3</v>
      </c>
      <c r="D49" s="12">
        <v>6</v>
      </c>
    </row>
    <row r="50" spans="1:4" ht="18" customHeight="1" x14ac:dyDescent="0.15">
      <c r="A50" s="8">
        <v>37</v>
      </c>
      <c r="B50" s="34">
        <v>4</v>
      </c>
      <c r="C50" s="13">
        <v>5</v>
      </c>
      <c r="D50" s="12">
        <v>9</v>
      </c>
    </row>
    <row r="51" spans="1:4" ht="18" customHeight="1" x14ac:dyDescent="0.15">
      <c r="A51" s="8">
        <v>38</v>
      </c>
      <c r="B51" s="34">
        <v>2</v>
      </c>
      <c r="C51" s="13">
        <v>7</v>
      </c>
      <c r="D51" s="12">
        <v>9</v>
      </c>
    </row>
    <row r="52" spans="1:4" ht="18" customHeight="1" x14ac:dyDescent="0.15">
      <c r="A52" s="8">
        <v>39</v>
      </c>
      <c r="B52" s="34">
        <v>7</v>
      </c>
      <c r="C52" s="13">
        <v>1</v>
      </c>
      <c r="D52" s="12">
        <v>8</v>
      </c>
    </row>
    <row r="53" spans="1:4" ht="18" customHeight="1" x14ac:dyDescent="0.15">
      <c r="A53" s="8" t="s">
        <v>72</v>
      </c>
      <c r="B53" s="34">
        <v>19</v>
      </c>
      <c r="C53" s="13">
        <v>16</v>
      </c>
      <c r="D53" s="12">
        <v>35</v>
      </c>
    </row>
    <row r="54" spans="1:4" ht="18" customHeight="1" x14ac:dyDescent="0.15">
      <c r="A54" s="8">
        <v>40</v>
      </c>
      <c r="B54" s="34">
        <v>7</v>
      </c>
      <c r="C54" s="13">
        <v>0</v>
      </c>
      <c r="D54" s="12">
        <v>7</v>
      </c>
    </row>
    <row r="55" spans="1:4" ht="18" customHeight="1" x14ac:dyDescent="0.15">
      <c r="A55" s="8">
        <v>41</v>
      </c>
      <c r="B55" s="34">
        <v>5</v>
      </c>
      <c r="C55" s="13">
        <v>3</v>
      </c>
      <c r="D55" s="12">
        <v>8</v>
      </c>
    </row>
    <row r="56" spans="1:4" ht="18" customHeight="1" x14ac:dyDescent="0.15">
      <c r="A56" s="8">
        <v>42</v>
      </c>
      <c r="B56" s="34">
        <v>1</v>
      </c>
      <c r="C56" s="13">
        <v>4</v>
      </c>
      <c r="D56" s="12">
        <v>5</v>
      </c>
    </row>
    <row r="57" spans="1:4" ht="18" customHeight="1" x14ac:dyDescent="0.15">
      <c r="A57" s="8">
        <v>43</v>
      </c>
      <c r="B57" s="34">
        <v>8</v>
      </c>
      <c r="C57" s="13">
        <v>5</v>
      </c>
      <c r="D57" s="12">
        <v>13</v>
      </c>
    </row>
    <row r="58" spans="1:4" ht="18" customHeight="1" x14ac:dyDescent="0.15">
      <c r="A58" s="8">
        <v>44</v>
      </c>
      <c r="B58" s="34">
        <v>4</v>
      </c>
      <c r="C58" s="13">
        <v>6</v>
      </c>
      <c r="D58" s="12">
        <v>10</v>
      </c>
    </row>
    <row r="59" spans="1:4" ht="18" customHeight="1" x14ac:dyDescent="0.15">
      <c r="A59" s="8" t="s">
        <v>347</v>
      </c>
      <c r="B59" s="34">
        <v>25</v>
      </c>
      <c r="C59" s="13">
        <v>18</v>
      </c>
      <c r="D59" s="12">
        <v>43</v>
      </c>
    </row>
    <row r="60" spans="1:4" ht="18" customHeight="1" x14ac:dyDescent="0.15">
      <c r="A60" s="8">
        <v>45</v>
      </c>
      <c r="B60" s="34">
        <v>6</v>
      </c>
      <c r="C60" s="13">
        <v>2</v>
      </c>
      <c r="D60" s="12">
        <v>8</v>
      </c>
    </row>
    <row r="61" spans="1:4" ht="18" customHeight="1" x14ac:dyDescent="0.15">
      <c r="A61" s="8">
        <v>46</v>
      </c>
      <c r="B61" s="34">
        <v>10</v>
      </c>
      <c r="C61" s="13">
        <v>4</v>
      </c>
      <c r="D61" s="12">
        <v>14</v>
      </c>
    </row>
    <row r="62" spans="1:4" ht="18" customHeight="1" x14ac:dyDescent="0.15">
      <c r="A62" s="8">
        <v>47</v>
      </c>
      <c r="B62" s="34">
        <v>6</v>
      </c>
      <c r="C62" s="13">
        <v>8</v>
      </c>
      <c r="D62" s="12">
        <v>14</v>
      </c>
    </row>
    <row r="63" spans="1:4" ht="18" customHeight="1" x14ac:dyDescent="0.15">
      <c r="A63" s="8">
        <v>48</v>
      </c>
      <c r="B63" s="34">
        <v>9</v>
      </c>
      <c r="C63" s="13">
        <v>5</v>
      </c>
      <c r="D63" s="12">
        <v>14</v>
      </c>
    </row>
    <row r="64" spans="1:4" ht="18" customHeight="1" x14ac:dyDescent="0.15">
      <c r="A64" s="8">
        <v>49</v>
      </c>
      <c r="B64" s="34">
        <v>4</v>
      </c>
      <c r="C64" s="13">
        <v>10</v>
      </c>
      <c r="D64" s="12">
        <v>14</v>
      </c>
    </row>
    <row r="65" spans="1:4" ht="18" customHeight="1" x14ac:dyDescent="0.15">
      <c r="A65" s="8" t="s">
        <v>45</v>
      </c>
      <c r="B65" s="34">
        <v>35</v>
      </c>
      <c r="C65" s="13">
        <v>29</v>
      </c>
      <c r="D65" s="12">
        <v>64</v>
      </c>
    </row>
    <row r="66" spans="1:4" ht="18" customHeight="1" x14ac:dyDescent="0.15">
      <c r="A66" s="8">
        <v>50</v>
      </c>
      <c r="B66" s="34">
        <v>9</v>
      </c>
      <c r="C66" s="13">
        <v>6</v>
      </c>
      <c r="D66" s="12">
        <v>15</v>
      </c>
    </row>
    <row r="67" spans="1:4" ht="18" customHeight="1" x14ac:dyDescent="0.15">
      <c r="A67" s="8">
        <v>51</v>
      </c>
      <c r="B67" s="34">
        <v>4</v>
      </c>
      <c r="C67" s="13">
        <v>4</v>
      </c>
      <c r="D67" s="12">
        <v>8</v>
      </c>
    </row>
    <row r="68" spans="1:4" ht="18" customHeight="1" x14ac:dyDescent="0.15">
      <c r="A68" s="8">
        <v>52</v>
      </c>
      <c r="B68" s="34">
        <v>6</v>
      </c>
      <c r="C68" s="13">
        <v>14</v>
      </c>
      <c r="D68" s="12">
        <v>20</v>
      </c>
    </row>
    <row r="69" spans="1:4" ht="18" customHeight="1" x14ac:dyDescent="0.15">
      <c r="A69" s="8">
        <v>53</v>
      </c>
      <c r="B69" s="34">
        <v>7</v>
      </c>
      <c r="C69" s="13">
        <v>6</v>
      </c>
      <c r="D69" s="12">
        <v>13</v>
      </c>
    </row>
    <row r="70" spans="1:4" ht="18" customHeight="1" x14ac:dyDescent="0.15">
      <c r="A70" s="8">
        <v>54</v>
      </c>
      <c r="B70" s="34">
        <v>4</v>
      </c>
      <c r="C70" s="13">
        <v>7</v>
      </c>
      <c r="D70" s="12">
        <v>11</v>
      </c>
    </row>
    <row r="71" spans="1:4" ht="18" customHeight="1" x14ac:dyDescent="0.15">
      <c r="A71" s="8" t="s">
        <v>58</v>
      </c>
      <c r="B71" s="34">
        <v>30</v>
      </c>
      <c r="C71" s="13">
        <v>37</v>
      </c>
      <c r="D71" s="12">
        <v>67</v>
      </c>
    </row>
    <row r="72" spans="1:4" ht="18" customHeight="1" x14ac:dyDescent="0.15">
      <c r="A72" s="8">
        <v>55</v>
      </c>
      <c r="B72" s="34">
        <v>6</v>
      </c>
      <c r="C72" s="13">
        <v>6</v>
      </c>
      <c r="D72" s="12">
        <v>12</v>
      </c>
    </row>
    <row r="73" spans="1:4" ht="18" customHeight="1" x14ac:dyDescent="0.15">
      <c r="A73" s="8">
        <v>56</v>
      </c>
      <c r="B73" s="34">
        <v>5</v>
      </c>
      <c r="C73" s="13">
        <v>4</v>
      </c>
      <c r="D73" s="12">
        <v>9</v>
      </c>
    </row>
    <row r="74" spans="1:4" ht="18" customHeight="1" x14ac:dyDescent="0.15">
      <c r="A74" s="8">
        <v>57</v>
      </c>
      <c r="B74" s="34">
        <v>4</v>
      </c>
      <c r="C74" s="13">
        <v>5</v>
      </c>
      <c r="D74" s="12">
        <v>9</v>
      </c>
    </row>
    <row r="75" spans="1:4" ht="18" customHeight="1" x14ac:dyDescent="0.15">
      <c r="A75" s="8">
        <v>58</v>
      </c>
      <c r="B75" s="34">
        <v>2</v>
      </c>
      <c r="C75" s="13">
        <v>6</v>
      </c>
      <c r="D75" s="12">
        <v>8</v>
      </c>
    </row>
    <row r="76" spans="1:4" ht="18" customHeight="1" x14ac:dyDescent="0.15">
      <c r="A76" s="8">
        <v>59</v>
      </c>
      <c r="B76" s="34">
        <v>9</v>
      </c>
      <c r="C76" s="13">
        <v>7</v>
      </c>
      <c r="D76" s="12">
        <v>16</v>
      </c>
    </row>
    <row r="77" spans="1:4" ht="18" customHeight="1" x14ac:dyDescent="0.15">
      <c r="A77" s="8" t="s">
        <v>71</v>
      </c>
      <c r="B77" s="34">
        <v>26</v>
      </c>
      <c r="C77" s="13">
        <v>28</v>
      </c>
      <c r="D77" s="12">
        <v>54</v>
      </c>
    </row>
    <row r="78" spans="1:4" ht="18" customHeight="1" x14ac:dyDescent="0.15">
      <c r="A78" s="8">
        <v>60</v>
      </c>
      <c r="B78" s="34">
        <v>6</v>
      </c>
      <c r="C78" s="13">
        <v>4</v>
      </c>
      <c r="D78" s="12">
        <v>10</v>
      </c>
    </row>
    <row r="79" spans="1:4" ht="18" customHeight="1" x14ac:dyDescent="0.15">
      <c r="A79" s="8">
        <v>61</v>
      </c>
      <c r="B79" s="34">
        <v>2</v>
      </c>
      <c r="C79" s="13">
        <v>4</v>
      </c>
      <c r="D79" s="12">
        <v>6</v>
      </c>
    </row>
    <row r="80" spans="1:4" ht="18" customHeight="1" x14ac:dyDescent="0.15">
      <c r="A80" s="8">
        <v>62</v>
      </c>
      <c r="B80" s="34">
        <v>8</v>
      </c>
      <c r="C80" s="13">
        <v>6</v>
      </c>
      <c r="D80" s="12">
        <v>14</v>
      </c>
    </row>
    <row r="81" spans="1:4" ht="18" customHeight="1" x14ac:dyDescent="0.15">
      <c r="A81" s="8">
        <v>63</v>
      </c>
      <c r="B81" s="34">
        <v>3</v>
      </c>
      <c r="C81" s="13">
        <v>7</v>
      </c>
      <c r="D81" s="12">
        <v>10</v>
      </c>
    </row>
    <row r="82" spans="1:4" ht="18" customHeight="1" x14ac:dyDescent="0.15">
      <c r="A82" s="8">
        <v>64</v>
      </c>
      <c r="B82" s="34">
        <v>7</v>
      </c>
      <c r="C82" s="13">
        <v>9</v>
      </c>
      <c r="D82" s="12">
        <v>16</v>
      </c>
    </row>
    <row r="83" spans="1:4" ht="18" customHeight="1" x14ac:dyDescent="0.15">
      <c r="A83" s="8" t="s">
        <v>44</v>
      </c>
      <c r="B83" s="34">
        <v>26</v>
      </c>
      <c r="C83" s="13">
        <v>30</v>
      </c>
      <c r="D83" s="12">
        <v>56</v>
      </c>
    </row>
    <row r="84" spans="1:4" ht="18" customHeight="1" x14ac:dyDescent="0.15">
      <c r="A84" s="8" t="s">
        <v>227</v>
      </c>
      <c r="B84" s="34">
        <v>236</v>
      </c>
      <c r="C84" s="13">
        <v>218</v>
      </c>
      <c r="D84" s="12">
        <v>454</v>
      </c>
    </row>
    <row r="85" spans="1:4" ht="18" customHeight="1" x14ac:dyDescent="0.15">
      <c r="A85" s="8">
        <v>65</v>
      </c>
      <c r="B85" s="34">
        <v>5</v>
      </c>
      <c r="C85" s="13">
        <v>4</v>
      </c>
      <c r="D85" s="12">
        <v>9</v>
      </c>
    </row>
    <row r="86" spans="1:4" ht="18" customHeight="1" x14ac:dyDescent="0.15">
      <c r="A86" s="8">
        <v>66</v>
      </c>
      <c r="B86" s="34">
        <v>5</v>
      </c>
      <c r="C86" s="13">
        <v>2</v>
      </c>
      <c r="D86" s="12">
        <v>7</v>
      </c>
    </row>
    <row r="87" spans="1:4" ht="18" customHeight="1" x14ac:dyDescent="0.15">
      <c r="A87" s="8">
        <v>67</v>
      </c>
      <c r="B87" s="34">
        <v>4</v>
      </c>
      <c r="C87" s="13">
        <v>9</v>
      </c>
      <c r="D87" s="12">
        <v>13</v>
      </c>
    </row>
    <row r="88" spans="1:4" ht="18" customHeight="1" x14ac:dyDescent="0.15">
      <c r="A88" s="8">
        <v>68</v>
      </c>
      <c r="B88" s="34">
        <v>9</v>
      </c>
      <c r="C88" s="13">
        <v>8</v>
      </c>
      <c r="D88" s="12">
        <v>17</v>
      </c>
    </row>
    <row r="89" spans="1:4" ht="18" customHeight="1" x14ac:dyDescent="0.15">
      <c r="A89" s="8">
        <v>69</v>
      </c>
      <c r="B89" s="34">
        <v>11</v>
      </c>
      <c r="C89" s="13">
        <v>8</v>
      </c>
      <c r="D89" s="12">
        <v>19</v>
      </c>
    </row>
    <row r="90" spans="1:4" ht="18" customHeight="1" x14ac:dyDescent="0.15">
      <c r="A90" s="8" t="s">
        <v>42</v>
      </c>
      <c r="B90" s="34">
        <v>34</v>
      </c>
      <c r="C90" s="13">
        <v>31</v>
      </c>
      <c r="D90" s="12">
        <v>65</v>
      </c>
    </row>
    <row r="91" spans="1:4" ht="18" customHeight="1" x14ac:dyDescent="0.15">
      <c r="A91" s="8">
        <v>70</v>
      </c>
      <c r="B91" s="34">
        <v>8</v>
      </c>
      <c r="C91" s="13">
        <v>4</v>
      </c>
      <c r="D91" s="12">
        <v>12</v>
      </c>
    </row>
    <row r="92" spans="1:4" ht="18" customHeight="1" x14ac:dyDescent="0.15">
      <c r="A92" s="8">
        <v>71</v>
      </c>
      <c r="B92" s="34">
        <v>11</v>
      </c>
      <c r="C92" s="13">
        <v>10</v>
      </c>
      <c r="D92" s="12">
        <v>21</v>
      </c>
    </row>
    <row r="93" spans="1:4" ht="18" customHeight="1" x14ac:dyDescent="0.15">
      <c r="A93" s="8">
        <v>72</v>
      </c>
      <c r="B93" s="34">
        <v>5</v>
      </c>
      <c r="C93" s="13">
        <v>12</v>
      </c>
      <c r="D93" s="12">
        <v>17</v>
      </c>
    </row>
    <row r="94" spans="1:4" ht="18" customHeight="1" x14ac:dyDescent="0.15">
      <c r="A94" s="8">
        <v>73</v>
      </c>
      <c r="B94" s="34">
        <v>7</v>
      </c>
      <c r="C94" s="13">
        <v>12</v>
      </c>
      <c r="D94" s="12">
        <v>19</v>
      </c>
    </row>
    <row r="95" spans="1:4" ht="18" customHeight="1" x14ac:dyDescent="0.15">
      <c r="A95" s="8">
        <v>74</v>
      </c>
      <c r="B95" s="34">
        <v>8</v>
      </c>
      <c r="C95" s="13">
        <v>15</v>
      </c>
      <c r="D95" s="12">
        <v>23</v>
      </c>
    </row>
    <row r="96" spans="1:4" ht="18" customHeight="1" x14ac:dyDescent="0.15">
      <c r="A96" s="8" t="s">
        <v>41</v>
      </c>
      <c r="B96" s="34">
        <v>39</v>
      </c>
      <c r="C96" s="13">
        <v>53</v>
      </c>
      <c r="D96" s="12">
        <v>92</v>
      </c>
    </row>
    <row r="97" spans="1:4" ht="18" customHeight="1" x14ac:dyDescent="0.15">
      <c r="A97" s="8">
        <v>75</v>
      </c>
      <c r="B97" s="34">
        <v>6</v>
      </c>
      <c r="C97" s="13">
        <v>14</v>
      </c>
      <c r="D97" s="12">
        <v>20</v>
      </c>
    </row>
    <row r="98" spans="1:4" ht="18" customHeight="1" x14ac:dyDescent="0.15">
      <c r="A98" s="8">
        <v>76</v>
      </c>
      <c r="B98" s="34">
        <v>9</v>
      </c>
      <c r="C98" s="13">
        <v>14</v>
      </c>
      <c r="D98" s="12">
        <v>23</v>
      </c>
    </row>
    <row r="99" spans="1:4" ht="18" customHeight="1" x14ac:dyDescent="0.15">
      <c r="A99" s="8">
        <v>77</v>
      </c>
      <c r="B99" s="34">
        <v>11</v>
      </c>
      <c r="C99" s="13">
        <v>6</v>
      </c>
      <c r="D99" s="12">
        <v>17</v>
      </c>
    </row>
    <row r="100" spans="1:4" ht="18" customHeight="1" x14ac:dyDescent="0.15">
      <c r="A100" s="8">
        <v>78</v>
      </c>
      <c r="B100" s="34">
        <v>8</v>
      </c>
      <c r="C100" s="13">
        <v>3</v>
      </c>
      <c r="D100" s="12">
        <v>11</v>
      </c>
    </row>
    <row r="101" spans="1:4" ht="18" customHeight="1" x14ac:dyDescent="0.15">
      <c r="A101" s="8">
        <v>79</v>
      </c>
      <c r="B101" s="34">
        <v>7</v>
      </c>
      <c r="C101" s="13">
        <v>13</v>
      </c>
      <c r="D101" s="12">
        <v>20</v>
      </c>
    </row>
    <row r="102" spans="1:4" ht="18" customHeight="1" x14ac:dyDescent="0.15">
      <c r="A102" s="8" t="s">
        <v>70</v>
      </c>
      <c r="B102" s="34">
        <v>41</v>
      </c>
      <c r="C102" s="13">
        <v>50</v>
      </c>
      <c r="D102" s="12">
        <v>91</v>
      </c>
    </row>
    <row r="103" spans="1:4" ht="18" customHeight="1" x14ac:dyDescent="0.15">
      <c r="A103" s="8">
        <v>80</v>
      </c>
      <c r="B103" s="34">
        <v>8</v>
      </c>
      <c r="C103" s="13">
        <v>7</v>
      </c>
      <c r="D103" s="12">
        <v>15</v>
      </c>
    </row>
    <row r="104" spans="1:4" ht="18" customHeight="1" x14ac:dyDescent="0.15">
      <c r="A104" s="8">
        <v>81</v>
      </c>
      <c r="B104" s="34">
        <v>5</v>
      </c>
      <c r="C104" s="13">
        <v>9</v>
      </c>
      <c r="D104" s="12">
        <v>14</v>
      </c>
    </row>
    <row r="105" spans="1:4" ht="18" customHeight="1" x14ac:dyDescent="0.15">
      <c r="A105" s="8">
        <v>82</v>
      </c>
      <c r="B105" s="34">
        <v>4</v>
      </c>
      <c r="C105" s="13">
        <v>5</v>
      </c>
      <c r="D105" s="12">
        <v>9</v>
      </c>
    </row>
    <row r="106" spans="1:4" ht="18" customHeight="1" x14ac:dyDescent="0.15">
      <c r="A106" s="8">
        <v>83</v>
      </c>
      <c r="B106" s="34">
        <v>3</v>
      </c>
      <c r="C106" s="13">
        <v>5</v>
      </c>
      <c r="D106" s="12">
        <v>8</v>
      </c>
    </row>
    <row r="107" spans="1:4" ht="18" customHeight="1" x14ac:dyDescent="0.15">
      <c r="A107" s="8">
        <v>84</v>
      </c>
      <c r="B107" s="34">
        <v>3</v>
      </c>
      <c r="C107" s="13">
        <v>8</v>
      </c>
      <c r="D107" s="12">
        <v>11</v>
      </c>
    </row>
    <row r="108" spans="1:4" ht="18" customHeight="1" x14ac:dyDescent="0.15">
      <c r="A108" s="8" t="s">
        <v>137</v>
      </c>
      <c r="B108" s="34">
        <v>23</v>
      </c>
      <c r="C108" s="13">
        <v>34</v>
      </c>
      <c r="D108" s="12">
        <v>57</v>
      </c>
    </row>
    <row r="109" spans="1:4" ht="18" customHeight="1" x14ac:dyDescent="0.15">
      <c r="A109" s="8">
        <v>85</v>
      </c>
      <c r="B109" s="34">
        <v>3</v>
      </c>
      <c r="C109" s="13">
        <v>6</v>
      </c>
      <c r="D109" s="12">
        <v>9</v>
      </c>
    </row>
    <row r="110" spans="1:4" ht="18" customHeight="1" x14ac:dyDescent="0.15">
      <c r="A110" s="8">
        <v>86</v>
      </c>
      <c r="B110" s="34">
        <v>4</v>
      </c>
      <c r="C110" s="13">
        <v>2</v>
      </c>
      <c r="D110" s="12">
        <v>6</v>
      </c>
    </row>
    <row r="111" spans="1:4" ht="18" customHeight="1" x14ac:dyDescent="0.15">
      <c r="A111" s="8">
        <v>87</v>
      </c>
      <c r="B111" s="34">
        <v>3</v>
      </c>
      <c r="C111" s="13">
        <v>9</v>
      </c>
      <c r="D111" s="12">
        <v>12</v>
      </c>
    </row>
    <row r="112" spans="1:4" ht="18" customHeight="1" x14ac:dyDescent="0.15">
      <c r="A112" s="8">
        <v>88</v>
      </c>
      <c r="B112" s="34">
        <v>4</v>
      </c>
      <c r="C112" s="13">
        <v>4</v>
      </c>
      <c r="D112" s="12">
        <v>8</v>
      </c>
    </row>
    <row r="113" spans="1:4" ht="18" customHeight="1" x14ac:dyDescent="0.15">
      <c r="A113" s="8">
        <v>89</v>
      </c>
      <c r="B113" s="34">
        <v>4</v>
      </c>
      <c r="C113" s="13">
        <v>2</v>
      </c>
      <c r="D113" s="12">
        <v>6</v>
      </c>
    </row>
    <row r="114" spans="1:4" ht="18" customHeight="1" x14ac:dyDescent="0.15">
      <c r="A114" s="8" t="s">
        <v>369</v>
      </c>
      <c r="B114" s="34">
        <v>18</v>
      </c>
      <c r="C114" s="13">
        <v>23</v>
      </c>
      <c r="D114" s="12">
        <v>41</v>
      </c>
    </row>
    <row r="115" spans="1:4" ht="18" customHeight="1" x14ac:dyDescent="0.15">
      <c r="A115" s="8">
        <v>90</v>
      </c>
      <c r="B115" s="34">
        <v>5</v>
      </c>
      <c r="C115" s="13">
        <v>6</v>
      </c>
      <c r="D115" s="12">
        <v>11</v>
      </c>
    </row>
    <row r="116" spans="1:4" ht="18" customHeight="1" x14ac:dyDescent="0.15">
      <c r="A116" s="8">
        <v>91</v>
      </c>
      <c r="B116" s="34">
        <v>0</v>
      </c>
      <c r="C116" s="13">
        <v>6</v>
      </c>
      <c r="D116" s="12">
        <v>6</v>
      </c>
    </row>
    <row r="117" spans="1:4" ht="18" customHeight="1" x14ac:dyDescent="0.15">
      <c r="A117" s="8">
        <v>92</v>
      </c>
      <c r="B117" s="34">
        <v>2</v>
      </c>
      <c r="C117" s="13">
        <v>4</v>
      </c>
      <c r="D117" s="12">
        <v>6</v>
      </c>
    </row>
    <row r="118" spans="1:4" ht="18" customHeight="1" x14ac:dyDescent="0.15">
      <c r="A118" s="8">
        <v>93</v>
      </c>
      <c r="B118" s="34">
        <v>1</v>
      </c>
      <c r="C118" s="13">
        <v>5</v>
      </c>
      <c r="D118" s="12">
        <v>6</v>
      </c>
    </row>
    <row r="119" spans="1:4" ht="18" customHeight="1" x14ac:dyDescent="0.15">
      <c r="A119" s="8">
        <v>94</v>
      </c>
      <c r="B119" s="34">
        <v>1</v>
      </c>
      <c r="C119" s="13">
        <v>6</v>
      </c>
      <c r="D119" s="12">
        <v>7</v>
      </c>
    </row>
    <row r="120" spans="1:4" ht="18" customHeight="1" x14ac:dyDescent="0.15">
      <c r="A120" s="8" t="s">
        <v>69</v>
      </c>
      <c r="B120" s="34">
        <v>9</v>
      </c>
      <c r="C120" s="13">
        <v>27</v>
      </c>
      <c r="D120" s="12">
        <v>36</v>
      </c>
    </row>
    <row r="121" spans="1:4" ht="18" customHeight="1" x14ac:dyDescent="0.15">
      <c r="A121" s="8">
        <v>95</v>
      </c>
      <c r="B121" s="34">
        <v>1</v>
      </c>
      <c r="C121" s="13">
        <v>0</v>
      </c>
      <c r="D121" s="12">
        <v>1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0</v>
      </c>
      <c r="C123" s="13">
        <v>0</v>
      </c>
      <c r="D123" s="12">
        <v>0</v>
      </c>
    </row>
    <row r="124" spans="1:4" ht="18" customHeight="1" x14ac:dyDescent="0.15">
      <c r="A124" s="8">
        <v>98</v>
      </c>
      <c r="B124" s="34">
        <v>1</v>
      </c>
      <c r="C124" s="13">
        <v>1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2</v>
      </c>
      <c r="D125" s="12">
        <v>2</v>
      </c>
    </row>
    <row r="126" spans="1:4" ht="18" customHeight="1" x14ac:dyDescent="0.15">
      <c r="A126" s="8" t="s">
        <v>68</v>
      </c>
      <c r="B126" s="34">
        <v>2</v>
      </c>
      <c r="C126" s="13">
        <v>3</v>
      </c>
      <c r="D126" s="12">
        <v>5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37</v>
      </c>
      <c r="B128" s="34">
        <v>0</v>
      </c>
      <c r="C128" s="13">
        <v>3</v>
      </c>
      <c r="D128" s="12">
        <v>3</v>
      </c>
    </row>
    <row r="129" spans="1:4" ht="18" customHeight="1" x14ac:dyDescent="0.15">
      <c r="A129" s="8" t="s">
        <v>36</v>
      </c>
      <c r="B129" s="34">
        <v>0</v>
      </c>
      <c r="C129" s="13">
        <v>4</v>
      </c>
      <c r="D129" s="12">
        <v>4</v>
      </c>
    </row>
    <row r="130" spans="1:4" ht="18" customHeight="1" x14ac:dyDescent="0.15">
      <c r="A130" s="8" t="s">
        <v>35</v>
      </c>
      <c r="B130" s="28">
        <v>166</v>
      </c>
      <c r="C130" s="6">
        <v>225</v>
      </c>
      <c r="D130" s="5">
        <v>391</v>
      </c>
    </row>
    <row r="131" spans="1:4" ht="18" customHeight="1" x14ac:dyDescent="0.15">
      <c r="A131" s="4" t="s">
        <v>0</v>
      </c>
      <c r="B131" s="27">
        <v>440</v>
      </c>
      <c r="C131" s="2">
        <v>470</v>
      </c>
      <c r="D131" s="1">
        <v>91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9">
    <pageSetUpPr fitToPage="1"/>
  </sheetPr>
  <dimension ref="A1:D131"/>
  <sheetViews>
    <sheetView zoomScaleNormal="100"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82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</v>
      </c>
      <c r="C5" s="44">
        <v>0</v>
      </c>
      <c r="D5" s="43">
        <v>1</v>
      </c>
    </row>
    <row r="6" spans="1:4" ht="18" customHeight="1" x14ac:dyDescent="0.15">
      <c r="A6" s="8">
        <v>1</v>
      </c>
      <c r="B6" s="39">
        <v>0</v>
      </c>
      <c r="C6" s="13">
        <v>1</v>
      </c>
      <c r="D6" s="12">
        <v>1</v>
      </c>
    </row>
    <row r="7" spans="1:4" ht="18" customHeight="1" x14ac:dyDescent="0.15">
      <c r="A7" s="8">
        <v>2</v>
      </c>
      <c r="B7" s="39">
        <v>0</v>
      </c>
      <c r="C7" s="13">
        <v>0</v>
      </c>
      <c r="D7" s="12">
        <v>0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0</v>
      </c>
      <c r="C9" s="41">
        <v>0</v>
      </c>
      <c r="D9" s="40">
        <v>0</v>
      </c>
    </row>
    <row r="10" spans="1:4" ht="18" customHeight="1" x14ac:dyDescent="0.15">
      <c r="A10" s="8" t="s">
        <v>76</v>
      </c>
      <c r="B10" s="34">
        <v>1</v>
      </c>
      <c r="C10" s="13">
        <v>1</v>
      </c>
      <c r="D10" s="12">
        <v>2</v>
      </c>
    </row>
    <row r="11" spans="1:4" ht="18" customHeight="1" x14ac:dyDescent="0.15">
      <c r="A11" s="8">
        <v>5</v>
      </c>
      <c r="B11" s="39">
        <v>0</v>
      </c>
      <c r="C11" s="13">
        <v>1</v>
      </c>
      <c r="D11" s="12">
        <v>1</v>
      </c>
    </row>
    <row r="12" spans="1:4" ht="18" customHeight="1" x14ac:dyDescent="0.15">
      <c r="A12" s="8">
        <v>6</v>
      </c>
      <c r="B12" s="39">
        <v>1</v>
      </c>
      <c r="C12" s="13">
        <v>0</v>
      </c>
      <c r="D12" s="12">
        <v>1</v>
      </c>
    </row>
    <row r="13" spans="1:4" ht="18" customHeight="1" x14ac:dyDescent="0.15">
      <c r="A13" s="8">
        <v>7</v>
      </c>
      <c r="B13" s="39">
        <v>0</v>
      </c>
      <c r="C13" s="13">
        <v>1</v>
      </c>
      <c r="D13" s="12">
        <v>1</v>
      </c>
    </row>
    <row r="14" spans="1:4" ht="18" customHeight="1" x14ac:dyDescent="0.15">
      <c r="A14" s="8">
        <v>8</v>
      </c>
      <c r="B14" s="39">
        <v>1</v>
      </c>
      <c r="C14" s="13">
        <v>1</v>
      </c>
      <c r="D14" s="12">
        <v>2</v>
      </c>
    </row>
    <row r="15" spans="1:4" ht="18" customHeight="1" x14ac:dyDescent="0.15">
      <c r="A15" s="8">
        <v>9</v>
      </c>
      <c r="B15" s="39">
        <v>0</v>
      </c>
      <c r="C15" s="13">
        <v>0</v>
      </c>
      <c r="D15" s="12">
        <v>0</v>
      </c>
    </row>
    <row r="16" spans="1:4" ht="18" customHeight="1" x14ac:dyDescent="0.15">
      <c r="A16" s="8" t="s">
        <v>352</v>
      </c>
      <c r="B16" s="34">
        <v>2</v>
      </c>
      <c r="C16" s="13">
        <v>3</v>
      </c>
      <c r="D16" s="12">
        <v>5</v>
      </c>
    </row>
    <row r="17" spans="1:4" ht="18" customHeight="1" x14ac:dyDescent="0.15">
      <c r="A17" s="8">
        <v>10</v>
      </c>
      <c r="B17" s="34">
        <v>0</v>
      </c>
      <c r="C17" s="13">
        <v>0</v>
      </c>
      <c r="D17" s="12">
        <v>0</v>
      </c>
    </row>
    <row r="18" spans="1:4" ht="18" customHeight="1" x14ac:dyDescent="0.15">
      <c r="A18" s="8">
        <v>11</v>
      </c>
      <c r="B18" s="34">
        <v>1</v>
      </c>
      <c r="C18" s="13">
        <v>0</v>
      </c>
      <c r="D18" s="12">
        <v>1</v>
      </c>
    </row>
    <row r="19" spans="1:4" ht="18" customHeight="1" x14ac:dyDescent="0.15">
      <c r="A19" s="8">
        <v>12</v>
      </c>
      <c r="B19" s="34">
        <v>1</v>
      </c>
      <c r="C19" s="13">
        <v>0</v>
      </c>
      <c r="D19" s="12">
        <v>1</v>
      </c>
    </row>
    <row r="20" spans="1:4" ht="18" customHeight="1" x14ac:dyDescent="0.15">
      <c r="A20" s="8">
        <v>13</v>
      </c>
      <c r="B20" s="34">
        <v>0</v>
      </c>
      <c r="C20" s="13">
        <v>0</v>
      </c>
      <c r="D20" s="12">
        <v>0</v>
      </c>
    </row>
    <row r="21" spans="1:4" ht="18" customHeight="1" x14ac:dyDescent="0.15">
      <c r="A21" s="8">
        <v>14</v>
      </c>
      <c r="B21" s="34">
        <v>0</v>
      </c>
      <c r="C21" s="13">
        <v>0</v>
      </c>
      <c r="D21" s="12">
        <v>0</v>
      </c>
    </row>
    <row r="22" spans="1:4" ht="18" customHeight="1" x14ac:dyDescent="0.15">
      <c r="A22" s="8" t="s">
        <v>381</v>
      </c>
      <c r="B22" s="34">
        <v>2</v>
      </c>
      <c r="C22" s="13">
        <v>0</v>
      </c>
      <c r="D22" s="12">
        <v>2</v>
      </c>
    </row>
    <row r="23" spans="1:4" ht="18" customHeight="1" x14ac:dyDescent="0.15">
      <c r="A23" s="8" t="s">
        <v>150</v>
      </c>
      <c r="B23" s="34">
        <v>5</v>
      </c>
      <c r="C23" s="13">
        <v>4</v>
      </c>
      <c r="D23" s="12">
        <v>9</v>
      </c>
    </row>
    <row r="24" spans="1:4" ht="18" customHeight="1" x14ac:dyDescent="0.15">
      <c r="A24" s="8">
        <v>15</v>
      </c>
      <c r="B24" s="34">
        <v>2</v>
      </c>
      <c r="C24" s="13">
        <v>3</v>
      </c>
      <c r="D24" s="12">
        <v>5</v>
      </c>
    </row>
    <row r="25" spans="1:4" ht="18" customHeight="1" x14ac:dyDescent="0.15">
      <c r="A25" s="8">
        <v>16</v>
      </c>
      <c r="B25" s="34">
        <v>0</v>
      </c>
      <c r="C25" s="13">
        <v>0</v>
      </c>
      <c r="D25" s="12">
        <v>0</v>
      </c>
    </row>
    <row r="26" spans="1:4" ht="18" customHeight="1" x14ac:dyDescent="0.15">
      <c r="A26" s="8">
        <v>17</v>
      </c>
      <c r="B26" s="34">
        <v>1</v>
      </c>
      <c r="C26" s="13">
        <v>2</v>
      </c>
      <c r="D26" s="12">
        <v>3</v>
      </c>
    </row>
    <row r="27" spans="1:4" ht="18" customHeight="1" x14ac:dyDescent="0.15">
      <c r="A27" s="8">
        <v>18</v>
      </c>
      <c r="B27" s="34">
        <v>1</v>
      </c>
      <c r="C27" s="13">
        <v>0</v>
      </c>
      <c r="D27" s="12">
        <v>1</v>
      </c>
    </row>
    <row r="28" spans="1:4" ht="18" customHeight="1" x14ac:dyDescent="0.15">
      <c r="A28" s="8">
        <v>19</v>
      </c>
      <c r="B28" s="34">
        <v>0</v>
      </c>
      <c r="C28" s="13">
        <v>1</v>
      </c>
      <c r="D28" s="12">
        <v>1</v>
      </c>
    </row>
    <row r="29" spans="1:4" ht="18" customHeight="1" x14ac:dyDescent="0.15">
      <c r="A29" s="8" t="s">
        <v>48</v>
      </c>
      <c r="B29" s="34">
        <v>4</v>
      </c>
      <c r="C29" s="13">
        <v>6</v>
      </c>
      <c r="D29" s="12">
        <v>10</v>
      </c>
    </row>
    <row r="30" spans="1:4" ht="18" customHeight="1" x14ac:dyDescent="0.15">
      <c r="A30" s="8">
        <v>20</v>
      </c>
      <c r="B30" s="34">
        <v>0</v>
      </c>
      <c r="C30" s="13">
        <v>0</v>
      </c>
      <c r="D30" s="12">
        <v>0</v>
      </c>
    </row>
    <row r="31" spans="1:4" ht="18" customHeight="1" x14ac:dyDescent="0.15">
      <c r="A31" s="8">
        <v>21</v>
      </c>
      <c r="B31" s="34">
        <v>1</v>
      </c>
      <c r="C31" s="13">
        <v>0</v>
      </c>
      <c r="D31" s="12">
        <v>1</v>
      </c>
    </row>
    <row r="32" spans="1:4" ht="18" customHeight="1" x14ac:dyDescent="0.15">
      <c r="A32" s="8">
        <v>22</v>
      </c>
      <c r="B32" s="34">
        <v>1</v>
      </c>
      <c r="C32" s="13">
        <v>0</v>
      </c>
      <c r="D32" s="12">
        <v>1</v>
      </c>
    </row>
    <row r="33" spans="1:4" ht="18" customHeight="1" x14ac:dyDescent="0.15">
      <c r="A33" s="8">
        <v>23</v>
      </c>
      <c r="B33" s="34">
        <v>0</v>
      </c>
      <c r="C33" s="13">
        <v>0</v>
      </c>
      <c r="D33" s="12">
        <v>0</v>
      </c>
    </row>
    <row r="34" spans="1:4" ht="18" customHeight="1" x14ac:dyDescent="0.15">
      <c r="A34" s="8">
        <v>24</v>
      </c>
      <c r="B34" s="34">
        <v>0</v>
      </c>
      <c r="C34" s="13">
        <v>0</v>
      </c>
      <c r="D34" s="12">
        <v>0</v>
      </c>
    </row>
    <row r="35" spans="1:4" ht="18" customHeight="1" x14ac:dyDescent="0.15">
      <c r="A35" s="8" t="s">
        <v>141</v>
      </c>
      <c r="B35" s="34">
        <v>2</v>
      </c>
      <c r="C35" s="13">
        <v>0</v>
      </c>
      <c r="D35" s="12">
        <v>2</v>
      </c>
    </row>
    <row r="36" spans="1:4" ht="18" customHeight="1" x14ac:dyDescent="0.15">
      <c r="A36" s="8">
        <v>25</v>
      </c>
      <c r="B36" s="34">
        <v>3</v>
      </c>
      <c r="C36" s="13">
        <v>0</v>
      </c>
      <c r="D36" s="12">
        <v>3</v>
      </c>
    </row>
    <row r="37" spans="1:4" ht="18" customHeight="1" x14ac:dyDescent="0.15">
      <c r="A37" s="8">
        <v>26</v>
      </c>
      <c r="B37" s="34">
        <v>1</v>
      </c>
      <c r="C37" s="13">
        <v>0</v>
      </c>
      <c r="D37" s="12">
        <v>1</v>
      </c>
    </row>
    <row r="38" spans="1:4" ht="18" customHeight="1" x14ac:dyDescent="0.15">
      <c r="A38" s="8">
        <v>27</v>
      </c>
      <c r="B38" s="34">
        <v>0</v>
      </c>
      <c r="C38" s="13">
        <v>0</v>
      </c>
      <c r="D38" s="12">
        <v>0</v>
      </c>
    </row>
    <row r="39" spans="1:4" ht="18" customHeight="1" x14ac:dyDescent="0.15">
      <c r="A39" s="8">
        <v>28</v>
      </c>
      <c r="B39" s="34">
        <v>2</v>
      </c>
      <c r="C39" s="13">
        <v>2</v>
      </c>
      <c r="D39" s="12">
        <v>4</v>
      </c>
    </row>
    <row r="40" spans="1:4" ht="18" customHeight="1" x14ac:dyDescent="0.15">
      <c r="A40" s="8">
        <v>29</v>
      </c>
      <c r="B40" s="34">
        <v>0</v>
      </c>
      <c r="C40" s="13">
        <v>1</v>
      </c>
      <c r="D40" s="12">
        <v>1</v>
      </c>
    </row>
    <row r="41" spans="1:4" ht="18" customHeight="1" x14ac:dyDescent="0.15">
      <c r="A41" s="8" t="s">
        <v>73</v>
      </c>
      <c r="B41" s="34">
        <v>6</v>
      </c>
      <c r="C41" s="13">
        <v>3</v>
      </c>
      <c r="D41" s="12">
        <v>9</v>
      </c>
    </row>
    <row r="42" spans="1:4" ht="18" customHeight="1" x14ac:dyDescent="0.15">
      <c r="A42" s="8">
        <v>30</v>
      </c>
      <c r="B42" s="34">
        <v>0</v>
      </c>
      <c r="C42" s="13">
        <v>2</v>
      </c>
      <c r="D42" s="12">
        <v>2</v>
      </c>
    </row>
    <row r="43" spans="1:4" ht="18" customHeight="1" x14ac:dyDescent="0.15">
      <c r="A43" s="8">
        <v>31</v>
      </c>
      <c r="B43" s="34">
        <v>2</v>
      </c>
      <c r="C43" s="13">
        <v>0</v>
      </c>
      <c r="D43" s="12">
        <v>2</v>
      </c>
    </row>
    <row r="44" spans="1:4" ht="18" customHeight="1" x14ac:dyDescent="0.15">
      <c r="A44" s="8">
        <v>32</v>
      </c>
      <c r="B44" s="34">
        <v>1</v>
      </c>
      <c r="C44" s="13">
        <v>0</v>
      </c>
      <c r="D44" s="12">
        <v>1</v>
      </c>
    </row>
    <row r="45" spans="1:4" ht="18" customHeight="1" x14ac:dyDescent="0.15">
      <c r="A45" s="8">
        <v>33</v>
      </c>
      <c r="B45" s="34">
        <v>0</v>
      </c>
      <c r="C45" s="13">
        <v>1</v>
      </c>
      <c r="D45" s="12">
        <v>1</v>
      </c>
    </row>
    <row r="46" spans="1:4" ht="18" customHeight="1" x14ac:dyDescent="0.15">
      <c r="A46" s="8">
        <v>34</v>
      </c>
      <c r="B46" s="34">
        <v>1</v>
      </c>
      <c r="C46" s="13">
        <v>0</v>
      </c>
      <c r="D46" s="12">
        <v>1</v>
      </c>
    </row>
    <row r="47" spans="1:4" ht="18" customHeight="1" x14ac:dyDescent="0.15">
      <c r="A47" s="8" t="s">
        <v>112</v>
      </c>
      <c r="B47" s="34">
        <v>4</v>
      </c>
      <c r="C47" s="13">
        <v>3</v>
      </c>
      <c r="D47" s="12">
        <v>7</v>
      </c>
    </row>
    <row r="48" spans="1:4" ht="18" customHeight="1" x14ac:dyDescent="0.15">
      <c r="A48" s="8">
        <v>35</v>
      </c>
      <c r="B48" s="34">
        <v>3</v>
      </c>
      <c r="C48" s="13">
        <v>0</v>
      </c>
      <c r="D48" s="12">
        <v>3</v>
      </c>
    </row>
    <row r="49" spans="1:4" ht="18" customHeight="1" x14ac:dyDescent="0.15">
      <c r="A49" s="8">
        <v>36</v>
      </c>
      <c r="B49" s="34">
        <v>1</v>
      </c>
      <c r="C49" s="13">
        <v>1</v>
      </c>
      <c r="D49" s="12">
        <v>2</v>
      </c>
    </row>
    <row r="50" spans="1:4" ht="18" customHeight="1" x14ac:dyDescent="0.15">
      <c r="A50" s="8">
        <v>37</v>
      </c>
      <c r="B50" s="34">
        <v>3</v>
      </c>
      <c r="C50" s="13">
        <v>1</v>
      </c>
      <c r="D50" s="12">
        <v>4</v>
      </c>
    </row>
    <row r="51" spans="1:4" ht="18" customHeight="1" x14ac:dyDescent="0.15">
      <c r="A51" s="8">
        <v>38</v>
      </c>
      <c r="B51" s="34">
        <v>0</v>
      </c>
      <c r="C51" s="13">
        <v>0</v>
      </c>
      <c r="D51" s="12">
        <v>0</v>
      </c>
    </row>
    <row r="52" spans="1:4" ht="18" customHeight="1" x14ac:dyDescent="0.15">
      <c r="A52" s="8">
        <v>39</v>
      </c>
      <c r="B52" s="34">
        <v>1</v>
      </c>
      <c r="C52" s="13">
        <v>0</v>
      </c>
      <c r="D52" s="12">
        <v>1</v>
      </c>
    </row>
    <row r="53" spans="1:4" ht="18" customHeight="1" x14ac:dyDescent="0.15">
      <c r="A53" s="8" t="s">
        <v>139</v>
      </c>
      <c r="B53" s="34">
        <v>8</v>
      </c>
      <c r="C53" s="13">
        <v>2</v>
      </c>
      <c r="D53" s="12">
        <v>10</v>
      </c>
    </row>
    <row r="54" spans="1:4" ht="18" customHeight="1" x14ac:dyDescent="0.15">
      <c r="A54" s="8">
        <v>40</v>
      </c>
      <c r="B54" s="34">
        <v>0</v>
      </c>
      <c r="C54" s="13">
        <v>1</v>
      </c>
      <c r="D54" s="12">
        <v>1</v>
      </c>
    </row>
    <row r="55" spans="1:4" ht="18" customHeight="1" x14ac:dyDescent="0.15">
      <c r="A55" s="8">
        <v>41</v>
      </c>
      <c r="B55" s="34">
        <v>1</v>
      </c>
      <c r="C55" s="13">
        <v>1</v>
      </c>
      <c r="D55" s="12">
        <v>2</v>
      </c>
    </row>
    <row r="56" spans="1:4" ht="18" customHeight="1" x14ac:dyDescent="0.15">
      <c r="A56" s="8">
        <v>42</v>
      </c>
      <c r="B56" s="34">
        <v>0</v>
      </c>
      <c r="C56" s="13">
        <v>1</v>
      </c>
      <c r="D56" s="12">
        <v>1</v>
      </c>
    </row>
    <row r="57" spans="1:4" ht="18" customHeight="1" x14ac:dyDescent="0.15">
      <c r="A57" s="8">
        <v>43</v>
      </c>
      <c r="B57" s="34">
        <v>0</v>
      </c>
      <c r="C57" s="13">
        <v>2</v>
      </c>
      <c r="D57" s="12">
        <v>2</v>
      </c>
    </row>
    <row r="58" spans="1:4" ht="18" customHeight="1" x14ac:dyDescent="0.15">
      <c r="A58" s="8">
        <v>44</v>
      </c>
      <c r="B58" s="34">
        <v>1</v>
      </c>
      <c r="C58" s="13">
        <v>1</v>
      </c>
      <c r="D58" s="12">
        <v>2</v>
      </c>
    </row>
    <row r="59" spans="1:4" ht="18" customHeight="1" x14ac:dyDescent="0.15">
      <c r="A59" s="8" t="s">
        <v>46</v>
      </c>
      <c r="B59" s="34">
        <v>2</v>
      </c>
      <c r="C59" s="13">
        <v>6</v>
      </c>
      <c r="D59" s="12">
        <v>8</v>
      </c>
    </row>
    <row r="60" spans="1:4" ht="18" customHeight="1" x14ac:dyDescent="0.15">
      <c r="A60" s="8">
        <v>45</v>
      </c>
      <c r="B60" s="34">
        <v>0</v>
      </c>
      <c r="C60" s="13">
        <v>0</v>
      </c>
      <c r="D60" s="12">
        <v>0</v>
      </c>
    </row>
    <row r="61" spans="1:4" ht="18" customHeight="1" x14ac:dyDescent="0.15">
      <c r="A61" s="8">
        <v>46</v>
      </c>
      <c r="B61" s="34">
        <v>1</v>
      </c>
      <c r="C61" s="13">
        <v>0</v>
      </c>
      <c r="D61" s="12">
        <v>1</v>
      </c>
    </row>
    <row r="62" spans="1:4" ht="18" customHeight="1" x14ac:dyDescent="0.15">
      <c r="A62" s="8">
        <v>47</v>
      </c>
      <c r="B62" s="34">
        <v>1</v>
      </c>
      <c r="C62" s="13">
        <v>0</v>
      </c>
      <c r="D62" s="12">
        <v>1</v>
      </c>
    </row>
    <row r="63" spans="1:4" ht="18" customHeight="1" x14ac:dyDescent="0.15">
      <c r="A63" s="8">
        <v>48</v>
      </c>
      <c r="B63" s="34">
        <v>0</v>
      </c>
      <c r="C63" s="13">
        <v>1</v>
      </c>
      <c r="D63" s="12">
        <v>1</v>
      </c>
    </row>
    <row r="64" spans="1:4" ht="18" customHeight="1" x14ac:dyDescent="0.15">
      <c r="A64" s="8">
        <v>49</v>
      </c>
      <c r="B64" s="34">
        <v>0</v>
      </c>
      <c r="C64" s="13">
        <v>2</v>
      </c>
      <c r="D64" s="12">
        <v>2</v>
      </c>
    </row>
    <row r="65" spans="1:4" ht="18" customHeight="1" x14ac:dyDescent="0.15">
      <c r="A65" s="8" t="s">
        <v>327</v>
      </c>
      <c r="B65" s="34">
        <v>2</v>
      </c>
      <c r="C65" s="13">
        <v>3</v>
      </c>
      <c r="D65" s="12">
        <v>5</v>
      </c>
    </row>
    <row r="66" spans="1:4" ht="18" customHeight="1" x14ac:dyDescent="0.15">
      <c r="A66" s="8">
        <v>50</v>
      </c>
      <c r="B66" s="34">
        <v>3</v>
      </c>
      <c r="C66" s="13">
        <v>1</v>
      </c>
      <c r="D66" s="12">
        <v>4</v>
      </c>
    </row>
    <row r="67" spans="1:4" ht="18" customHeight="1" x14ac:dyDescent="0.15">
      <c r="A67" s="8">
        <v>51</v>
      </c>
      <c r="B67" s="34">
        <v>1</v>
      </c>
      <c r="C67" s="13">
        <v>6</v>
      </c>
      <c r="D67" s="12">
        <v>7</v>
      </c>
    </row>
    <row r="68" spans="1:4" ht="18" customHeight="1" x14ac:dyDescent="0.15">
      <c r="A68" s="8">
        <v>52</v>
      </c>
      <c r="B68" s="34">
        <v>1</v>
      </c>
      <c r="C68" s="13">
        <v>0</v>
      </c>
      <c r="D68" s="12">
        <v>1</v>
      </c>
    </row>
    <row r="69" spans="1:4" ht="18" customHeight="1" x14ac:dyDescent="0.15">
      <c r="A69" s="8">
        <v>53</v>
      </c>
      <c r="B69" s="34">
        <v>3</v>
      </c>
      <c r="C69" s="13">
        <v>4</v>
      </c>
      <c r="D69" s="12">
        <v>7</v>
      </c>
    </row>
    <row r="70" spans="1:4" ht="18" customHeight="1" x14ac:dyDescent="0.15">
      <c r="A70" s="8">
        <v>54</v>
      </c>
      <c r="B70" s="34">
        <v>2</v>
      </c>
      <c r="C70" s="13">
        <v>0</v>
      </c>
      <c r="D70" s="12">
        <v>2</v>
      </c>
    </row>
    <row r="71" spans="1:4" ht="18" customHeight="1" x14ac:dyDescent="0.15">
      <c r="A71" s="8" t="s">
        <v>58</v>
      </c>
      <c r="B71" s="34">
        <v>10</v>
      </c>
      <c r="C71" s="13">
        <v>11</v>
      </c>
      <c r="D71" s="12">
        <v>21</v>
      </c>
    </row>
    <row r="72" spans="1:4" ht="18" customHeight="1" x14ac:dyDescent="0.15">
      <c r="A72" s="8">
        <v>55</v>
      </c>
      <c r="B72" s="34">
        <v>1</v>
      </c>
      <c r="C72" s="13">
        <v>2</v>
      </c>
      <c r="D72" s="12">
        <v>3</v>
      </c>
    </row>
    <row r="73" spans="1:4" ht="18" customHeight="1" x14ac:dyDescent="0.15">
      <c r="A73" s="8">
        <v>56</v>
      </c>
      <c r="B73" s="34">
        <v>1</v>
      </c>
      <c r="C73" s="13">
        <v>4</v>
      </c>
      <c r="D73" s="12">
        <v>5</v>
      </c>
    </row>
    <row r="74" spans="1:4" ht="18" customHeight="1" x14ac:dyDescent="0.15">
      <c r="A74" s="8">
        <v>57</v>
      </c>
      <c r="B74" s="34">
        <v>0</v>
      </c>
      <c r="C74" s="13">
        <v>1</v>
      </c>
      <c r="D74" s="12">
        <v>1</v>
      </c>
    </row>
    <row r="75" spans="1:4" ht="18" customHeight="1" x14ac:dyDescent="0.15">
      <c r="A75" s="8">
        <v>58</v>
      </c>
      <c r="B75" s="34">
        <v>1</v>
      </c>
      <c r="C75" s="13">
        <v>1</v>
      </c>
      <c r="D75" s="12">
        <v>2</v>
      </c>
    </row>
    <row r="76" spans="1:4" ht="18" customHeight="1" x14ac:dyDescent="0.15">
      <c r="A76" s="8">
        <v>59</v>
      </c>
      <c r="B76" s="34">
        <v>3</v>
      </c>
      <c r="C76" s="13">
        <v>2</v>
      </c>
      <c r="D76" s="12">
        <v>5</v>
      </c>
    </row>
    <row r="77" spans="1:4" ht="18" customHeight="1" x14ac:dyDescent="0.15">
      <c r="A77" s="8" t="s">
        <v>111</v>
      </c>
      <c r="B77" s="34">
        <v>6</v>
      </c>
      <c r="C77" s="13">
        <v>10</v>
      </c>
      <c r="D77" s="12">
        <v>16</v>
      </c>
    </row>
    <row r="78" spans="1:4" ht="18" customHeight="1" x14ac:dyDescent="0.15">
      <c r="A78" s="8">
        <v>60</v>
      </c>
      <c r="B78" s="34">
        <v>0</v>
      </c>
      <c r="C78" s="13">
        <v>1</v>
      </c>
      <c r="D78" s="12">
        <v>1</v>
      </c>
    </row>
    <row r="79" spans="1:4" ht="18" customHeight="1" x14ac:dyDescent="0.15">
      <c r="A79" s="8">
        <v>61</v>
      </c>
      <c r="B79" s="34">
        <v>2</v>
      </c>
      <c r="C79" s="13">
        <v>1</v>
      </c>
      <c r="D79" s="12">
        <v>3</v>
      </c>
    </row>
    <row r="80" spans="1:4" ht="18" customHeight="1" x14ac:dyDescent="0.15">
      <c r="A80" s="8">
        <v>62</v>
      </c>
      <c r="B80" s="34">
        <v>1</v>
      </c>
      <c r="C80" s="13">
        <v>2</v>
      </c>
      <c r="D80" s="12">
        <v>3</v>
      </c>
    </row>
    <row r="81" spans="1:4" ht="18" customHeight="1" x14ac:dyDescent="0.15">
      <c r="A81" s="8">
        <v>63</v>
      </c>
      <c r="B81" s="34">
        <v>2</v>
      </c>
      <c r="C81" s="13">
        <v>1</v>
      </c>
      <c r="D81" s="12">
        <v>3</v>
      </c>
    </row>
    <row r="82" spans="1:4" ht="18" customHeight="1" x14ac:dyDescent="0.15">
      <c r="A82" s="8">
        <v>64</v>
      </c>
      <c r="B82" s="34">
        <v>1</v>
      </c>
      <c r="C82" s="13">
        <v>4</v>
      </c>
      <c r="D82" s="12">
        <v>5</v>
      </c>
    </row>
    <row r="83" spans="1:4" ht="18" customHeight="1" x14ac:dyDescent="0.15">
      <c r="A83" s="8" t="s">
        <v>44</v>
      </c>
      <c r="B83" s="34">
        <v>6</v>
      </c>
      <c r="C83" s="13">
        <v>9</v>
      </c>
      <c r="D83" s="12">
        <v>15</v>
      </c>
    </row>
    <row r="84" spans="1:4" ht="18" customHeight="1" x14ac:dyDescent="0.15">
      <c r="A84" s="8" t="s">
        <v>344</v>
      </c>
      <c r="B84" s="34">
        <v>50</v>
      </c>
      <c r="C84" s="13">
        <v>53</v>
      </c>
      <c r="D84" s="12">
        <v>103</v>
      </c>
    </row>
    <row r="85" spans="1:4" ht="18" customHeight="1" x14ac:dyDescent="0.15">
      <c r="A85" s="8">
        <v>65</v>
      </c>
      <c r="B85" s="34">
        <v>4</v>
      </c>
      <c r="C85" s="13">
        <v>3</v>
      </c>
      <c r="D85" s="12">
        <v>7</v>
      </c>
    </row>
    <row r="86" spans="1:4" ht="18" customHeight="1" x14ac:dyDescent="0.15">
      <c r="A86" s="8">
        <v>66</v>
      </c>
      <c r="B86" s="34">
        <v>1</v>
      </c>
      <c r="C86" s="13">
        <v>3</v>
      </c>
      <c r="D86" s="12">
        <v>4</v>
      </c>
    </row>
    <row r="87" spans="1:4" ht="18" customHeight="1" x14ac:dyDescent="0.15">
      <c r="A87" s="8">
        <v>67</v>
      </c>
      <c r="B87" s="34">
        <v>3</v>
      </c>
      <c r="C87" s="13">
        <v>3</v>
      </c>
      <c r="D87" s="12">
        <v>6</v>
      </c>
    </row>
    <row r="88" spans="1:4" ht="18" customHeight="1" x14ac:dyDescent="0.15">
      <c r="A88" s="8">
        <v>68</v>
      </c>
      <c r="B88" s="34">
        <v>2</v>
      </c>
      <c r="C88" s="13">
        <v>2</v>
      </c>
      <c r="D88" s="12">
        <v>4</v>
      </c>
    </row>
    <row r="89" spans="1:4" ht="18" customHeight="1" x14ac:dyDescent="0.15">
      <c r="A89" s="8">
        <v>69</v>
      </c>
      <c r="B89" s="34">
        <v>5</v>
      </c>
      <c r="C89" s="13">
        <v>4</v>
      </c>
      <c r="D89" s="12">
        <v>9</v>
      </c>
    </row>
    <row r="90" spans="1:4" ht="18" customHeight="1" x14ac:dyDescent="0.15">
      <c r="A90" s="8" t="s">
        <v>226</v>
      </c>
      <c r="B90" s="34">
        <v>15</v>
      </c>
      <c r="C90" s="13">
        <v>15</v>
      </c>
      <c r="D90" s="12">
        <v>30</v>
      </c>
    </row>
    <row r="91" spans="1:4" ht="18" customHeight="1" x14ac:dyDescent="0.15">
      <c r="A91" s="8">
        <v>70</v>
      </c>
      <c r="B91" s="34">
        <v>1</v>
      </c>
      <c r="C91" s="13">
        <v>0</v>
      </c>
      <c r="D91" s="12">
        <v>1</v>
      </c>
    </row>
    <row r="92" spans="1:4" ht="18" customHeight="1" x14ac:dyDescent="0.15">
      <c r="A92" s="8">
        <v>71</v>
      </c>
      <c r="B92" s="34">
        <v>3</v>
      </c>
      <c r="C92" s="13">
        <v>4</v>
      </c>
      <c r="D92" s="12">
        <v>7</v>
      </c>
    </row>
    <row r="93" spans="1:4" ht="18" customHeight="1" x14ac:dyDescent="0.15">
      <c r="A93" s="8">
        <v>72</v>
      </c>
      <c r="B93" s="34">
        <v>3</v>
      </c>
      <c r="C93" s="13">
        <v>1</v>
      </c>
      <c r="D93" s="12">
        <v>4</v>
      </c>
    </row>
    <row r="94" spans="1:4" ht="18" customHeight="1" x14ac:dyDescent="0.15">
      <c r="A94" s="8">
        <v>73</v>
      </c>
      <c r="B94" s="34">
        <v>4</v>
      </c>
      <c r="C94" s="13">
        <v>4</v>
      </c>
      <c r="D94" s="12">
        <v>8</v>
      </c>
    </row>
    <row r="95" spans="1:4" ht="18" customHeight="1" x14ac:dyDescent="0.15">
      <c r="A95" s="8">
        <v>74</v>
      </c>
      <c r="B95" s="34">
        <v>4</v>
      </c>
      <c r="C95" s="13">
        <v>3</v>
      </c>
      <c r="D95" s="12">
        <v>7</v>
      </c>
    </row>
    <row r="96" spans="1:4" ht="18" customHeight="1" x14ac:dyDescent="0.15">
      <c r="A96" s="8" t="s">
        <v>41</v>
      </c>
      <c r="B96" s="34">
        <v>15</v>
      </c>
      <c r="C96" s="13">
        <v>12</v>
      </c>
      <c r="D96" s="12">
        <v>27</v>
      </c>
    </row>
    <row r="97" spans="1:4" ht="18" customHeight="1" x14ac:dyDescent="0.15">
      <c r="A97" s="8">
        <v>75</v>
      </c>
      <c r="B97" s="34">
        <v>5</v>
      </c>
      <c r="C97" s="13">
        <v>2</v>
      </c>
      <c r="D97" s="12">
        <v>7</v>
      </c>
    </row>
    <row r="98" spans="1:4" ht="18" customHeight="1" x14ac:dyDescent="0.15">
      <c r="A98" s="8">
        <v>76</v>
      </c>
      <c r="B98" s="34">
        <v>1</v>
      </c>
      <c r="C98" s="13">
        <v>2</v>
      </c>
      <c r="D98" s="12">
        <v>3</v>
      </c>
    </row>
    <row r="99" spans="1:4" ht="18" customHeight="1" x14ac:dyDescent="0.15">
      <c r="A99" s="8">
        <v>77</v>
      </c>
      <c r="B99" s="34">
        <v>1</v>
      </c>
      <c r="C99" s="13">
        <v>1</v>
      </c>
      <c r="D99" s="12">
        <v>2</v>
      </c>
    </row>
    <row r="100" spans="1:4" ht="18" customHeight="1" x14ac:dyDescent="0.15">
      <c r="A100" s="8">
        <v>78</v>
      </c>
      <c r="B100" s="34">
        <v>4</v>
      </c>
      <c r="C100" s="13">
        <v>3</v>
      </c>
      <c r="D100" s="12">
        <v>7</v>
      </c>
    </row>
    <row r="101" spans="1:4" ht="18" customHeight="1" x14ac:dyDescent="0.15">
      <c r="A101" s="8">
        <v>79</v>
      </c>
      <c r="B101" s="34">
        <v>2</v>
      </c>
      <c r="C101" s="13">
        <v>3</v>
      </c>
      <c r="D101" s="12">
        <v>5</v>
      </c>
    </row>
    <row r="102" spans="1:4" ht="18" customHeight="1" x14ac:dyDescent="0.15">
      <c r="A102" s="8" t="s">
        <v>70</v>
      </c>
      <c r="B102" s="34">
        <v>13</v>
      </c>
      <c r="C102" s="13">
        <v>11</v>
      </c>
      <c r="D102" s="12">
        <v>24</v>
      </c>
    </row>
    <row r="103" spans="1:4" ht="18" customHeight="1" x14ac:dyDescent="0.15">
      <c r="A103" s="8">
        <v>80</v>
      </c>
      <c r="B103" s="34">
        <v>3</v>
      </c>
      <c r="C103" s="13">
        <v>1</v>
      </c>
      <c r="D103" s="12">
        <v>4</v>
      </c>
    </row>
    <row r="104" spans="1:4" ht="18" customHeight="1" x14ac:dyDescent="0.15">
      <c r="A104" s="8">
        <v>81</v>
      </c>
      <c r="B104" s="34">
        <v>2</v>
      </c>
      <c r="C104" s="13">
        <v>4</v>
      </c>
      <c r="D104" s="12">
        <v>6</v>
      </c>
    </row>
    <row r="105" spans="1:4" ht="18" customHeight="1" x14ac:dyDescent="0.15">
      <c r="A105" s="8">
        <v>82</v>
      </c>
      <c r="B105" s="34">
        <v>1</v>
      </c>
      <c r="C105" s="13">
        <v>2</v>
      </c>
      <c r="D105" s="12">
        <v>3</v>
      </c>
    </row>
    <row r="106" spans="1:4" ht="18" customHeight="1" x14ac:dyDescent="0.15">
      <c r="A106" s="8">
        <v>83</v>
      </c>
      <c r="B106" s="34">
        <v>0</v>
      </c>
      <c r="C106" s="13">
        <v>4</v>
      </c>
      <c r="D106" s="12">
        <v>4</v>
      </c>
    </row>
    <row r="107" spans="1:4" ht="18" customHeight="1" x14ac:dyDescent="0.15">
      <c r="A107" s="8">
        <v>84</v>
      </c>
      <c r="B107" s="34">
        <v>1</v>
      </c>
      <c r="C107" s="13">
        <v>2</v>
      </c>
      <c r="D107" s="12">
        <v>3</v>
      </c>
    </row>
    <row r="108" spans="1:4" ht="18" customHeight="1" x14ac:dyDescent="0.15">
      <c r="A108" s="8" t="s">
        <v>39</v>
      </c>
      <c r="B108" s="34">
        <v>7</v>
      </c>
      <c r="C108" s="13">
        <v>13</v>
      </c>
      <c r="D108" s="12">
        <v>20</v>
      </c>
    </row>
    <row r="109" spans="1:4" ht="18" customHeight="1" x14ac:dyDescent="0.15">
      <c r="A109" s="8">
        <v>85</v>
      </c>
      <c r="B109" s="34">
        <v>4</v>
      </c>
      <c r="C109" s="13">
        <v>3</v>
      </c>
      <c r="D109" s="12">
        <v>7</v>
      </c>
    </row>
    <row r="110" spans="1:4" ht="18" customHeight="1" x14ac:dyDescent="0.15">
      <c r="A110" s="8">
        <v>86</v>
      </c>
      <c r="B110" s="34">
        <v>0</v>
      </c>
      <c r="C110" s="13">
        <v>0</v>
      </c>
      <c r="D110" s="12">
        <v>0</v>
      </c>
    </row>
    <row r="111" spans="1:4" ht="18" customHeight="1" x14ac:dyDescent="0.15">
      <c r="A111" s="8">
        <v>87</v>
      </c>
      <c r="B111" s="34">
        <v>1</v>
      </c>
      <c r="C111" s="13">
        <v>1</v>
      </c>
      <c r="D111" s="12">
        <v>2</v>
      </c>
    </row>
    <row r="112" spans="1:4" ht="18" customHeight="1" x14ac:dyDescent="0.15">
      <c r="A112" s="8">
        <v>88</v>
      </c>
      <c r="B112" s="34">
        <v>1</v>
      </c>
      <c r="C112" s="13">
        <v>2</v>
      </c>
      <c r="D112" s="12">
        <v>3</v>
      </c>
    </row>
    <row r="113" spans="1:4" ht="18" customHeight="1" x14ac:dyDescent="0.15">
      <c r="A113" s="8">
        <v>89</v>
      </c>
      <c r="B113" s="34">
        <v>1</v>
      </c>
      <c r="C113" s="13">
        <v>0</v>
      </c>
      <c r="D113" s="12">
        <v>1</v>
      </c>
    </row>
    <row r="114" spans="1:4" ht="18" customHeight="1" x14ac:dyDescent="0.15">
      <c r="A114" s="8" t="s">
        <v>38</v>
      </c>
      <c r="B114" s="34">
        <v>7</v>
      </c>
      <c r="C114" s="13">
        <v>6</v>
      </c>
      <c r="D114" s="12">
        <v>13</v>
      </c>
    </row>
    <row r="115" spans="1:4" ht="18" customHeight="1" x14ac:dyDescent="0.15">
      <c r="A115" s="8">
        <v>90</v>
      </c>
      <c r="B115" s="34">
        <v>0</v>
      </c>
      <c r="C115" s="13">
        <v>5</v>
      </c>
      <c r="D115" s="12">
        <v>5</v>
      </c>
    </row>
    <row r="116" spans="1:4" ht="18" customHeight="1" x14ac:dyDescent="0.15">
      <c r="A116" s="8">
        <v>91</v>
      </c>
      <c r="B116" s="34">
        <v>1</v>
      </c>
      <c r="C116" s="13">
        <v>7</v>
      </c>
      <c r="D116" s="12">
        <v>8</v>
      </c>
    </row>
    <row r="117" spans="1:4" ht="18" customHeight="1" x14ac:dyDescent="0.15">
      <c r="A117" s="8">
        <v>92</v>
      </c>
      <c r="B117" s="34">
        <v>0</v>
      </c>
      <c r="C117" s="13">
        <v>0</v>
      </c>
      <c r="D117" s="12">
        <v>0</v>
      </c>
    </row>
    <row r="118" spans="1:4" ht="18" customHeight="1" x14ac:dyDescent="0.15">
      <c r="A118" s="8">
        <v>93</v>
      </c>
      <c r="B118" s="34">
        <v>1</v>
      </c>
      <c r="C118" s="13">
        <v>1</v>
      </c>
      <c r="D118" s="12">
        <v>2</v>
      </c>
    </row>
    <row r="119" spans="1:4" ht="18" customHeight="1" x14ac:dyDescent="0.15">
      <c r="A119" s="8">
        <v>94</v>
      </c>
      <c r="B119" s="34">
        <v>1</v>
      </c>
      <c r="C119" s="13">
        <v>2</v>
      </c>
      <c r="D119" s="12">
        <v>3</v>
      </c>
    </row>
    <row r="120" spans="1:4" ht="18" customHeight="1" x14ac:dyDescent="0.15">
      <c r="A120" s="8" t="s">
        <v>69</v>
      </c>
      <c r="B120" s="34">
        <v>3</v>
      </c>
      <c r="C120" s="13">
        <v>15</v>
      </c>
      <c r="D120" s="12">
        <v>18</v>
      </c>
    </row>
    <row r="121" spans="1:4" ht="18" customHeight="1" x14ac:dyDescent="0.15">
      <c r="A121" s="8">
        <v>95</v>
      </c>
      <c r="B121" s="34">
        <v>0</v>
      </c>
      <c r="C121" s="13">
        <v>1</v>
      </c>
      <c r="D121" s="12">
        <v>1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1</v>
      </c>
      <c r="C123" s="13">
        <v>2</v>
      </c>
      <c r="D123" s="12">
        <v>3</v>
      </c>
    </row>
    <row r="124" spans="1:4" ht="18" customHeight="1" x14ac:dyDescent="0.15">
      <c r="A124" s="8">
        <v>98</v>
      </c>
      <c r="B124" s="34">
        <v>0</v>
      </c>
      <c r="C124" s="13">
        <v>0</v>
      </c>
      <c r="D124" s="12">
        <v>0</v>
      </c>
    </row>
    <row r="125" spans="1:4" ht="18" customHeight="1" x14ac:dyDescent="0.15">
      <c r="A125" s="8">
        <v>99</v>
      </c>
      <c r="B125" s="34">
        <v>0</v>
      </c>
      <c r="C125" s="13">
        <v>1</v>
      </c>
      <c r="D125" s="12">
        <v>1</v>
      </c>
    </row>
    <row r="126" spans="1:4" ht="18" customHeight="1" x14ac:dyDescent="0.15">
      <c r="A126" s="8" t="s">
        <v>375</v>
      </c>
      <c r="B126" s="34">
        <v>1</v>
      </c>
      <c r="C126" s="13">
        <v>4</v>
      </c>
      <c r="D126" s="12">
        <v>5</v>
      </c>
    </row>
    <row r="127" spans="1:4" ht="18" customHeight="1" x14ac:dyDescent="0.15">
      <c r="A127" s="8">
        <v>100</v>
      </c>
      <c r="B127" s="34">
        <v>0</v>
      </c>
      <c r="C127" s="13">
        <v>1</v>
      </c>
      <c r="D127" s="12">
        <v>1</v>
      </c>
    </row>
    <row r="128" spans="1:4" ht="18" customHeight="1" x14ac:dyDescent="0.15">
      <c r="A128" s="15" t="s">
        <v>136</v>
      </c>
      <c r="B128" s="34">
        <v>0</v>
      </c>
      <c r="C128" s="13">
        <v>0</v>
      </c>
      <c r="D128" s="12">
        <v>0</v>
      </c>
    </row>
    <row r="129" spans="1:4" ht="18" customHeight="1" x14ac:dyDescent="0.15">
      <c r="A129" s="8" t="s">
        <v>36</v>
      </c>
      <c r="B129" s="34">
        <v>0</v>
      </c>
      <c r="C129" s="13">
        <v>1</v>
      </c>
      <c r="D129" s="12">
        <v>1</v>
      </c>
    </row>
    <row r="130" spans="1:4" ht="18" customHeight="1" x14ac:dyDescent="0.15">
      <c r="A130" s="8" t="s">
        <v>35</v>
      </c>
      <c r="B130" s="28">
        <v>61</v>
      </c>
      <c r="C130" s="6">
        <v>77</v>
      </c>
      <c r="D130" s="5">
        <v>138</v>
      </c>
    </row>
    <row r="131" spans="1:4" ht="18" customHeight="1" x14ac:dyDescent="0.15">
      <c r="A131" s="4" t="s">
        <v>0</v>
      </c>
      <c r="B131" s="27">
        <v>116</v>
      </c>
      <c r="C131" s="2">
        <v>134</v>
      </c>
      <c r="D131" s="1">
        <v>25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80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20">
        <v>0</v>
      </c>
      <c r="B5" s="30">
        <v>9</v>
      </c>
      <c r="C5" s="18">
        <v>8</v>
      </c>
      <c r="D5" s="17">
        <v>17</v>
      </c>
    </row>
    <row r="6" spans="1:4" ht="18" customHeight="1" x14ac:dyDescent="0.15">
      <c r="A6" s="16">
        <v>1</v>
      </c>
      <c r="B6" s="29">
        <v>6</v>
      </c>
      <c r="C6" s="10">
        <v>5</v>
      </c>
      <c r="D6" s="9">
        <v>11</v>
      </c>
    </row>
    <row r="7" spans="1:4" ht="18" customHeight="1" x14ac:dyDescent="0.15">
      <c r="A7" s="16">
        <v>2</v>
      </c>
      <c r="B7" s="29">
        <v>9</v>
      </c>
      <c r="C7" s="10">
        <v>5</v>
      </c>
      <c r="D7" s="9">
        <v>14</v>
      </c>
    </row>
    <row r="8" spans="1:4" ht="18" customHeight="1" x14ac:dyDescent="0.15">
      <c r="A8" s="16">
        <v>3</v>
      </c>
      <c r="B8" s="29">
        <v>8</v>
      </c>
      <c r="C8" s="10">
        <v>5</v>
      </c>
      <c r="D8" s="9">
        <v>13</v>
      </c>
    </row>
    <row r="9" spans="1:4" ht="18" customHeight="1" x14ac:dyDescent="0.15">
      <c r="A9" s="16">
        <v>4</v>
      </c>
      <c r="B9" s="29">
        <v>14</v>
      </c>
      <c r="C9" s="10">
        <v>8</v>
      </c>
      <c r="D9" s="9">
        <v>22</v>
      </c>
    </row>
    <row r="10" spans="1:4" ht="18" customHeight="1" x14ac:dyDescent="0.15">
      <c r="A10" s="8" t="s">
        <v>76</v>
      </c>
      <c r="B10" s="29">
        <v>46</v>
      </c>
      <c r="C10" s="10">
        <v>31</v>
      </c>
      <c r="D10" s="9">
        <v>77</v>
      </c>
    </row>
    <row r="11" spans="1:4" ht="18" customHeight="1" x14ac:dyDescent="0.15">
      <c r="A11" s="16">
        <v>5</v>
      </c>
      <c r="B11" s="29">
        <v>3</v>
      </c>
      <c r="C11" s="10">
        <v>3</v>
      </c>
      <c r="D11" s="9">
        <v>6</v>
      </c>
    </row>
    <row r="12" spans="1:4" ht="18" customHeight="1" x14ac:dyDescent="0.15">
      <c r="A12" s="16">
        <v>6</v>
      </c>
      <c r="B12" s="29">
        <v>12</v>
      </c>
      <c r="C12" s="10">
        <v>10</v>
      </c>
      <c r="D12" s="9">
        <v>22</v>
      </c>
    </row>
    <row r="13" spans="1:4" ht="18" customHeight="1" x14ac:dyDescent="0.15">
      <c r="A13" s="16">
        <v>7</v>
      </c>
      <c r="B13" s="29">
        <v>9</v>
      </c>
      <c r="C13" s="10">
        <v>8</v>
      </c>
      <c r="D13" s="9">
        <v>17</v>
      </c>
    </row>
    <row r="14" spans="1:4" ht="18" customHeight="1" x14ac:dyDescent="0.15">
      <c r="A14" s="16">
        <v>8</v>
      </c>
      <c r="B14" s="29">
        <v>6</v>
      </c>
      <c r="C14" s="10">
        <v>7</v>
      </c>
      <c r="D14" s="9">
        <v>13</v>
      </c>
    </row>
    <row r="15" spans="1:4" ht="18" customHeight="1" x14ac:dyDescent="0.15">
      <c r="A15" s="16">
        <v>9</v>
      </c>
      <c r="B15" s="29">
        <v>5</v>
      </c>
      <c r="C15" s="10">
        <v>14</v>
      </c>
      <c r="D15" s="9">
        <v>19</v>
      </c>
    </row>
    <row r="16" spans="1:4" ht="18" customHeight="1" x14ac:dyDescent="0.15">
      <c r="A16" s="8" t="s">
        <v>50</v>
      </c>
      <c r="B16" s="29">
        <v>35</v>
      </c>
      <c r="C16" s="10">
        <v>42</v>
      </c>
      <c r="D16" s="9">
        <v>77</v>
      </c>
    </row>
    <row r="17" spans="1:4" ht="18" customHeight="1" x14ac:dyDescent="0.15">
      <c r="A17" s="16">
        <v>10</v>
      </c>
      <c r="B17" s="29">
        <v>5</v>
      </c>
      <c r="C17" s="10">
        <v>4</v>
      </c>
      <c r="D17" s="9">
        <v>9</v>
      </c>
    </row>
    <row r="18" spans="1:4" ht="18" customHeight="1" x14ac:dyDescent="0.15">
      <c r="A18" s="16">
        <v>11</v>
      </c>
      <c r="B18" s="29">
        <v>10</v>
      </c>
      <c r="C18" s="10">
        <v>4</v>
      </c>
      <c r="D18" s="9">
        <v>14</v>
      </c>
    </row>
    <row r="19" spans="1:4" ht="18" customHeight="1" x14ac:dyDescent="0.15">
      <c r="A19" s="16">
        <v>12</v>
      </c>
      <c r="B19" s="29">
        <v>9</v>
      </c>
      <c r="C19" s="10">
        <v>7</v>
      </c>
      <c r="D19" s="9">
        <v>16</v>
      </c>
    </row>
    <row r="20" spans="1:4" ht="18" customHeight="1" x14ac:dyDescent="0.15">
      <c r="A20" s="16">
        <v>13</v>
      </c>
      <c r="B20" s="29">
        <v>9</v>
      </c>
      <c r="C20" s="10">
        <v>10</v>
      </c>
      <c r="D20" s="9">
        <v>19</v>
      </c>
    </row>
    <row r="21" spans="1:4" ht="18" customHeight="1" x14ac:dyDescent="0.15">
      <c r="A21" s="16">
        <v>14</v>
      </c>
      <c r="B21" s="29">
        <v>10</v>
      </c>
      <c r="C21" s="10">
        <v>8</v>
      </c>
      <c r="D21" s="9">
        <v>18</v>
      </c>
    </row>
    <row r="22" spans="1:4" ht="18" customHeight="1" x14ac:dyDescent="0.15">
      <c r="A22" s="8" t="s">
        <v>75</v>
      </c>
      <c r="B22" s="29">
        <v>43</v>
      </c>
      <c r="C22" s="10">
        <v>33</v>
      </c>
      <c r="D22" s="9">
        <v>76</v>
      </c>
    </row>
    <row r="23" spans="1:4" ht="18" customHeight="1" x14ac:dyDescent="0.15">
      <c r="A23" s="8" t="s">
        <v>65</v>
      </c>
      <c r="B23" s="29">
        <v>124</v>
      </c>
      <c r="C23" s="10">
        <v>106</v>
      </c>
      <c r="D23" s="9">
        <v>230</v>
      </c>
    </row>
    <row r="24" spans="1:4" ht="18" customHeight="1" x14ac:dyDescent="0.15">
      <c r="A24" s="16">
        <v>15</v>
      </c>
      <c r="B24" s="29">
        <v>11</v>
      </c>
      <c r="C24" s="10">
        <v>7</v>
      </c>
      <c r="D24" s="9">
        <v>18</v>
      </c>
    </row>
    <row r="25" spans="1:4" ht="18" customHeight="1" x14ac:dyDescent="0.15">
      <c r="A25" s="16">
        <v>16</v>
      </c>
      <c r="B25" s="29">
        <v>5</v>
      </c>
      <c r="C25" s="10">
        <v>9</v>
      </c>
      <c r="D25" s="9">
        <v>14</v>
      </c>
    </row>
    <row r="26" spans="1:4" ht="18" customHeight="1" x14ac:dyDescent="0.15">
      <c r="A26" s="16">
        <v>17</v>
      </c>
      <c r="B26" s="29">
        <v>4</v>
      </c>
      <c r="C26" s="10">
        <v>10</v>
      </c>
      <c r="D26" s="9">
        <v>14</v>
      </c>
    </row>
    <row r="27" spans="1:4" ht="18" customHeight="1" x14ac:dyDescent="0.15">
      <c r="A27" s="16">
        <v>18</v>
      </c>
      <c r="B27" s="29">
        <v>11</v>
      </c>
      <c r="C27" s="10">
        <v>10</v>
      </c>
      <c r="D27" s="9">
        <v>21</v>
      </c>
    </row>
    <row r="28" spans="1:4" ht="18" customHeight="1" x14ac:dyDescent="0.15">
      <c r="A28" s="16">
        <v>19</v>
      </c>
      <c r="B28" s="29">
        <v>6</v>
      </c>
      <c r="C28" s="10">
        <v>9</v>
      </c>
      <c r="D28" s="9">
        <v>15</v>
      </c>
    </row>
    <row r="29" spans="1:4" ht="18" customHeight="1" x14ac:dyDescent="0.15">
      <c r="A29" s="8" t="s">
        <v>48</v>
      </c>
      <c r="B29" s="29">
        <v>37</v>
      </c>
      <c r="C29" s="10">
        <v>45</v>
      </c>
      <c r="D29" s="9">
        <v>82</v>
      </c>
    </row>
    <row r="30" spans="1:4" ht="18" customHeight="1" x14ac:dyDescent="0.15">
      <c r="A30" s="16">
        <v>20</v>
      </c>
      <c r="B30" s="29">
        <v>16</v>
      </c>
      <c r="C30" s="10">
        <v>6</v>
      </c>
      <c r="D30" s="9">
        <v>22</v>
      </c>
    </row>
    <row r="31" spans="1:4" ht="18" customHeight="1" x14ac:dyDescent="0.15">
      <c r="A31" s="16">
        <v>21</v>
      </c>
      <c r="B31" s="29">
        <v>11</v>
      </c>
      <c r="C31" s="10">
        <v>5</v>
      </c>
      <c r="D31" s="9">
        <v>16</v>
      </c>
    </row>
    <row r="32" spans="1:4" ht="18" customHeight="1" x14ac:dyDescent="0.15">
      <c r="A32" s="16">
        <v>22</v>
      </c>
      <c r="B32" s="29">
        <v>13</v>
      </c>
      <c r="C32" s="10">
        <v>7</v>
      </c>
      <c r="D32" s="9">
        <v>20</v>
      </c>
    </row>
    <row r="33" spans="1:4" ht="18" customHeight="1" x14ac:dyDescent="0.15">
      <c r="A33" s="16">
        <v>23</v>
      </c>
      <c r="B33" s="29">
        <v>14</v>
      </c>
      <c r="C33" s="10">
        <v>7</v>
      </c>
      <c r="D33" s="9">
        <v>21</v>
      </c>
    </row>
    <row r="34" spans="1:4" ht="18" customHeight="1" x14ac:dyDescent="0.15">
      <c r="A34" s="16">
        <v>24</v>
      </c>
      <c r="B34" s="29">
        <v>8</v>
      </c>
      <c r="C34" s="10">
        <v>3</v>
      </c>
      <c r="D34" s="9">
        <v>11</v>
      </c>
    </row>
    <row r="35" spans="1:4" ht="18" customHeight="1" x14ac:dyDescent="0.15">
      <c r="A35" s="8" t="s">
        <v>74</v>
      </c>
      <c r="B35" s="29">
        <v>62</v>
      </c>
      <c r="C35" s="10">
        <v>28</v>
      </c>
      <c r="D35" s="9">
        <v>90</v>
      </c>
    </row>
    <row r="36" spans="1:4" ht="18" customHeight="1" x14ac:dyDescent="0.15">
      <c r="A36" s="16">
        <v>25</v>
      </c>
      <c r="B36" s="29">
        <v>9</v>
      </c>
      <c r="C36" s="10">
        <v>8</v>
      </c>
      <c r="D36" s="9">
        <v>17</v>
      </c>
    </row>
    <row r="37" spans="1:4" ht="18" customHeight="1" x14ac:dyDescent="0.15">
      <c r="A37" s="16">
        <v>26</v>
      </c>
      <c r="B37" s="29">
        <v>9</v>
      </c>
      <c r="C37" s="10">
        <v>11</v>
      </c>
      <c r="D37" s="9">
        <v>20</v>
      </c>
    </row>
    <row r="38" spans="1:4" ht="18" customHeight="1" x14ac:dyDescent="0.15">
      <c r="A38" s="16">
        <v>27</v>
      </c>
      <c r="B38" s="29">
        <v>16</v>
      </c>
      <c r="C38" s="10">
        <v>16</v>
      </c>
      <c r="D38" s="9">
        <v>32</v>
      </c>
    </row>
    <row r="39" spans="1:4" ht="18" customHeight="1" x14ac:dyDescent="0.15">
      <c r="A39" s="16">
        <v>28</v>
      </c>
      <c r="B39" s="29">
        <v>19</v>
      </c>
      <c r="C39" s="10">
        <v>7</v>
      </c>
      <c r="D39" s="9">
        <v>26</v>
      </c>
    </row>
    <row r="40" spans="1:4" ht="18" customHeight="1" x14ac:dyDescent="0.15">
      <c r="A40" s="16">
        <v>29</v>
      </c>
      <c r="B40" s="29">
        <v>14</v>
      </c>
      <c r="C40" s="10">
        <v>11</v>
      </c>
      <c r="D40" s="9">
        <v>25</v>
      </c>
    </row>
    <row r="41" spans="1:4" ht="18" customHeight="1" x14ac:dyDescent="0.15">
      <c r="A41" s="8" t="s">
        <v>73</v>
      </c>
      <c r="B41" s="29">
        <v>67</v>
      </c>
      <c r="C41" s="10">
        <v>53</v>
      </c>
      <c r="D41" s="9">
        <v>120</v>
      </c>
    </row>
    <row r="42" spans="1:4" ht="18" customHeight="1" x14ac:dyDescent="0.15">
      <c r="A42" s="16">
        <v>30</v>
      </c>
      <c r="B42" s="29">
        <v>14</v>
      </c>
      <c r="C42" s="10">
        <v>13</v>
      </c>
      <c r="D42" s="9">
        <v>27</v>
      </c>
    </row>
    <row r="43" spans="1:4" ht="18" customHeight="1" x14ac:dyDescent="0.15">
      <c r="A43" s="16">
        <v>31</v>
      </c>
      <c r="B43" s="29">
        <v>9</v>
      </c>
      <c r="C43" s="10">
        <v>11</v>
      </c>
      <c r="D43" s="9">
        <v>20</v>
      </c>
    </row>
    <row r="44" spans="1:4" ht="18" customHeight="1" x14ac:dyDescent="0.15">
      <c r="A44" s="16">
        <v>32</v>
      </c>
      <c r="B44" s="29">
        <v>11</v>
      </c>
      <c r="C44" s="10">
        <v>8</v>
      </c>
      <c r="D44" s="9">
        <v>19</v>
      </c>
    </row>
    <row r="45" spans="1:4" ht="18" customHeight="1" x14ac:dyDescent="0.15">
      <c r="A45" s="16">
        <v>33</v>
      </c>
      <c r="B45" s="29">
        <v>19</v>
      </c>
      <c r="C45" s="10">
        <v>9</v>
      </c>
      <c r="D45" s="9">
        <v>28</v>
      </c>
    </row>
    <row r="46" spans="1:4" ht="18" customHeight="1" x14ac:dyDescent="0.15">
      <c r="A46" s="16">
        <v>34</v>
      </c>
      <c r="B46" s="29">
        <v>9</v>
      </c>
      <c r="C46" s="10">
        <v>11</v>
      </c>
      <c r="D46" s="9">
        <v>20</v>
      </c>
    </row>
    <row r="47" spans="1:4" ht="18" customHeight="1" x14ac:dyDescent="0.15">
      <c r="A47" s="8" t="s">
        <v>61</v>
      </c>
      <c r="B47" s="29">
        <v>62</v>
      </c>
      <c r="C47" s="10">
        <v>52</v>
      </c>
      <c r="D47" s="9">
        <v>114</v>
      </c>
    </row>
    <row r="48" spans="1:4" ht="18" customHeight="1" x14ac:dyDescent="0.15">
      <c r="A48" s="16">
        <v>35</v>
      </c>
      <c r="B48" s="29">
        <v>12</v>
      </c>
      <c r="C48" s="10">
        <v>14</v>
      </c>
      <c r="D48" s="9">
        <v>26</v>
      </c>
    </row>
    <row r="49" spans="1:4" ht="18" customHeight="1" x14ac:dyDescent="0.15">
      <c r="A49" s="16">
        <v>36</v>
      </c>
      <c r="B49" s="29">
        <v>23</v>
      </c>
      <c r="C49" s="10">
        <v>14</v>
      </c>
      <c r="D49" s="9">
        <v>37</v>
      </c>
    </row>
    <row r="50" spans="1:4" ht="18" customHeight="1" x14ac:dyDescent="0.15">
      <c r="A50" s="16">
        <v>37</v>
      </c>
      <c r="B50" s="29">
        <v>11</v>
      </c>
      <c r="C50" s="10">
        <v>23</v>
      </c>
      <c r="D50" s="9">
        <v>34</v>
      </c>
    </row>
    <row r="51" spans="1:4" ht="18" customHeight="1" x14ac:dyDescent="0.15">
      <c r="A51" s="16">
        <v>38</v>
      </c>
      <c r="B51" s="29">
        <v>15</v>
      </c>
      <c r="C51" s="10">
        <v>12</v>
      </c>
      <c r="D51" s="9">
        <v>27</v>
      </c>
    </row>
    <row r="52" spans="1:4" ht="18" customHeight="1" x14ac:dyDescent="0.15">
      <c r="A52" s="16">
        <v>39</v>
      </c>
      <c r="B52" s="29">
        <v>7</v>
      </c>
      <c r="C52" s="10">
        <v>15</v>
      </c>
      <c r="D52" s="9">
        <v>22</v>
      </c>
    </row>
    <row r="53" spans="1:4" ht="18" customHeight="1" x14ac:dyDescent="0.15">
      <c r="A53" s="8" t="s">
        <v>72</v>
      </c>
      <c r="B53" s="29">
        <v>68</v>
      </c>
      <c r="C53" s="10">
        <v>78</v>
      </c>
      <c r="D53" s="9">
        <v>146</v>
      </c>
    </row>
    <row r="54" spans="1:4" ht="18" customHeight="1" x14ac:dyDescent="0.15">
      <c r="A54" s="16">
        <v>40</v>
      </c>
      <c r="B54" s="29">
        <v>14</v>
      </c>
      <c r="C54" s="10">
        <v>15</v>
      </c>
      <c r="D54" s="9">
        <v>29</v>
      </c>
    </row>
    <row r="55" spans="1:4" ht="18" customHeight="1" x14ac:dyDescent="0.15">
      <c r="A55" s="16">
        <v>41</v>
      </c>
      <c r="B55" s="29">
        <v>16</v>
      </c>
      <c r="C55" s="10">
        <v>17</v>
      </c>
      <c r="D55" s="9">
        <v>33</v>
      </c>
    </row>
    <row r="56" spans="1:4" ht="18" customHeight="1" x14ac:dyDescent="0.15">
      <c r="A56" s="16">
        <v>42</v>
      </c>
      <c r="B56" s="29">
        <v>10</v>
      </c>
      <c r="C56" s="10">
        <v>13</v>
      </c>
      <c r="D56" s="9">
        <v>23</v>
      </c>
    </row>
    <row r="57" spans="1:4" ht="18" customHeight="1" x14ac:dyDescent="0.15">
      <c r="A57" s="16">
        <v>43</v>
      </c>
      <c r="B57" s="29">
        <v>16</v>
      </c>
      <c r="C57" s="10">
        <v>9</v>
      </c>
      <c r="D57" s="9">
        <v>25</v>
      </c>
    </row>
    <row r="58" spans="1:4" ht="18" customHeight="1" x14ac:dyDescent="0.15">
      <c r="A58" s="16">
        <v>44</v>
      </c>
      <c r="B58" s="29">
        <v>13</v>
      </c>
      <c r="C58" s="10">
        <v>10</v>
      </c>
      <c r="D58" s="9">
        <v>23</v>
      </c>
    </row>
    <row r="59" spans="1:4" ht="18" customHeight="1" x14ac:dyDescent="0.15">
      <c r="A59" s="8" t="s">
        <v>46</v>
      </c>
      <c r="B59" s="29">
        <v>69</v>
      </c>
      <c r="C59" s="10">
        <v>64</v>
      </c>
      <c r="D59" s="9">
        <v>133</v>
      </c>
    </row>
    <row r="60" spans="1:4" ht="18" customHeight="1" x14ac:dyDescent="0.15">
      <c r="A60" s="16">
        <v>45</v>
      </c>
      <c r="B60" s="29">
        <v>15</v>
      </c>
      <c r="C60" s="10">
        <v>14</v>
      </c>
      <c r="D60" s="9">
        <v>29</v>
      </c>
    </row>
    <row r="61" spans="1:4" ht="18" customHeight="1" x14ac:dyDescent="0.15">
      <c r="A61" s="16">
        <v>46</v>
      </c>
      <c r="B61" s="29">
        <v>13</v>
      </c>
      <c r="C61" s="10">
        <v>14</v>
      </c>
      <c r="D61" s="9">
        <v>27</v>
      </c>
    </row>
    <row r="62" spans="1:4" ht="18" customHeight="1" x14ac:dyDescent="0.15">
      <c r="A62" s="16">
        <v>47</v>
      </c>
      <c r="B62" s="29">
        <v>17</v>
      </c>
      <c r="C62" s="10">
        <v>13</v>
      </c>
      <c r="D62" s="9">
        <v>30</v>
      </c>
    </row>
    <row r="63" spans="1:4" ht="18" customHeight="1" x14ac:dyDescent="0.15">
      <c r="A63" s="16">
        <v>48</v>
      </c>
      <c r="B63" s="29">
        <v>8</v>
      </c>
      <c r="C63" s="10">
        <v>21</v>
      </c>
      <c r="D63" s="9">
        <v>29</v>
      </c>
    </row>
    <row r="64" spans="1:4" ht="18" customHeight="1" x14ac:dyDescent="0.15">
      <c r="A64" s="16">
        <v>49</v>
      </c>
      <c r="B64" s="29">
        <v>35</v>
      </c>
      <c r="C64" s="10">
        <v>29</v>
      </c>
      <c r="D64" s="9">
        <v>64</v>
      </c>
    </row>
    <row r="65" spans="1:4" ht="18" customHeight="1" x14ac:dyDescent="0.15">
      <c r="A65" s="8" t="s">
        <v>45</v>
      </c>
      <c r="B65" s="29">
        <v>88</v>
      </c>
      <c r="C65" s="10">
        <v>91</v>
      </c>
      <c r="D65" s="9">
        <v>179</v>
      </c>
    </row>
    <row r="66" spans="1:4" ht="18" customHeight="1" x14ac:dyDescent="0.15">
      <c r="A66" s="16">
        <v>50</v>
      </c>
      <c r="B66" s="29">
        <v>19</v>
      </c>
      <c r="C66" s="10">
        <v>16</v>
      </c>
      <c r="D66" s="9">
        <v>35</v>
      </c>
    </row>
    <row r="67" spans="1:4" ht="18" customHeight="1" x14ac:dyDescent="0.15">
      <c r="A67" s="16">
        <v>51</v>
      </c>
      <c r="B67" s="29">
        <v>24</v>
      </c>
      <c r="C67" s="10">
        <v>19</v>
      </c>
      <c r="D67" s="9">
        <v>43</v>
      </c>
    </row>
    <row r="68" spans="1:4" ht="18" customHeight="1" x14ac:dyDescent="0.15">
      <c r="A68" s="16">
        <v>52</v>
      </c>
      <c r="B68" s="29">
        <v>25</v>
      </c>
      <c r="C68" s="10">
        <v>18</v>
      </c>
      <c r="D68" s="9">
        <v>43</v>
      </c>
    </row>
    <row r="69" spans="1:4" ht="18" customHeight="1" x14ac:dyDescent="0.15">
      <c r="A69" s="16">
        <v>53</v>
      </c>
      <c r="B69" s="29">
        <v>21</v>
      </c>
      <c r="C69" s="10">
        <v>24</v>
      </c>
      <c r="D69" s="9">
        <v>45</v>
      </c>
    </row>
    <row r="70" spans="1:4" ht="18" customHeight="1" x14ac:dyDescent="0.15">
      <c r="A70" s="16">
        <v>54</v>
      </c>
      <c r="B70" s="29">
        <v>19</v>
      </c>
      <c r="C70" s="10">
        <v>16</v>
      </c>
      <c r="D70" s="9">
        <v>35</v>
      </c>
    </row>
    <row r="71" spans="1:4" ht="18" customHeight="1" x14ac:dyDescent="0.15">
      <c r="A71" s="8" t="s">
        <v>58</v>
      </c>
      <c r="B71" s="29">
        <v>108</v>
      </c>
      <c r="C71" s="10">
        <v>93</v>
      </c>
      <c r="D71" s="9">
        <v>201</v>
      </c>
    </row>
    <row r="72" spans="1:4" ht="18" customHeight="1" x14ac:dyDescent="0.15">
      <c r="A72" s="16">
        <v>55</v>
      </c>
      <c r="B72" s="29">
        <v>20</v>
      </c>
      <c r="C72" s="10">
        <v>12</v>
      </c>
      <c r="D72" s="9">
        <v>32</v>
      </c>
    </row>
    <row r="73" spans="1:4" ht="18" customHeight="1" x14ac:dyDescent="0.15">
      <c r="A73" s="16">
        <v>56</v>
      </c>
      <c r="B73" s="29">
        <v>17</v>
      </c>
      <c r="C73" s="10">
        <v>21</v>
      </c>
      <c r="D73" s="9">
        <v>38</v>
      </c>
    </row>
    <row r="74" spans="1:4" ht="18" customHeight="1" x14ac:dyDescent="0.15">
      <c r="A74" s="16">
        <v>57</v>
      </c>
      <c r="B74" s="29">
        <v>15</v>
      </c>
      <c r="C74" s="10">
        <v>22</v>
      </c>
      <c r="D74" s="9">
        <v>37</v>
      </c>
    </row>
    <row r="75" spans="1:4" ht="18" customHeight="1" x14ac:dyDescent="0.15">
      <c r="A75" s="16">
        <v>58</v>
      </c>
      <c r="B75" s="29">
        <v>14</v>
      </c>
      <c r="C75" s="10">
        <v>29</v>
      </c>
      <c r="D75" s="9">
        <v>43</v>
      </c>
    </row>
    <row r="76" spans="1:4" ht="18" customHeight="1" x14ac:dyDescent="0.15">
      <c r="A76" s="16">
        <v>59</v>
      </c>
      <c r="B76" s="29">
        <v>17</v>
      </c>
      <c r="C76" s="10">
        <v>11</v>
      </c>
      <c r="D76" s="9">
        <v>28</v>
      </c>
    </row>
    <row r="77" spans="1:4" ht="18" customHeight="1" x14ac:dyDescent="0.15">
      <c r="A77" s="8" t="s">
        <v>71</v>
      </c>
      <c r="B77" s="29">
        <v>83</v>
      </c>
      <c r="C77" s="10">
        <v>95</v>
      </c>
      <c r="D77" s="9">
        <v>178</v>
      </c>
    </row>
    <row r="78" spans="1:4" ht="18" customHeight="1" x14ac:dyDescent="0.15">
      <c r="A78" s="16">
        <v>60</v>
      </c>
      <c r="B78" s="29">
        <v>18</v>
      </c>
      <c r="C78" s="10">
        <v>14</v>
      </c>
      <c r="D78" s="9">
        <v>32</v>
      </c>
    </row>
    <row r="79" spans="1:4" ht="18" customHeight="1" x14ac:dyDescent="0.15">
      <c r="A79" s="16">
        <v>61</v>
      </c>
      <c r="B79" s="29">
        <v>12</v>
      </c>
      <c r="C79" s="10">
        <v>18</v>
      </c>
      <c r="D79" s="9">
        <v>30</v>
      </c>
    </row>
    <row r="80" spans="1:4" ht="18" customHeight="1" x14ac:dyDescent="0.15">
      <c r="A80" s="16">
        <v>62</v>
      </c>
      <c r="B80" s="29">
        <v>24</v>
      </c>
      <c r="C80" s="10">
        <v>16</v>
      </c>
      <c r="D80" s="9">
        <v>40</v>
      </c>
    </row>
    <row r="81" spans="1:4" ht="18" customHeight="1" x14ac:dyDescent="0.15">
      <c r="A81" s="16">
        <v>63</v>
      </c>
      <c r="B81" s="29">
        <v>18</v>
      </c>
      <c r="C81" s="10">
        <v>19</v>
      </c>
      <c r="D81" s="9">
        <v>37</v>
      </c>
    </row>
    <row r="82" spans="1:4" ht="18" customHeight="1" x14ac:dyDescent="0.15">
      <c r="A82" s="16">
        <v>64</v>
      </c>
      <c r="B82" s="29">
        <v>18</v>
      </c>
      <c r="C82" s="10">
        <v>23</v>
      </c>
      <c r="D82" s="9">
        <v>41</v>
      </c>
    </row>
    <row r="83" spans="1:4" ht="18" customHeight="1" x14ac:dyDescent="0.15">
      <c r="A83" s="8" t="s">
        <v>44</v>
      </c>
      <c r="B83" s="29">
        <v>90</v>
      </c>
      <c r="C83" s="10">
        <v>90</v>
      </c>
      <c r="D83" s="9">
        <v>180</v>
      </c>
    </row>
    <row r="84" spans="1:4" ht="18" customHeight="1" x14ac:dyDescent="0.15">
      <c r="A84" s="8" t="s">
        <v>43</v>
      </c>
      <c r="B84" s="29">
        <v>734</v>
      </c>
      <c r="C84" s="10">
        <v>689</v>
      </c>
      <c r="D84" s="9">
        <v>1423</v>
      </c>
    </row>
    <row r="85" spans="1:4" ht="18" customHeight="1" x14ac:dyDescent="0.15">
      <c r="A85" s="16">
        <v>65</v>
      </c>
      <c r="B85" s="29">
        <v>16</v>
      </c>
      <c r="C85" s="10">
        <v>15</v>
      </c>
      <c r="D85" s="9">
        <v>31</v>
      </c>
    </row>
    <row r="86" spans="1:4" ht="18" customHeight="1" x14ac:dyDescent="0.15">
      <c r="A86" s="16">
        <v>66</v>
      </c>
      <c r="B86" s="29">
        <v>16</v>
      </c>
      <c r="C86" s="10">
        <v>14</v>
      </c>
      <c r="D86" s="9">
        <v>30</v>
      </c>
    </row>
    <row r="87" spans="1:4" ht="18" customHeight="1" x14ac:dyDescent="0.15">
      <c r="A87" s="16">
        <v>67</v>
      </c>
      <c r="B87" s="29">
        <v>18</v>
      </c>
      <c r="C87" s="10">
        <v>23</v>
      </c>
      <c r="D87" s="9">
        <v>41</v>
      </c>
    </row>
    <row r="88" spans="1:4" ht="18" customHeight="1" x14ac:dyDescent="0.15">
      <c r="A88" s="16">
        <v>68</v>
      </c>
      <c r="B88" s="29">
        <v>17</v>
      </c>
      <c r="C88" s="10">
        <v>15</v>
      </c>
      <c r="D88" s="9">
        <v>32</v>
      </c>
    </row>
    <row r="89" spans="1:4" ht="18" customHeight="1" x14ac:dyDescent="0.15">
      <c r="A89" s="16">
        <v>69</v>
      </c>
      <c r="B89" s="29">
        <v>15</v>
      </c>
      <c r="C89" s="10">
        <v>19</v>
      </c>
      <c r="D89" s="9">
        <v>34</v>
      </c>
    </row>
    <row r="90" spans="1:4" ht="18" customHeight="1" x14ac:dyDescent="0.15">
      <c r="A90" s="8" t="s">
        <v>42</v>
      </c>
      <c r="B90" s="29">
        <v>82</v>
      </c>
      <c r="C90" s="10">
        <v>86</v>
      </c>
      <c r="D90" s="9">
        <v>168</v>
      </c>
    </row>
    <row r="91" spans="1:4" ht="18" customHeight="1" x14ac:dyDescent="0.15">
      <c r="A91" s="16">
        <v>70</v>
      </c>
      <c r="B91" s="29">
        <v>17</v>
      </c>
      <c r="C91" s="10">
        <v>18</v>
      </c>
      <c r="D91" s="9">
        <v>35</v>
      </c>
    </row>
    <row r="92" spans="1:4" ht="18" customHeight="1" x14ac:dyDescent="0.15">
      <c r="A92" s="16">
        <v>71</v>
      </c>
      <c r="B92" s="29">
        <v>15</v>
      </c>
      <c r="C92" s="10">
        <v>11</v>
      </c>
      <c r="D92" s="9">
        <v>26</v>
      </c>
    </row>
    <row r="93" spans="1:4" ht="18" customHeight="1" x14ac:dyDescent="0.15">
      <c r="A93" s="16">
        <v>72</v>
      </c>
      <c r="B93" s="29">
        <v>17</v>
      </c>
      <c r="C93" s="10">
        <v>20</v>
      </c>
      <c r="D93" s="9">
        <v>37</v>
      </c>
    </row>
    <row r="94" spans="1:4" ht="18" customHeight="1" x14ac:dyDescent="0.15">
      <c r="A94" s="16">
        <v>73</v>
      </c>
      <c r="B94" s="29">
        <v>23</v>
      </c>
      <c r="C94" s="10">
        <v>31</v>
      </c>
      <c r="D94" s="9">
        <v>54</v>
      </c>
    </row>
    <row r="95" spans="1:4" ht="18" customHeight="1" x14ac:dyDescent="0.15">
      <c r="A95" s="16">
        <v>74</v>
      </c>
      <c r="B95" s="29">
        <v>15</v>
      </c>
      <c r="C95" s="10">
        <v>26</v>
      </c>
      <c r="D95" s="9">
        <v>41</v>
      </c>
    </row>
    <row r="96" spans="1:4" ht="18" customHeight="1" x14ac:dyDescent="0.15">
      <c r="A96" s="8" t="s">
        <v>41</v>
      </c>
      <c r="B96" s="29">
        <v>87</v>
      </c>
      <c r="C96" s="10">
        <v>106</v>
      </c>
      <c r="D96" s="9">
        <v>193</v>
      </c>
    </row>
    <row r="97" spans="1:4" ht="18" customHeight="1" x14ac:dyDescent="0.15">
      <c r="A97" s="16">
        <v>75</v>
      </c>
      <c r="B97" s="29">
        <v>27</v>
      </c>
      <c r="C97" s="10">
        <v>31</v>
      </c>
      <c r="D97" s="9">
        <v>58</v>
      </c>
    </row>
    <row r="98" spans="1:4" ht="18" customHeight="1" x14ac:dyDescent="0.15">
      <c r="A98" s="16">
        <v>76</v>
      </c>
      <c r="B98" s="29">
        <v>24</v>
      </c>
      <c r="C98" s="10">
        <v>27</v>
      </c>
      <c r="D98" s="9">
        <v>51</v>
      </c>
    </row>
    <row r="99" spans="1:4" ht="18" customHeight="1" x14ac:dyDescent="0.15">
      <c r="A99" s="16">
        <v>77</v>
      </c>
      <c r="B99" s="29">
        <v>15</v>
      </c>
      <c r="C99" s="10">
        <v>11</v>
      </c>
      <c r="D99" s="9">
        <v>26</v>
      </c>
    </row>
    <row r="100" spans="1:4" ht="18" customHeight="1" x14ac:dyDescent="0.15">
      <c r="A100" s="16">
        <v>78</v>
      </c>
      <c r="B100" s="29">
        <v>16</v>
      </c>
      <c r="C100" s="10">
        <v>19</v>
      </c>
      <c r="D100" s="9">
        <v>35</v>
      </c>
    </row>
    <row r="101" spans="1:4" ht="18" customHeight="1" x14ac:dyDescent="0.15">
      <c r="A101" s="16">
        <v>79</v>
      </c>
      <c r="B101" s="29">
        <v>12</v>
      </c>
      <c r="C101" s="10">
        <v>23</v>
      </c>
      <c r="D101" s="9">
        <v>35</v>
      </c>
    </row>
    <row r="102" spans="1:4" ht="18" customHeight="1" x14ac:dyDescent="0.15">
      <c r="A102" s="8" t="s">
        <v>70</v>
      </c>
      <c r="B102" s="29">
        <v>94</v>
      </c>
      <c r="C102" s="10">
        <v>111</v>
      </c>
      <c r="D102" s="9">
        <v>205</v>
      </c>
    </row>
    <row r="103" spans="1:4" ht="18" customHeight="1" x14ac:dyDescent="0.15">
      <c r="A103" s="16">
        <v>80</v>
      </c>
      <c r="B103" s="29">
        <v>14</v>
      </c>
      <c r="C103" s="10">
        <v>21</v>
      </c>
      <c r="D103" s="9">
        <v>35</v>
      </c>
    </row>
    <row r="104" spans="1:4" ht="18" customHeight="1" x14ac:dyDescent="0.15">
      <c r="A104" s="16">
        <v>81</v>
      </c>
      <c r="B104" s="29">
        <v>10</v>
      </c>
      <c r="C104" s="10">
        <v>17</v>
      </c>
      <c r="D104" s="9">
        <v>27</v>
      </c>
    </row>
    <row r="105" spans="1:4" ht="18" customHeight="1" x14ac:dyDescent="0.15">
      <c r="A105" s="16">
        <v>82</v>
      </c>
      <c r="B105" s="29">
        <v>15</v>
      </c>
      <c r="C105" s="10">
        <v>23</v>
      </c>
      <c r="D105" s="9">
        <v>38</v>
      </c>
    </row>
    <row r="106" spans="1:4" ht="18" customHeight="1" x14ac:dyDescent="0.15">
      <c r="A106" s="16">
        <v>83</v>
      </c>
      <c r="B106" s="29">
        <v>15</v>
      </c>
      <c r="C106" s="10">
        <v>13</v>
      </c>
      <c r="D106" s="9">
        <v>28</v>
      </c>
    </row>
    <row r="107" spans="1:4" ht="18" customHeight="1" x14ac:dyDescent="0.15">
      <c r="A107" s="16">
        <v>84</v>
      </c>
      <c r="B107" s="29">
        <v>8</v>
      </c>
      <c r="C107" s="10">
        <v>14</v>
      </c>
      <c r="D107" s="9">
        <v>22</v>
      </c>
    </row>
    <row r="108" spans="1:4" ht="18" customHeight="1" x14ac:dyDescent="0.15">
      <c r="A108" s="8" t="s">
        <v>39</v>
      </c>
      <c r="B108" s="29">
        <v>62</v>
      </c>
      <c r="C108" s="10">
        <v>88</v>
      </c>
      <c r="D108" s="9">
        <v>150</v>
      </c>
    </row>
    <row r="109" spans="1:4" ht="18" customHeight="1" x14ac:dyDescent="0.15">
      <c r="A109" s="16">
        <v>85</v>
      </c>
      <c r="B109" s="29">
        <v>9</v>
      </c>
      <c r="C109" s="10">
        <v>14</v>
      </c>
      <c r="D109" s="9">
        <v>23</v>
      </c>
    </row>
    <row r="110" spans="1:4" ht="18" customHeight="1" x14ac:dyDescent="0.15">
      <c r="A110" s="16">
        <v>86</v>
      </c>
      <c r="B110" s="29">
        <v>12</v>
      </c>
      <c r="C110" s="10">
        <v>24</v>
      </c>
      <c r="D110" s="9">
        <v>36</v>
      </c>
    </row>
    <row r="111" spans="1:4" ht="18" customHeight="1" x14ac:dyDescent="0.15">
      <c r="A111" s="16">
        <v>87</v>
      </c>
      <c r="B111" s="29">
        <v>9</v>
      </c>
      <c r="C111" s="10">
        <v>16</v>
      </c>
      <c r="D111" s="9">
        <v>25</v>
      </c>
    </row>
    <row r="112" spans="1:4" ht="18" customHeight="1" x14ac:dyDescent="0.15">
      <c r="A112" s="16">
        <v>88</v>
      </c>
      <c r="B112" s="29">
        <v>7</v>
      </c>
      <c r="C112" s="10">
        <v>9</v>
      </c>
      <c r="D112" s="9">
        <v>16</v>
      </c>
    </row>
    <row r="113" spans="1:4" ht="18" customHeight="1" x14ac:dyDescent="0.15">
      <c r="A113" s="16">
        <v>89</v>
      </c>
      <c r="B113" s="29">
        <v>6</v>
      </c>
      <c r="C113" s="10">
        <v>14</v>
      </c>
      <c r="D113" s="9">
        <v>20</v>
      </c>
    </row>
    <row r="114" spans="1:4" ht="18" customHeight="1" x14ac:dyDescent="0.15">
      <c r="A114" s="8" t="s">
        <v>38</v>
      </c>
      <c r="B114" s="29">
        <v>43</v>
      </c>
      <c r="C114" s="10">
        <v>77</v>
      </c>
      <c r="D114" s="9">
        <v>120</v>
      </c>
    </row>
    <row r="115" spans="1:4" ht="18" customHeight="1" x14ac:dyDescent="0.15">
      <c r="A115" s="16">
        <v>90</v>
      </c>
      <c r="B115" s="29">
        <v>2</v>
      </c>
      <c r="C115" s="10">
        <v>22</v>
      </c>
      <c r="D115" s="9">
        <v>24</v>
      </c>
    </row>
    <row r="116" spans="1:4" ht="18" customHeight="1" x14ac:dyDescent="0.15">
      <c r="A116" s="16">
        <v>91</v>
      </c>
      <c r="B116" s="29">
        <v>0</v>
      </c>
      <c r="C116" s="10">
        <v>8</v>
      </c>
      <c r="D116" s="9">
        <v>8</v>
      </c>
    </row>
    <row r="117" spans="1:4" ht="18" customHeight="1" x14ac:dyDescent="0.15">
      <c r="A117" s="16">
        <v>92</v>
      </c>
      <c r="B117" s="29">
        <v>7</v>
      </c>
      <c r="C117" s="10">
        <v>5</v>
      </c>
      <c r="D117" s="9">
        <v>12</v>
      </c>
    </row>
    <row r="118" spans="1:4" ht="18" customHeight="1" x14ac:dyDescent="0.15">
      <c r="A118" s="16">
        <v>93</v>
      </c>
      <c r="B118" s="29">
        <v>6</v>
      </c>
      <c r="C118" s="10">
        <v>8</v>
      </c>
      <c r="D118" s="9">
        <v>14</v>
      </c>
    </row>
    <row r="119" spans="1:4" ht="18" customHeight="1" x14ac:dyDescent="0.15">
      <c r="A119" s="16">
        <v>94</v>
      </c>
      <c r="B119" s="29">
        <v>0</v>
      </c>
      <c r="C119" s="10">
        <v>5</v>
      </c>
      <c r="D119" s="9">
        <v>5</v>
      </c>
    </row>
    <row r="120" spans="1:4" ht="18" customHeight="1" x14ac:dyDescent="0.15">
      <c r="A120" s="8" t="s">
        <v>69</v>
      </c>
      <c r="B120" s="29">
        <v>15</v>
      </c>
      <c r="C120" s="10">
        <v>48</v>
      </c>
      <c r="D120" s="9">
        <v>63</v>
      </c>
    </row>
    <row r="121" spans="1:4" ht="18" customHeight="1" x14ac:dyDescent="0.15">
      <c r="A121" s="16">
        <v>95</v>
      </c>
      <c r="B121" s="29">
        <v>3</v>
      </c>
      <c r="C121" s="10">
        <v>7</v>
      </c>
      <c r="D121" s="9">
        <v>10</v>
      </c>
    </row>
    <row r="122" spans="1:4" ht="18" customHeight="1" x14ac:dyDescent="0.15">
      <c r="A122" s="16">
        <v>96</v>
      </c>
      <c r="B122" s="29">
        <v>2</v>
      </c>
      <c r="C122" s="10">
        <v>6</v>
      </c>
      <c r="D122" s="9">
        <v>8</v>
      </c>
    </row>
    <row r="123" spans="1:4" ht="18" customHeight="1" x14ac:dyDescent="0.15">
      <c r="A123" s="16">
        <v>97</v>
      </c>
      <c r="B123" s="29">
        <v>0</v>
      </c>
      <c r="C123" s="10">
        <v>4</v>
      </c>
      <c r="D123" s="9">
        <v>4</v>
      </c>
    </row>
    <row r="124" spans="1:4" ht="18" customHeight="1" x14ac:dyDescent="0.15">
      <c r="A124" s="16">
        <v>98</v>
      </c>
      <c r="B124" s="29">
        <v>0</v>
      </c>
      <c r="C124" s="10">
        <v>4</v>
      </c>
      <c r="D124" s="9">
        <v>4</v>
      </c>
    </row>
    <row r="125" spans="1:4" ht="18" customHeight="1" x14ac:dyDescent="0.15">
      <c r="A125" s="16">
        <v>99</v>
      </c>
      <c r="B125" s="29">
        <v>0</v>
      </c>
      <c r="C125" s="10">
        <v>1</v>
      </c>
      <c r="D125" s="9">
        <v>1</v>
      </c>
    </row>
    <row r="126" spans="1:4" ht="18" customHeight="1" x14ac:dyDescent="0.15">
      <c r="A126" s="8" t="s">
        <v>68</v>
      </c>
      <c r="B126" s="29">
        <v>5</v>
      </c>
      <c r="C126" s="10">
        <v>22</v>
      </c>
      <c r="D126" s="9">
        <v>27</v>
      </c>
    </row>
    <row r="127" spans="1:4" ht="18" customHeight="1" x14ac:dyDescent="0.15">
      <c r="A127" s="16">
        <v>100</v>
      </c>
      <c r="B127" s="29">
        <v>0</v>
      </c>
      <c r="C127" s="10">
        <v>3</v>
      </c>
      <c r="D127" s="9">
        <v>3</v>
      </c>
    </row>
    <row r="128" spans="1:4" ht="18" customHeight="1" x14ac:dyDescent="0.15">
      <c r="A128" s="15" t="s">
        <v>37</v>
      </c>
      <c r="B128" s="29">
        <v>0</v>
      </c>
      <c r="C128" s="10">
        <v>0</v>
      </c>
      <c r="D128" s="9">
        <v>0</v>
      </c>
    </row>
    <row r="129" spans="1:4" ht="18" customHeight="1" x14ac:dyDescent="0.15">
      <c r="A129" s="8" t="s">
        <v>36</v>
      </c>
      <c r="B129" s="29">
        <v>0</v>
      </c>
      <c r="C129" s="10">
        <v>3</v>
      </c>
      <c r="D129" s="9">
        <v>3</v>
      </c>
    </row>
    <row r="130" spans="1:4" ht="18" customHeight="1" x14ac:dyDescent="0.15">
      <c r="A130" s="8" t="s">
        <v>35</v>
      </c>
      <c r="B130" s="28">
        <v>388</v>
      </c>
      <c r="C130" s="6">
        <v>541</v>
      </c>
      <c r="D130" s="5">
        <v>929</v>
      </c>
    </row>
    <row r="131" spans="1:4" ht="18" customHeight="1" x14ac:dyDescent="0.15">
      <c r="A131" s="4" t="s">
        <v>0</v>
      </c>
      <c r="B131" s="27">
        <v>1246</v>
      </c>
      <c r="C131" s="2">
        <v>1336</v>
      </c>
      <c r="D131" s="1">
        <v>2582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56" t="s">
        <v>383</v>
      </c>
      <c r="B1" s="58"/>
      <c r="C1" s="58"/>
      <c r="D1" s="58"/>
    </row>
    <row r="2" spans="1:4" ht="14.25" customHeight="1" x14ac:dyDescent="0.15">
      <c r="A2" s="26"/>
    </row>
    <row r="3" spans="1:4" ht="20.25" customHeight="1" x14ac:dyDescent="0.15">
      <c r="A3" s="25"/>
      <c r="B3" s="57" t="s">
        <v>30</v>
      </c>
      <c r="C3" s="57"/>
      <c r="D3" s="57"/>
    </row>
    <row r="4" spans="1:4" ht="18" customHeight="1" x14ac:dyDescent="0.15">
      <c r="A4" s="24" t="s">
        <v>29</v>
      </c>
      <c r="B4" s="33" t="s">
        <v>28</v>
      </c>
      <c r="C4" s="32" t="s">
        <v>27</v>
      </c>
      <c r="D4" s="31" t="s">
        <v>26</v>
      </c>
    </row>
    <row r="5" spans="1:4" ht="18" customHeight="1" x14ac:dyDescent="0.15">
      <c r="A5" s="38">
        <v>0</v>
      </c>
      <c r="B5" s="45">
        <v>1</v>
      </c>
      <c r="C5" s="44">
        <v>2</v>
      </c>
      <c r="D5" s="43">
        <v>3</v>
      </c>
    </row>
    <row r="6" spans="1:4" ht="18" customHeight="1" x14ac:dyDescent="0.15">
      <c r="A6" s="8">
        <v>1</v>
      </c>
      <c r="B6" s="39">
        <v>0</v>
      </c>
      <c r="C6" s="13">
        <v>2</v>
      </c>
      <c r="D6" s="12">
        <v>2</v>
      </c>
    </row>
    <row r="7" spans="1:4" ht="18" customHeight="1" x14ac:dyDescent="0.15">
      <c r="A7" s="8">
        <v>2</v>
      </c>
      <c r="B7" s="39">
        <v>3</v>
      </c>
      <c r="C7" s="13">
        <v>3</v>
      </c>
      <c r="D7" s="12">
        <v>6</v>
      </c>
    </row>
    <row r="8" spans="1:4" ht="18" customHeight="1" x14ac:dyDescent="0.15">
      <c r="A8" s="8">
        <v>3</v>
      </c>
      <c r="B8" s="39">
        <v>0</v>
      </c>
      <c r="C8" s="13">
        <v>0</v>
      </c>
      <c r="D8" s="12">
        <v>0</v>
      </c>
    </row>
    <row r="9" spans="1:4" ht="18" customHeight="1" x14ac:dyDescent="0.15">
      <c r="A9" s="8">
        <v>4</v>
      </c>
      <c r="B9" s="42">
        <v>2</v>
      </c>
      <c r="C9" s="41">
        <v>4</v>
      </c>
      <c r="D9" s="40">
        <v>6</v>
      </c>
    </row>
    <row r="10" spans="1:4" ht="18" customHeight="1" x14ac:dyDescent="0.15">
      <c r="A10" s="8" t="s">
        <v>76</v>
      </c>
      <c r="B10" s="34">
        <v>6</v>
      </c>
      <c r="C10" s="13">
        <v>11</v>
      </c>
      <c r="D10" s="12">
        <v>17</v>
      </c>
    </row>
    <row r="11" spans="1:4" ht="18" customHeight="1" x14ac:dyDescent="0.15">
      <c r="A11" s="8">
        <v>5</v>
      </c>
      <c r="B11" s="39">
        <v>1</v>
      </c>
      <c r="C11" s="13">
        <v>2</v>
      </c>
      <c r="D11" s="12">
        <v>3</v>
      </c>
    </row>
    <row r="12" spans="1:4" ht="18" customHeight="1" x14ac:dyDescent="0.15">
      <c r="A12" s="8">
        <v>6</v>
      </c>
      <c r="B12" s="39">
        <v>3</v>
      </c>
      <c r="C12" s="13">
        <v>0</v>
      </c>
      <c r="D12" s="12">
        <v>3</v>
      </c>
    </row>
    <row r="13" spans="1:4" ht="18" customHeight="1" x14ac:dyDescent="0.15">
      <c r="A13" s="8">
        <v>7</v>
      </c>
      <c r="B13" s="39">
        <v>1</v>
      </c>
      <c r="C13" s="13">
        <v>2</v>
      </c>
      <c r="D13" s="12">
        <v>3</v>
      </c>
    </row>
    <row r="14" spans="1:4" ht="18" customHeight="1" x14ac:dyDescent="0.15">
      <c r="A14" s="8">
        <v>8</v>
      </c>
      <c r="B14" s="39">
        <v>3</v>
      </c>
      <c r="C14" s="13">
        <v>4</v>
      </c>
      <c r="D14" s="12">
        <v>7</v>
      </c>
    </row>
    <row r="15" spans="1:4" ht="18" customHeight="1" x14ac:dyDescent="0.15">
      <c r="A15" s="8">
        <v>9</v>
      </c>
      <c r="B15" s="39">
        <v>1</v>
      </c>
      <c r="C15" s="13">
        <v>1</v>
      </c>
      <c r="D15" s="12">
        <v>2</v>
      </c>
    </row>
    <row r="16" spans="1:4" ht="18" customHeight="1" x14ac:dyDescent="0.15">
      <c r="A16" s="8" t="s">
        <v>50</v>
      </c>
      <c r="B16" s="34">
        <v>9</v>
      </c>
      <c r="C16" s="13">
        <v>9</v>
      </c>
      <c r="D16" s="12">
        <v>18</v>
      </c>
    </row>
    <row r="17" spans="1:4" ht="18" customHeight="1" x14ac:dyDescent="0.15">
      <c r="A17" s="8">
        <v>10</v>
      </c>
      <c r="B17" s="34">
        <v>3</v>
      </c>
      <c r="C17" s="13">
        <v>2</v>
      </c>
      <c r="D17" s="12">
        <v>5</v>
      </c>
    </row>
    <row r="18" spans="1:4" ht="18" customHeight="1" x14ac:dyDescent="0.15">
      <c r="A18" s="8">
        <v>11</v>
      </c>
      <c r="B18" s="34">
        <v>6</v>
      </c>
      <c r="C18" s="13">
        <v>2</v>
      </c>
      <c r="D18" s="12">
        <v>8</v>
      </c>
    </row>
    <row r="19" spans="1:4" ht="18" customHeight="1" x14ac:dyDescent="0.15">
      <c r="A19" s="8">
        <v>12</v>
      </c>
      <c r="B19" s="34">
        <v>8</v>
      </c>
      <c r="C19" s="13">
        <v>2</v>
      </c>
      <c r="D19" s="12">
        <v>10</v>
      </c>
    </row>
    <row r="20" spans="1:4" ht="18" customHeight="1" x14ac:dyDescent="0.15">
      <c r="A20" s="8">
        <v>13</v>
      </c>
      <c r="B20" s="34">
        <v>6</v>
      </c>
      <c r="C20" s="13">
        <v>0</v>
      </c>
      <c r="D20" s="12">
        <v>6</v>
      </c>
    </row>
    <row r="21" spans="1:4" ht="18" customHeight="1" x14ac:dyDescent="0.15">
      <c r="A21" s="8">
        <v>14</v>
      </c>
      <c r="B21" s="34">
        <v>5</v>
      </c>
      <c r="C21" s="13">
        <v>5</v>
      </c>
      <c r="D21" s="12">
        <v>10</v>
      </c>
    </row>
    <row r="22" spans="1:4" ht="18" customHeight="1" x14ac:dyDescent="0.15">
      <c r="A22" s="8" t="s">
        <v>75</v>
      </c>
      <c r="B22" s="34">
        <v>28</v>
      </c>
      <c r="C22" s="13">
        <v>11</v>
      </c>
      <c r="D22" s="12">
        <v>39</v>
      </c>
    </row>
    <row r="23" spans="1:4" ht="18" customHeight="1" x14ac:dyDescent="0.15">
      <c r="A23" s="8" t="s">
        <v>65</v>
      </c>
      <c r="B23" s="34">
        <v>43</v>
      </c>
      <c r="C23" s="13">
        <v>31</v>
      </c>
      <c r="D23" s="12">
        <v>74</v>
      </c>
    </row>
    <row r="24" spans="1:4" ht="18" customHeight="1" x14ac:dyDescent="0.15">
      <c r="A24" s="8">
        <v>15</v>
      </c>
      <c r="B24" s="34">
        <v>3</v>
      </c>
      <c r="C24" s="13">
        <v>4</v>
      </c>
      <c r="D24" s="12">
        <v>7</v>
      </c>
    </row>
    <row r="25" spans="1:4" ht="18" customHeight="1" x14ac:dyDescent="0.15">
      <c r="A25" s="8">
        <v>16</v>
      </c>
      <c r="B25" s="34">
        <v>8</v>
      </c>
      <c r="C25" s="13">
        <v>5</v>
      </c>
      <c r="D25" s="12">
        <v>13</v>
      </c>
    </row>
    <row r="26" spans="1:4" ht="18" customHeight="1" x14ac:dyDescent="0.15">
      <c r="A26" s="8">
        <v>17</v>
      </c>
      <c r="B26" s="34">
        <v>6</v>
      </c>
      <c r="C26" s="13">
        <v>7</v>
      </c>
      <c r="D26" s="12">
        <v>13</v>
      </c>
    </row>
    <row r="27" spans="1:4" ht="18" customHeight="1" x14ac:dyDescent="0.15">
      <c r="A27" s="8">
        <v>18</v>
      </c>
      <c r="B27" s="34">
        <v>3</v>
      </c>
      <c r="C27" s="13">
        <v>3</v>
      </c>
      <c r="D27" s="12">
        <v>6</v>
      </c>
    </row>
    <row r="28" spans="1:4" ht="18" customHeight="1" x14ac:dyDescent="0.15">
      <c r="A28" s="8">
        <v>19</v>
      </c>
      <c r="B28" s="34">
        <v>6</v>
      </c>
      <c r="C28" s="13">
        <v>4</v>
      </c>
      <c r="D28" s="12">
        <v>10</v>
      </c>
    </row>
    <row r="29" spans="1:4" ht="18" customHeight="1" x14ac:dyDescent="0.15">
      <c r="A29" s="8" t="s">
        <v>48</v>
      </c>
      <c r="B29" s="34">
        <v>26</v>
      </c>
      <c r="C29" s="13">
        <v>23</v>
      </c>
      <c r="D29" s="12">
        <v>49</v>
      </c>
    </row>
    <row r="30" spans="1:4" ht="18" customHeight="1" x14ac:dyDescent="0.15">
      <c r="A30" s="8">
        <v>20</v>
      </c>
      <c r="B30" s="34">
        <v>5</v>
      </c>
      <c r="C30" s="13">
        <v>3</v>
      </c>
      <c r="D30" s="12">
        <v>8</v>
      </c>
    </row>
    <row r="31" spans="1:4" ht="18" customHeight="1" x14ac:dyDescent="0.15">
      <c r="A31" s="8">
        <v>21</v>
      </c>
      <c r="B31" s="34">
        <v>7</v>
      </c>
      <c r="C31" s="13">
        <v>4</v>
      </c>
      <c r="D31" s="12">
        <v>11</v>
      </c>
    </row>
    <row r="32" spans="1:4" ht="18" customHeight="1" x14ac:dyDescent="0.15">
      <c r="A32" s="8">
        <v>22</v>
      </c>
      <c r="B32" s="34">
        <v>6</v>
      </c>
      <c r="C32" s="13">
        <v>4</v>
      </c>
      <c r="D32" s="12">
        <v>10</v>
      </c>
    </row>
    <row r="33" spans="1:4" ht="18" customHeight="1" x14ac:dyDescent="0.15">
      <c r="A33" s="8">
        <v>23</v>
      </c>
      <c r="B33" s="34">
        <v>2</v>
      </c>
      <c r="C33" s="13">
        <v>1</v>
      </c>
      <c r="D33" s="12">
        <v>3</v>
      </c>
    </row>
    <row r="34" spans="1:4" ht="18" customHeight="1" x14ac:dyDescent="0.15">
      <c r="A34" s="8">
        <v>24</v>
      </c>
      <c r="B34" s="34">
        <v>3</v>
      </c>
      <c r="C34" s="13">
        <v>2</v>
      </c>
      <c r="D34" s="12">
        <v>5</v>
      </c>
    </row>
    <row r="35" spans="1:4" ht="18" customHeight="1" x14ac:dyDescent="0.15">
      <c r="A35" s="8" t="s">
        <v>74</v>
      </c>
      <c r="B35" s="34">
        <v>23</v>
      </c>
      <c r="C35" s="13">
        <v>14</v>
      </c>
      <c r="D35" s="12">
        <v>37</v>
      </c>
    </row>
    <row r="36" spans="1:4" ht="18" customHeight="1" x14ac:dyDescent="0.15">
      <c r="A36" s="8">
        <v>25</v>
      </c>
      <c r="B36" s="34">
        <v>8</v>
      </c>
      <c r="C36" s="13">
        <v>2</v>
      </c>
      <c r="D36" s="12">
        <v>10</v>
      </c>
    </row>
    <row r="37" spans="1:4" ht="18" customHeight="1" x14ac:dyDescent="0.15">
      <c r="A37" s="8">
        <v>26</v>
      </c>
      <c r="B37" s="34">
        <v>7</v>
      </c>
      <c r="C37" s="13">
        <v>3</v>
      </c>
      <c r="D37" s="12">
        <v>10</v>
      </c>
    </row>
    <row r="38" spans="1:4" ht="18" customHeight="1" x14ac:dyDescent="0.15">
      <c r="A38" s="8">
        <v>27</v>
      </c>
      <c r="B38" s="34">
        <v>2</v>
      </c>
      <c r="C38" s="13">
        <v>6</v>
      </c>
      <c r="D38" s="12">
        <v>8</v>
      </c>
    </row>
    <row r="39" spans="1:4" ht="18" customHeight="1" x14ac:dyDescent="0.15">
      <c r="A39" s="8">
        <v>28</v>
      </c>
      <c r="B39" s="34">
        <v>5</v>
      </c>
      <c r="C39" s="13">
        <v>4</v>
      </c>
      <c r="D39" s="12">
        <v>9</v>
      </c>
    </row>
    <row r="40" spans="1:4" ht="18" customHeight="1" x14ac:dyDescent="0.15">
      <c r="A40" s="8">
        <v>29</v>
      </c>
      <c r="B40" s="34">
        <v>1</v>
      </c>
      <c r="C40" s="13">
        <v>6</v>
      </c>
      <c r="D40" s="12">
        <v>7</v>
      </c>
    </row>
    <row r="41" spans="1:4" ht="18" customHeight="1" x14ac:dyDescent="0.15">
      <c r="A41" s="8" t="s">
        <v>73</v>
      </c>
      <c r="B41" s="34">
        <v>23</v>
      </c>
      <c r="C41" s="13">
        <v>21</v>
      </c>
      <c r="D41" s="12">
        <v>44</v>
      </c>
    </row>
    <row r="42" spans="1:4" ht="18" customHeight="1" x14ac:dyDescent="0.15">
      <c r="A42" s="8">
        <v>30</v>
      </c>
      <c r="B42" s="34">
        <v>3</v>
      </c>
      <c r="C42" s="13">
        <v>4</v>
      </c>
      <c r="D42" s="12">
        <v>7</v>
      </c>
    </row>
    <row r="43" spans="1:4" ht="18" customHeight="1" x14ac:dyDescent="0.15">
      <c r="A43" s="8">
        <v>31</v>
      </c>
      <c r="B43" s="34">
        <v>5</v>
      </c>
      <c r="C43" s="13">
        <v>3</v>
      </c>
      <c r="D43" s="12">
        <v>8</v>
      </c>
    </row>
    <row r="44" spans="1:4" ht="18" customHeight="1" x14ac:dyDescent="0.15">
      <c r="A44" s="8">
        <v>32</v>
      </c>
      <c r="B44" s="34">
        <v>6</v>
      </c>
      <c r="C44" s="13">
        <v>1</v>
      </c>
      <c r="D44" s="12">
        <v>7</v>
      </c>
    </row>
    <row r="45" spans="1:4" ht="18" customHeight="1" x14ac:dyDescent="0.15">
      <c r="A45" s="8">
        <v>33</v>
      </c>
      <c r="B45" s="34">
        <v>2</v>
      </c>
      <c r="C45" s="13">
        <v>1</v>
      </c>
      <c r="D45" s="12">
        <v>3</v>
      </c>
    </row>
    <row r="46" spans="1:4" ht="18" customHeight="1" x14ac:dyDescent="0.15">
      <c r="A46" s="8">
        <v>34</v>
      </c>
      <c r="B46" s="34">
        <v>3</v>
      </c>
      <c r="C46" s="13">
        <v>5</v>
      </c>
      <c r="D46" s="12">
        <v>8</v>
      </c>
    </row>
    <row r="47" spans="1:4" ht="18" customHeight="1" x14ac:dyDescent="0.15">
      <c r="A47" s="8" t="s">
        <v>61</v>
      </c>
      <c r="B47" s="34">
        <v>19</v>
      </c>
      <c r="C47" s="13">
        <v>14</v>
      </c>
      <c r="D47" s="12">
        <v>33</v>
      </c>
    </row>
    <row r="48" spans="1:4" ht="18" customHeight="1" x14ac:dyDescent="0.15">
      <c r="A48" s="8">
        <v>35</v>
      </c>
      <c r="B48" s="34">
        <v>6</v>
      </c>
      <c r="C48" s="13">
        <v>0</v>
      </c>
      <c r="D48" s="12">
        <v>6</v>
      </c>
    </row>
    <row r="49" spans="1:4" ht="18" customHeight="1" x14ac:dyDescent="0.15">
      <c r="A49" s="8">
        <v>36</v>
      </c>
      <c r="B49" s="34">
        <v>4</v>
      </c>
      <c r="C49" s="13">
        <v>4</v>
      </c>
      <c r="D49" s="12">
        <v>8</v>
      </c>
    </row>
    <row r="50" spans="1:4" ht="18" customHeight="1" x14ac:dyDescent="0.15">
      <c r="A50" s="8">
        <v>37</v>
      </c>
      <c r="B50" s="34">
        <v>7</v>
      </c>
      <c r="C50" s="13">
        <v>6</v>
      </c>
      <c r="D50" s="12">
        <v>13</v>
      </c>
    </row>
    <row r="51" spans="1:4" ht="18" customHeight="1" x14ac:dyDescent="0.15">
      <c r="A51" s="8">
        <v>38</v>
      </c>
      <c r="B51" s="34">
        <v>2</v>
      </c>
      <c r="C51" s="13">
        <v>7</v>
      </c>
      <c r="D51" s="12">
        <v>9</v>
      </c>
    </row>
    <row r="52" spans="1:4" ht="18" customHeight="1" x14ac:dyDescent="0.15">
      <c r="A52" s="8">
        <v>39</v>
      </c>
      <c r="B52" s="34">
        <v>8</v>
      </c>
      <c r="C52" s="13">
        <v>1</v>
      </c>
      <c r="D52" s="12">
        <v>9</v>
      </c>
    </row>
    <row r="53" spans="1:4" ht="18" customHeight="1" x14ac:dyDescent="0.15">
      <c r="A53" s="8" t="s">
        <v>72</v>
      </c>
      <c r="B53" s="34">
        <v>27</v>
      </c>
      <c r="C53" s="13">
        <v>18</v>
      </c>
      <c r="D53" s="12">
        <v>45</v>
      </c>
    </row>
    <row r="54" spans="1:4" ht="18" customHeight="1" x14ac:dyDescent="0.15">
      <c r="A54" s="8">
        <v>40</v>
      </c>
      <c r="B54" s="34">
        <v>7</v>
      </c>
      <c r="C54" s="13">
        <v>1</v>
      </c>
      <c r="D54" s="12">
        <v>8</v>
      </c>
    </row>
    <row r="55" spans="1:4" ht="18" customHeight="1" x14ac:dyDescent="0.15">
      <c r="A55" s="8">
        <v>41</v>
      </c>
      <c r="B55" s="34">
        <v>6</v>
      </c>
      <c r="C55" s="13">
        <v>4</v>
      </c>
      <c r="D55" s="12">
        <v>10</v>
      </c>
    </row>
    <row r="56" spans="1:4" ht="18" customHeight="1" x14ac:dyDescent="0.15">
      <c r="A56" s="8">
        <v>42</v>
      </c>
      <c r="B56" s="34">
        <v>1</v>
      </c>
      <c r="C56" s="13">
        <v>5</v>
      </c>
      <c r="D56" s="12">
        <v>6</v>
      </c>
    </row>
    <row r="57" spans="1:4" ht="18" customHeight="1" x14ac:dyDescent="0.15">
      <c r="A57" s="8">
        <v>43</v>
      </c>
      <c r="B57" s="34">
        <v>8</v>
      </c>
      <c r="C57" s="13">
        <v>7</v>
      </c>
      <c r="D57" s="12">
        <v>15</v>
      </c>
    </row>
    <row r="58" spans="1:4" ht="18" customHeight="1" x14ac:dyDescent="0.15">
      <c r="A58" s="8">
        <v>44</v>
      </c>
      <c r="B58" s="34">
        <v>5</v>
      </c>
      <c r="C58" s="13">
        <v>7</v>
      </c>
      <c r="D58" s="12">
        <v>12</v>
      </c>
    </row>
    <row r="59" spans="1:4" ht="18" customHeight="1" x14ac:dyDescent="0.15">
      <c r="A59" s="8" t="s">
        <v>46</v>
      </c>
      <c r="B59" s="34">
        <v>27</v>
      </c>
      <c r="C59" s="13">
        <v>24</v>
      </c>
      <c r="D59" s="12">
        <v>51</v>
      </c>
    </row>
    <row r="60" spans="1:4" ht="18" customHeight="1" x14ac:dyDescent="0.15">
      <c r="A60" s="8">
        <v>45</v>
      </c>
      <c r="B60" s="34">
        <v>6</v>
      </c>
      <c r="C60" s="13">
        <v>2</v>
      </c>
      <c r="D60" s="12">
        <v>8</v>
      </c>
    </row>
    <row r="61" spans="1:4" ht="18" customHeight="1" x14ac:dyDescent="0.15">
      <c r="A61" s="8">
        <v>46</v>
      </c>
      <c r="B61" s="34">
        <v>11</v>
      </c>
      <c r="C61" s="13">
        <v>4</v>
      </c>
      <c r="D61" s="12">
        <v>15</v>
      </c>
    </row>
    <row r="62" spans="1:4" ht="18" customHeight="1" x14ac:dyDescent="0.15">
      <c r="A62" s="8">
        <v>47</v>
      </c>
      <c r="B62" s="34">
        <v>7</v>
      </c>
      <c r="C62" s="13">
        <v>8</v>
      </c>
      <c r="D62" s="12">
        <v>15</v>
      </c>
    </row>
    <row r="63" spans="1:4" ht="18" customHeight="1" x14ac:dyDescent="0.15">
      <c r="A63" s="8">
        <v>48</v>
      </c>
      <c r="B63" s="34">
        <v>9</v>
      </c>
      <c r="C63" s="13">
        <v>6</v>
      </c>
      <c r="D63" s="12">
        <v>15</v>
      </c>
    </row>
    <row r="64" spans="1:4" ht="18" customHeight="1" x14ac:dyDescent="0.15">
      <c r="A64" s="8">
        <v>49</v>
      </c>
      <c r="B64" s="34">
        <v>4</v>
      </c>
      <c r="C64" s="13">
        <v>12</v>
      </c>
      <c r="D64" s="12">
        <v>16</v>
      </c>
    </row>
    <row r="65" spans="1:4" ht="18" customHeight="1" x14ac:dyDescent="0.15">
      <c r="A65" s="8" t="s">
        <v>45</v>
      </c>
      <c r="B65" s="34">
        <v>37</v>
      </c>
      <c r="C65" s="13">
        <v>32</v>
      </c>
      <c r="D65" s="12">
        <v>69</v>
      </c>
    </row>
    <row r="66" spans="1:4" ht="18" customHeight="1" x14ac:dyDescent="0.15">
      <c r="A66" s="8">
        <v>50</v>
      </c>
      <c r="B66" s="34">
        <v>12</v>
      </c>
      <c r="C66" s="13">
        <v>7</v>
      </c>
      <c r="D66" s="12">
        <v>19</v>
      </c>
    </row>
    <row r="67" spans="1:4" ht="18" customHeight="1" x14ac:dyDescent="0.15">
      <c r="A67" s="8">
        <v>51</v>
      </c>
      <c r="B67" s="34">
        <v>5</v>
      </c>
      <c r="C67" s="13">
        <v>10</v>
      </c>
      <c r="D67" s="12">
        <v>15</v>
      </c>
    </row>
    <row r="68" spans="1:4" ht="18" customHeight="1" x14ac:dyDescent="0.15">
      <c r="A68" s="8">
        <v>52</v>
      </c>
      <c r="B68" s="34">
        <v>7</v>
      </c>
      <c r="C68" s="13">
        <v>14</v>
      </c>
      <c r="D68" s="12">
        <v>21</v>
      </c>
    </row>
    <row r="69" spans="1:4" ht="18" customHeight="1" x14ac:dyDescent="0.15">
      <c r="A69" s="8">
        <v>53</v>
      </c>
      <c r="B69" s="34">
        <v>10</v>
      </c>
      <c r="C69" s="13">
        <v>10</v>
      </c>
      <c r="D69" s="12">
        <v>20</v>
      </c>
    </row>
    <row r="70" spans="1:4" ht="18" customHeight="1" x14ac:dyDescent="0.15">
      <c r="A70" s="8">
        <v>54</v>
      </c>
      <c r="B70" s="34">
        <v>6</v>
      </c>
      <c r="C70" s="13">
        <v>7</v>
      </c>
      <c r="D70" s="12">
        <v>13</v>
      </c>
    </row>
    <row r="71" spans="1:4" ht="18" customHeight="1" x14ac:dyDescent="0.15">
      <c r="A71" s="8" t="s">
        <v>58</v>
      </c>
      <c r="B71" s="34">
        <v>40</v>
      </c>
      <c r="C71" s="13">
        <v>48</v>
      </c>
      <c r="D71" s="12">
        <v>88</v>
      </c>
    </row>
    <row r="72" spans="1:4" ht="18" customHeight="1" x14ac:dyDescent="0.15">
      <c r="A72" s="8">
        <v>55</v>
      </c>
      <c r="B72" s="34">
        <v>7</v>
      </c>
      <c r="C72" s="13">
        <v>8</v>
      </c>
      <c r="D72" s="12">
        <v>15</v>
      </c>
    </row>
    <row r="73" spans="1:4" ht="18" customHeight="1" x14ac:dyDescent="0.15">
      <c r="A73" s="8">
        <v>56</v>
      </c>
      <c r="B73" s="34">
        <v>6</v>
      </c>
      <c r="C73" s="13">
        <v>8</v>
      </c>
      <c r="D73" s="12">
        <v>14</v>
      </c>
    </row>
    <row r="74" spans="1:4" ht="18" customHeight="1" x14ac:dyDescent="0.15">
      <c r="A74" s="8">
        <v>57</v>
      </c>
      <c r="B74" s="34">
        <v>4</v>
      </c>
      <c r="C74" s="13">
        <v>6</v>
      </c>
      <c r="D74" s="12">
        <v>10</v>
      </c>
    </row>
    <row r="75" spans="1:4" ht="18" customHeight="1" x14ac:dyDescent="0.15">
      <c r="A75" s="8">
        <v>58</v>
      </c>
      <c r="B75" s="34">
        <v>3</v>
      </c>
      <c r="C75" s="13">
        <v>7</v>
      </c>
      <c r="D75" s="12">
        <v>10</v>
      </c>
    </row>
    <row r="76" spans="1:4" ht="18" customHeight="1" x14ac:dyDescent="0.15">
      <c r="A76" s="8">
        <v>59</v>
      </c>
      <c r="B76" s="34">
        <v>12</v>
      </c>
      <c r="C76" s="13">
        <v>9</v>
      </c>
      <c r="D76" s="12">
        <v>21</v>
      </c>
    </row>
    <row r="77" spans="1:4" ht="18" customHeight="1" x14ac:dyDescent="0.15">
      <c r="A77" s="8" t="s">
        <v>71</v>
      </c>
      <c r="B77" s="34">
        <v>32</v>
      </c>
      <c r="C77" s="13">
        <v>38</v>
      </c>
      <c r="D77" s="12">
        <v>70</v>
      </c>
    </row>
    <row r="78" spans="1:4" ht="18" customHeight="1" x14ac:dyDescent="0.15">
      <c r="A78" s="8">
        <v>60</v>
      </c>
      <c r="B78" s="34">
        <v>6</v>
      </c>
      <c r="C78" s="13">
        <v>5</v>
      </c>
      <c r="D78" s="12">
        <v>11</v>
      </c>
    </row>
    <row r="79" spans="1:4" ht="18" customHeight="1" x14ac:dyDescent="0.15">
      <c r="A79" s="8">
        <v>61</v>
      </c>
      <c r="B79" s="34">
        <v>4</v>
      </c>
      <c r="C79" s="13">
        <v>5</v>
      </c>
      <c r="D79" s="12">
        <v>9</v>
      </c>
    </row>
    <row r="80" spans="1:4" ht="18" customHeight="1" x14ac:dyDescent="0.15">
      <c r="A80" s="8">
        <v>62</v>
      </c>
      <c r="B80" s="34">
        <v>9</v>
      </c>
      <c r="C80" s="13">
        <v>8</v>
      </c>
      <c r="D80" s="12">
        <v>17</v>
      </c>
    </row>
    <row r="81" spans="1:4" ht="18" customHeight="1" x14ac:dyDescent="0.15">
      <c r="A81" s="8">
        <v>63</v>
      </c>
      <c r="B81" s="34">
        <v>5</v>
      </c>
      <c r="C81" s="13">
        <v>8</v>
      </c>
      <c r="D81" s="12">
        <v>13</v>
      </c>
    </row>
    <row r="82" spans="1:4" ht="18" customHeight="1" x14ac:dyDescent="0.15">
      <c r="A82" s="8">
        <v>64</v>
      </c>
      <c r="B82" s="34">
        <v>8</v>
      </c>
      <c r="C82" s="13">
        <v>13</v>
      </c>
      <c r="D82" s="12">
        <v>21</v>
      </c>
    </row>
    <row r="83" spans="1:4" ht="18" customHeight="1" x14ac:dyDescent="0.15">
      <c r="A83" s="8" t="s">
        <v>44</v>
      </c>
      <c r="B83" s="34">
        <v>32</v>
      </c>
      <c r="C83" s="13">
        <v>39</v>
      </c>
      <c r="D83" s="12">
        <v>71</v>
      </c>
    </row>
    <row r="84" spans="1:4" ht="18" customHeight="1" x14ac:dyDescent="0.15">
      <c r="A84" s="8" t="s">
        <v>43</v>
      </c>
      <c r="B84" s="34">
        <v>286</v>
      </c>
      <c r="C84" s="13">
        <v>271</v>
      </c>
      <c r="D84" s="12">
        <v>557</v>
      </c>
    </row>
    <row r="85" spans="1:4" ht="18" customHeight="1" x14ac:dyDescent="0.15">
      <c r="A85" s="8">
        <v>65</v>
      </c>
      <c r="B85" s="34">
        <v>9</v>
      </c>
      <c r="C85" s="13">
        <v>7</v>
      </c>
      <c r="D85" s="12">
        <v>16</v>
      </c>
    </row>
    <row r="86" spans="1:4" ht="18" customHeight="1" x14ac:dyDescent="0.15">
      <c r="A86" s="8">
        <v>66</v>
      </c>
      <c r="B86" s="34">
        <v>6</v>
      </c>
      <c r="C86" s="13">
        <v>5</v>
      </c>
      <c r="D86" s="12">
        <v>11</v>
      </c>
    </row>
    <row r="87" spans="1:4" ht="18" customHeight="1" x14ac:dyDescent="0.15">
      <c r="A87" s="8">
        <v>67</v>
      </c>
      <c r="B87" s="34">
        <v>7</v>
      </c>
      <c r="C87" s="13">
        <v>12</v>
      </c>
      <c r="D87" s="12">
        <v>19</v>
      </c>
    </row>
    <row r="88" spans="1:4" ht="18" customHeight="1" x14ac:dyDescent="0.15">
      <c r="A88" s="8">
        <v>68</v>
      </c>
      <c r="B88" s="34">
        <v>11</v>
      </c>
      <c r="C88" s="13">
        <v>10</v>
      </c>
      <c r="D88" s="12">
        <v>21</v>
      </c>
    </row>
    <row r="89" spans="1:4" ht="18" customHeight="1" x14ac:dyDescent="0.15">
      <c r="A89" s="8">
        <v>69</v>
      </c>
      <c r="B89" s="34">
        <v>16</v>
      </c>
      <c r="C89" s="13">
        <v>12</v>
      </c>
      <c r="D89" s="12">
        <v>28</v>
      </c>
    </row>
    <row r="90" spans="1:4" ht="18" customHeight="1" x14ac:dyDescent="0.15">
      <c r="A90" s="8" t="s">
        <v>42</v>
      </c>
      <c r="B90" s="34">
        <v>49</v>
      </c>
      <c r="C90" s="13">
        <v>46</v>
      </c>
      <c r="D90" s="12">
        <v>95</v>
      </c>
    </row>
    <row r="91" spans="1:4" ht="18" customHeight="1" x14ac:dyDescent="0.15">
      <c r="A91" s="8">
        <v>70</v>
      </c>
      <c r="B91" s="34">
        <v>9</v>
      </c>
      <c r="C91" s="13">
        <v>4</v>
      </c>
      <c r="D91" s="12">
        <v>13</v>
      </c>
    </row>
    <row r="92" spans="1:4" ht="18" customHeight="1" x14ac:dyDescent="0.15">
      <c r="A92" s="8">
        <v>71</v>
      </c>
      <c r="B92" s="34">
        <v>14</v>
      </c>
      <c r="C92" s="13">
        <v>14</v>
      </c>
      <c r="D92" s="12">
        <v>28</v>
      </c>
    </row>
    <row r="93" spans="1:4" ht="18" customHeight="1" x14ac:dyDescent="0.15">
      <c r="A93" s="8">
        <v>72</v>
      </c>
      <c r="B93" s="34">
        <v>8</v>
      </c>
      <c r="C93" s="13">
        <v>13</v>
      </c>
      <c r="D93" s="12">
        <v>21</v>
      </c>
    </row>
    <row r="94" spans="1:4" ht="18" customHeight="1" x14ac:dyDescent="0.15">
      <c r="A94" s="8">
        <v>73</v>
      </c>
      <c r="B94" s="34">
        <v>11</v>
      </c>
      <c r="C94" s="13">
        <v>16</v>
      </c>
      <c r="D94" s="12">
        <v>27</v>
      </c>
    </row>
    <row r="95" spans="1:4" ht="18" customHeight="1" x14ac:dyDescent="0.15">
      <c r="A95" s="8">
        <v>74</v>
      </c>
      <c r="B95" s="34">
        <v>12</v>
      </c>
      <c r="C95" s="13">
        <v>18</v>
      </c>
      <c r="D95" s="12">
        <v>30</v>
      </c>
    </row>
    <row r="96" spans="1:4" ht="18" customHeight="1" x14ac:dyDescent="0.15">
      <c r="A96" s="8" t="s">
        <v>41</v>
      </c>
      <c r="B96" s="34">
        <v>54</v>
      </c>
      <c r="C96" s="13">
        <v>65</v>
      </c>
      <c r="D96" s="12">
        <v>119</v>
      </c>
    </row>
    <row r="97" spans="1:4" ht="18" customHeight="1" x14ac:dyDescent="0.15">
      <c r="A97" s="8">
        <v>75</v>
      </c>
      <c r="B97" s="34">
        <v>11</v>
      </c>
      <c r="C97" s="13">
        <v>16</v>
      </c>
      <c r="D97" s="12">
        <v>27</v>
      </c>
    </row>
    <row r="98" spans="1:4" ht="18" customHeight="1" x14ac:dyDescent="0.15">
      <c r="A98" s="8">
        <v>76</v>
      </c>
      <c r="B98" s="34">
        <v>10</v>
      </c>
      <c r="C98" s="13">
        <v>16</v>
      </c>
      <c r="D98" s="12">
        <v>26</v>
      </c>
    </row>
    <row r="99" spans="1:4" ht="18" customHeight="1" x14ac:dyDescent="0.15">
      <c r="A99" s="8">
        <v>77</v>
      </c>
      <c r="B99" s="34">
        <v>12</v>
      </c>
      <c r="C99" s="13">
        <v>7</v>
      </c>
      <c r="D99" s="12">
        <v>19</v>
      </c>
    </row>
    <row r="100" spans="1:4" ht="18" customHeight="1" x14ac:dyDescent="0.15">
      <c r="A100" s="8">
        <v>78</v>
      </c>
      <c r="B100" s="34">
        <v>12</v>
      </c>
      <c r="C100" s="13">
        <v>6</v>
      </c>
      <c r="D100" s="12">
        <v>18</v>
      </c>
    </row>
    <row r="101" spans="1:4" ht="18" customHeight="1" x14ac:dyDescent="0.15">
      <c r="A101" s="8">
        <v>79</v>
      </c>
      <c r="B101" s="34">
        <v>9</v>
      </c>
      <c r="C101" s="13">
        <v>16</v>
      </c>
      <c r="D101" s="12">
        <v>25</v>
      </c>
    </row>
    <row r="102" spans="1:4" ht="18" customHeight="1" x14ac:dyDescent="0.15">
      <c r="A102" s="8" t="s">
        <v>70</v>
      </c>
      <c r="B102" s="34">
        <v>54</v>
      </c>
      <c r="C102" s="13">
        <v>61</v>
      </c>
      <c r="D102" s="12">
        <v>115</v>
      </c>
    </row>
    <row r="103" spans="1:4" ht="18" customHeight="1" x14ac:dyDescent="0.15">
      <c r="A103" s="8">
        <v>80</v>
      </c>
      <c r="B103" s="34">
        <v>11</v>
      </c>
      <c r="C103" s="13">
        <v>8</v>
      </c>
      <c r="D103" s="12">
        <v>19</v>
      </c>
    </row>
    <row r="104" spans="1:4" ht="18" customHeight="1" x14ac:dyDescent="0.15">
      <c r="A104" s="8">
        <v>81</v>
      </c>
      <c r="B104" s="34">
        <v>7</v>
      </c>
      <c r="C104" s="13">
        <v>13</v>
      </c>
      <c r="D104" s="12">
        <v>20</v>
      </c>
    </row>
    <row r="105" spans="1:4" ht="18" customHeight="1" x14ac:dyDescent="0.15">
      <c r="A105" s="8">
        <v>82</v>
      </c>
      <c r="B105" s="34">
        <v>5</v>
      </c>
      <c r="C105" s="13">
        <v>7</v>
      </c>
      <c r="D105" s="12">
        <v>12</v>
      </c>
    </row>
    <row r="106" spans="1:4" ht="18" customHeight="1" x14ac:dyDescent="0.15">
      <c r="A106" s="8">
        <v>83</v>
      </c>
      <c r="B106" s="34">
        <v>3</v>
      </c>
      <c r="C106" s="13">
        <v>9</v>
      </c>
      <c r="D106" s="12">
        <v>12</v>
      </c>
    </row>
    <row r="107" spans="1:4" ht="18" customHeight="1" x14ac:dyDescent="0.15">
      <c r="A107" s="8">
        <v>84</v>
      </c>
      <c r="B107" s="34">
        <v>4</v>
      </c>
      <c r="C107" s="13">
        <v>10</v>
      </c>
      <c r="D107" s="12">
        <v>14</v>
      </c>
    </row>
    <row r="108" spans="1:4" ht="18" customHeight="1" x14ac:dyDescent="0.15">
      <c r="A108" s="8" t="s">
        <v>39</v>
      </c>
      <c r="B108" s="34">
        <v>30</v>
      </c>
      <c r="C108" s="13">
        <v>47</v>
      </c>
      <c r="D108" s="12">
        <v>77</v>
      </c>
    </row>
    <row r="109" spans="1:4" ht="18" customHeight="1" x14ac:dyDescent="0.15">
      <c r="A109" s="8">
        <v>85</v>
      </c>
      <c r="B109" s="34">
        <v>7</v>
      </c>
      <c r="C109" s="13">
        <v>9</v>
      </c>
      <c r="D109" s="12">
        <v>16</v>
      </c>
    </row>
    <row r="110" spans="1:4" ht="18" customHeight="1" x14ac:dyDescent="0.15">
      <c r="A110" s="8">
        <v>86</v>
      </c>
      <c r="B110" s="34">
        <v>4</v>
      </c>
      <c r="C110" s="13">
        <v>2</v>
      </c>
      <c r="D110" s="12">
        <v>6</v>
      </c>
    </row>
    <row r="111" spans="1:4" ht="18" customHeight="1" x14ac:dyDescent="0.15">
      <c r="A111" s="8">
        <v>87</v>
      </c>
      <c r="B111" s="34">
        <v>4</v>
      </c>
      <c r="C111" s="13">
        <v>10</v>
      </c>
      <c r="D111" s="12">
        <v>14</v>
      </c>
    </row>
    <row r="112" spans="1:4" ht="18" customHeight="1" x14ac:dyDescent="0.15">
      <c r="A112" s="8">
        <v>88</v>
      </c>
      <c r="B112" s="34">
        <v>5</v>
      </c>
      <c r="C112" s="13">
        <v>6</v>
      </c>
      <c r="D112" s="12">
        <v>11</v>
      </c>
    </row>
    <row r="113" spans="1:4" ht="18" customHeight="1" x14ac:dyDescent="0.15">
      <c r="A113" s="8">
        <v>89</v>
      </c>
      <c r="B113" s="34">
        <v>5</v>
      </c>
      <c r="C113" s="13">
        <v>2</v>
      </c>
      <c r="D113" s="12">
        <v>7</v>
      </c>
    </row>
    <row r="114" spans="1:4" ht="18" customHeight="1" x14ac:dyDescent="0.15">
      <c r="A114" s="8" t="s">
        <v>38</v>
      </c>
      <c r="B114" s="34">
        <v>25</v>
      </c>
      <c r="C114" s="13">
        <v>29</v>
      </c>
      <c r="D114" s="12">
        <v>54</v>
      </c>
    </row>
    <row r="115" spans="1:4" ht="18" customHeight="1" x14ac:dyDescent="0.15">
      <c r="A115" s="8">
        <v>90</v>
      </c>
      <c r="B115" s="34">
        <v>5</v>
      </c>
      <c r="C115" s="13">
        <v>11</v>
      </c>
      <c r="D115" s="12">
        <v>16</v>
      </c>
    </row>
    <row r="116" spans="1:4" ht="18" customHeight="1" x14ac:dyDescent="0.15">
      <c r="A116" s="8">
        <v>91</v>
      </c>
      <c r="B116" s="34">
        <v>1</v>
      </c>
      <c r="C116" s="13">
        <v>13</v>
      </c>
      <c r="D116" s="12">
        <v>14</v>
      </c>
    </row>
    <row r="117" spans="1:4" ht="18" customHeight="1" x14ac:dyDescent="0.15">
      <c r="A117" s="8">
        <v>92</v>
      </c>
      <c r="B117" s="34">
        <v>2</v>
      </c>
      <c r="C117" s="13">
        <v>4</v>
      </c>
      <c r="D117" s="12">
        <v>6</v>
      </c>
    </row>
    <row r="118" spans="1:4" ht="18" customHeight="1" x14ac:dyDescent="0.15">
      <c r="A118" s="8">
        <v>93</v>
      </c>
      <c r="B118" s="34">
        <v>2</v>
      </c>
      <c r="C118" s="13">
        <v>6</v>
      </c>
      <c r="D118" s="12">
        <v>8</v>
      </c>
    </row>
    <row r="119" spans="1:4" ht="18" customHeight="1" x14ac:dyDescent="0.15">
      <c r="A119" s="8">
        <v>94</v>
      </c>
      <c r="B119" s="34">
        <v>2</v>
      </c>
      <c r="C119" s="13">
        <v>8</v>
      </c>
      <c r="D119" s="12">
        <v>10</v>
      </c>
    </row>
    <row r="120" spans="1:4" ht="18" customHeight="1" x14ac:dyDescent="0.15">
      <c r="A120" s="8" t="s">
        <v>69</v>
      </c>
      <c r="B120" s="34">
        <v>12</v>
      </c>
      <c r="C120" s="13">
        <v>42</v>
      </c>
      <c r="D120" s="12">
        <v>54</v>
      </c>
    </row>
    <row r="121" spans="1:4" ht="18" customHeight="1" x14ac:dyDescent="0.15">
      <c r="A121" s="8">
        <v>95</v>
      </c>
      <c r="B121" s="34">
        <v>1</v>
      </c>
      <c r="C121" s="13">
        <v>1</v>
      </c>
      <c r="D121" s="12">
        <v>2</v>
      </c>
    </row>
    <row r="122" spans="1:4" ht="18" customHeight="1" x14ac:dyDescent="0.15">
      <c r="A122" s="8">
        <v>96</v>
      </c>
      <c r="B122" s="34">
        <v>0</v>
      </c>
      <c r="C122" s="13">
        <v>0</v>
      </c>
      <c r="D122" s="12">
        <v>0</v>
      </c>
    </row>
    <row r="123" spans="1:4" ht="18" customHeight="1" x14ac:dyDescent="0.15">
      <c r="A123" s="8">
        <v>97</v>
      </c>
      <c r="B123" s="34">
        <v>1</v>
      </c>
      <c r="C123" s="13">
        <v>2</v>
      </c>
      <c r="D123" s="12">
        <v>3</v>
      </c>
    </row>
    <row r="124" spans="1:4" ht="18" customHeight="1" x14ac:dyDescent="0.15">
      <c r="A124" s="8">
        <v>98</v>
      </c>
      <c r="B124" s="34">
        <v>1</v>
      </c>
      <c r="C124" s="13">
        <v>1</v>
      </c>
      <c r="D124" s="12">
        <v>2</v>
      </c>
    </row>
    <row r="125" spans="1:4" ht="18" customHeight="1" x14ac:dyDescent="0.15">
      <c r="A125" s="8">
        <v>99</v>
      </c>
      <c r="B125" s="34">
        <v>0</v>
      </c>
      <c r="C125" s="13">
        <v>3</v>
      </c>
      <c r="D125" s="12">
        <v>3</v>
      </c>
    </row>
    <row r="126" spans="1:4" ht="18" customHeight="1" x14ac:dyDescent="0.15">
      <c r="A126" s="8" t="s">
        <v>68</v>
      </c>
      <c r="B126" s="34">
        <v>3</v>
      </c>
      <c r="C126" s="13">
        <v>7</v>
      </c>
      <c r="D126" s="12">
        <v>10</v>
      </c>
    </row>
    <row r="127" spans="1:4" ht="18" customHeight="1" x14ac:dyDescent="0.15">
      <c r="A127" s="8">
        <v>100</v>
      </c>
      <c r="B127" s="34">
        <v>0</v>
      </c>
      <c r="C127" s="13">
        <v>2</v>
      </c>
      <c r="D127" s="12">
        <v>2</v>
      </c>
    </row>
    <row r="128" spans="1:4" ht="18" customHeight="1" x14ac:dyDescent="0.15">
      <c r="A128" s="15" t="s">
        <v>37</v>
      </c>
      <c r="B128" s="34">
        <v>0</v>
      </c>
      <c r="C128" s="13">
        <v>3</v>
      </c>
      <c r="D128" s="12">
        <v>3</v>
      </c>
    </row>
    <row r="129" spans="1:4" ht="18" customHeight="1" x14ac:dyDescent="0.15">
      <c r="A129" s="8" t="s">
        <v>36</v>
      </c>
      <c r="B129" s="34">
        <v>0</v>
      </c>
      <c r="C129" s="13">
        <v>5</v>
      </c>
      <c r="D129" s="12">
        <v>5</v>
      </c>
    </row>
    <row r="130" spans="1:4" ht="18" customHeight="1" x14ac:dyDescent="0.15">
      <c r="A130" s="8" t="s">
        <v>35</v>
      </c>
      <c r="B130" s="28">
        <v>227</v>
      </c>
      <c r="C130" s="6">
        <v>302</v>
      </c>
      <c r="D130" s="5">
        <v>529</v>
      </c>
    </row>
    <row r="131" spans="1:4" ht="18" customHeight="1" x14ac:dyDescent="0.15">
      <c r="A131" s="4" t="s">
        <v>0</v>
      </c>
      <c r="B131" s="27">
        <v>556</v>
      </c>
      <c r="C131" s="2">
        <v>604</v>
      </c>
      <c r="D131" s="1">
        <v>1160</v>
      </c>
    </row>
  </sheetData>
  <mergeCells count="2">
    <mergeCell ref="B3:D3"/>
    <mergeCell ref="A1:D1"/>
  </mergeCells>
  <phoneticPr fontId="2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8:49:38Z</dcterms:created>
  <dcterms:modified xsi:type="dcterms:W3CDTF">2023-04-04T09:17:22Z</dcterms:modified>
</cp:coreProperties>
</file>